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worksheets/sheet15.xml" ContentType="application/vnd.openxmlformats-officedocument.spreadsheetml.worksheet+xml"/>
  <Override PartName="/xl/worksheets/sheet16.xml" ContentType="application/vnd.openxmlformats-officedocument.spreadsheetml.worksheet+xml"/>
  <Override PartName="/xl/worksheets/sheet17.xml" ContentType="application/vnd.openxmlformats-officedocument.spreadsheetml.worksheet+xml"/>
  <Override PartName="/xl/worksheets/sheet18.xml" ContentType="application/vnd.openxmlformats-officedocument.spreadsheetml.worksheet+xml"/>
  <Override PartName="/xl/worksheets/sheet19.xml" ContentType="application/vnd.openxmlformats-officedocument.spreadsheetml.worksheet+xml"/>
  <Override PartName="/xl/worksheets/sheet20.xml" ContentType="application/vnd.openxmlformats-officedocument.spreadsheetml.worksheet+xml"/>
  <Override PartName="/xl/worksheets/sheet21.xml" ContentType="application/vnd.openxmlformats-officedocument.spreadsheetml.worksheet+xml"/>
  <Override PartName="/xl/worksheets/sheet22.xml" ContentType="application/vnd.openxmlformats-officedocument.spreadsheetml.worksheet+xml"/>
  <Override PartName="/xl/worksheets/sheet23.xml" ContentType="application/vnd.openxmlformats-officedocument.spreadsheetml.worksheet+xml"/>
  <Override PartName="/xl/worksheets/sheet24.xml" ContentType="application/vnd.openxmlformats-officedocument.spreadsheetml.worksheet+xml"/>
  <Override PartName="/xl/worksheets/sheet25.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4" rupBuild="14420"/>
  <fileSharing readOnlyRecommended="1"/>
  <workbookPr defaultThemeVersion="124226"/>
  <mc:AlternateContent xmlns:mc="http://schemas.openxmlformats.org/markup-compatibility/2006">
    <mc:Choice Requires="x15">
      <x15ac:absPath xmlns:x15ac="http://schemas.microsoft.com/office/spreadsheetml/2010/11/ac" url="\\kfs01sec\s1393\企画Ｇ\14_定期報告・調査関係\03介護保険事業状況報告\03_月報HP\R4年度\HP掲載済\"/>
    </mc:Choice>
  </mc:AlternateContent>
  <bookViews>
    <workbookView xWindow="240" yWindow="72" windowWidth="14940" windowHeight="8556" tabRatio="853"/>
  </bookViews>
  <sheets>
    <sheet name="第１表" sheetId="1" r:id="rId1"/>
    <sheet name="第２-1表" sheetId="8" r:id="rId2"/>
    <sheet name="第２-2表" sheetId="19" r:id="rId3"/>
    <sheet name="第２-3表" sheetId="28" r:id="rId4"/>
    <sheet name="第３-1表" sheetId="9" r:id="rId5"/>
    <sheet name="第３-2-1表" sheetId="10" r:id="rId6"/>
    <sheet name="第３-2-2表" sheetId="21" r:id="rId7"/>
    <sheet name="第３-2-3表 " sheetId="29" r:id="rId8"/>
    <sheet name="第3-3-1表" sheetId="11" r:id="rId9"/>
    <sheet name="第3-3-2表" sheetId="22" r:id="rId10"/>
    <sheet name="第3-3-3表 " sheetId="30" r:id="rId11"/>
    <sheet name="第４-1表" sheetId="4" r:id="rId12"/>
    <sheet name="第4-2-1表" sheetId="13" r:id="rId13"/>
    <sheet name="第4-2-2表" sheetId="23" r:id="rId14"/>
    <sheet name="第4-2-3表" sheetId="31" r:id="rId15"/>
    <sheet name="第4-3-1表" sheetId="14" r:id="rId16"/>
    <sheet name="第4-3-2表" sheetId="24" r:id="rId17"/>
    <sheet name="第4-3-3表" sheetId="32" r:id="rId18"/>
    <sheet name="第5-1表" sheetId="5" r:id="rId19"/>
    <sheet name="第5-2表" sheetId="25" r:id="rId20"/>
    <sheet name="第5-3表" sheetId="33" r:id="rId21"/>
    <sheet name="第６-1表" sheetId="6" r:id="rId22"/>
    <sheet name="第６-2表" sheetId="26" r:id="rId23"/>
    <sheet name="第６-3表 " sheetId="34" r:id="rId24"/>
    <sheet name="第7表" sheetId="18" r:id="rId25"/>
  </sheets>
  <definedNames>
    <definedName name="_xlnm.Print_Area" localSheetId="0">第１表!$A$1:$J$41</definedName>
    <definedName name="_xlnm.Print_Area" localSheetId="1">'第２-1表'!$B$1:$KM$41</definedName>
    <definedName name="_xlnm.Print_Area" localSheetId="2">'第２-2表'!$B$1:$KM$41</definedName>
    <definedName name="_xlnm.Print_Area" localSheetId="3">'第２-3表'!$B$1:$KM$41</definedName>
    <definedName name="_xlnm.Print_Area" localSheetId="8">'第3-3-1表'!$B$1:$CW$40</definedName>
    <definedName name="_xlnm.Print_Area" localSheetId="9">'第3-3-2表'!$B$1:$CW$40</definedName>
    <definedName name="_xlnm.Print_Area" localSheetId="10">'第3-3-3表 '!$B$1:$CW$40</definedName>
    <definedName name="_xlnm.Print_Titles" localSheetId="1">'第２-1表'!$B:$B,'第２-1表'!$1:$2</definedName>
    <definedName name="_xlnm.Print_Titles" localSheetId="2">'第２-2表'!$B:$B,'第２-2表'!$1:$2</definedName>
    <definedName name="_xlnm.Print_Titles" localSheetId="3">'第２-3表'!$B:$B,'第２-3表'!$1:$2</definedName>
    <definedName name="_xlnm.Print_Titles" localSheetId="4">'第３-1表'!$B:$B</definedName>
    <definedName name="_xlnm.Print_Titles" localSheetId="5">'第３-2-1表'!$B:$B,'第３-2-1表'!$1:$2</definedName>
    <definedName name="_xlnm.Print_Titles" localSheetId="6">'第３-2-2表'!$B:$B,'第３-2-2表'!$1:$2</definedName>
    <definedName name="_xlnm.Print_Titles" localSheetId="7">'第３-2-3表 '!$B:$B,'第３-2-3表 '!$1:$2</definedName>
    <definedName name="_xlnm.Print_Titles" localSheetId="11">'第４-1表'!$B:$B</definedName>
    <definedName name="_xlnm.Print_Titles" localSheetId="18">'第5-1表'!$B:$B</definedName>
    <definedName name="_xlnm.Print_Titles" localSheetId="19">'第5-2表'!$B:$B</definedName>
    <definedName name="_xlnm.Print_Titles" localSheetId="20">'第5-3表'!$B:$B</definedName>
    <definedName name="_xlnm.Print_Titles" localSheetId="21">'第６-1表'!$B:$B</definedName>
    <definedName name="_xlnm.Print_Titles" localSheetId="22">'第６-2表'!$B:$B</definedName>
    <definedName name="_xlnm.Print_Titles" localSheetId="23">'第６-3表 '!$B:$B</definedName>
    <definedName name="_xlnm.Print_Titles" localSheetId="24">第7表!$B:$B</definedName>
  </definedNames>
  <calcPr calcId="162913"/>
</workbook>
</file>

<file path=xl/calcChain.xml><?xml version="1.0" encoding="utf-8"?>
<calcChain xmlns="http://schemas.openxmlformats.org/spreadsheetml/2006/main">
  <c r="I1" i="10" l="1"/>
  <c r="H4" i="1" l="1"/>
  <c r="F1" i="34" l="1"/>
  <c r="G1" i="34" s="1"/>
  <c r="E1" i="34"/>
  <c r="F1" i="6"/>
  <c r="G1" i="6" s="1"/>
  <c r="I1" i="33"/>
  <c r="J1" i="33" s="1"/>
  <c r="H1" i="33"/>
  <c r="J1" i="5"/>
  <c r="K1" i="5" s="1"/>
  <c r="H1" i="5"/>
  <c r="J1" i="30"/>
  <c r="I1" i="25" l="1"/>
  <c r="J1" i="25" s="1"/>
  <c r="H1" i="25"/>
  <c r="J1" i="32" l="1"/>
  <c r="K1" i="32" s="1"/>
  <c r="H1" i="32"/>
  <c r="K1" i="31"/>
  <c r="L1" i="31" s="1"/>
  <c r="I1" i="31"/>
  <c r="L1" i="30"/>
  <c r="M1" i="30" s="1"/>
  <c r="K1" i="29"/>
  <c r="L1" i="29" s="1"/>
  <c r="I1" i="29"/>
  <c r="H1" i="28"/>
  <c r="I1" i="28" s="1"/>
  <c r="F1" i="28"/>
  <c r="E1" i="18" l="1"/>
  <c r="E1" i="26"/>
  <c r="E1" i="6"/>
  <c r="H1" i="24"/>
  <c r="H1" i="14"/>
  <c r="I1" i="23"/>
  <c r="I1" i="13"/>
  <c r="H1" i="4"/>
  <c r="J1" i="22"/>
  <c r="J1" i="11"/>
  <c r="I1" i="21"/>
  <c r="G1" i="9"/>
  <c r="F1" i="19"/>
  <c r="F1" i="8"/>
  <c r="F1" i="18" l="1"/>
  <c r="F1" i="26"/>
  <c r="J1" i="24"/>
  <c r="J1" i="14"/>
  <c r="K1" i="23"/>
  <c r="K1" i="13"/>
  <c r="J1" i="4"/>
  <c r="L1" i="22"/>
  <c r="L1" i="11"/>
  <c r="K1" i="21"/>
  <c r="K1" i="10"/>
  <c r="I1" i="9"/>
  <c r="H1" i="19"/>
  <c r="I1" i="19" s="1"/>
  <c r="H1" i="8"/>
  <c r="I1" i="8" s="1"/>
  <c r="J1" i="9" l="1"/>
  <c r="G1" i="26"/>
  <c r="K1" i="24"/>
  <c r="L1" i="23"/>
  <c r="M1" i="22"/>
  <c r="L1" i="21"/>
  <c r="G1" i="18"/>
  <c r="K1" i="14"/>
  <c r="L1" i="13"/>
  <c r="M1" i="11"/>
  <c r="L1" i="10"/>
  <c r="K1" i="4"/>
</calcChain>
</file>

<file path=xl/sharedStrings.xml><?xml version="1.0" encoding="utf-8"?>
<sst xmlns="http://schemas.openxmlformats.org/spreadsheetml/2006/main" count="5575" uniqueCount="163">
  <si>
    <t>介護保険事業状況報告</t>
  </si>
  <si>
    <t>第1号被保険者数（人）</t>
  </si>
  <si>
    <t>当月末現在</t>
  </si>
  <si>
    <t>６５歳以上７５歳未満</t>
  </si>
  <si>
    <t>神奈川県</t>
  </si>
  <si>
    <t>横浜市</t>
  </si>
  <si>
    <t>川崎市</t>
  </si>
  <si>
    <t>横須賀市</t>
  </si>
  <si>
    <t>平塚市</t>
  </si>
  <si>
    <t>鎌倉市</t>
  </si>
  <si>
    <t>藤沢市</t>
  </si>
  <si>
    <t>小田原市</t>
  </si>
  <si>
    <t>茅ヶ崎市</t>
  </si>
  <si>
    <t>逗子市</t>
  </si>
  <si>
    <t>相模原市</t>
  </si>
  <si>
    <t>三浦市</t>
  </si>
  <si>
    <t>秦野市</t>
  </si>
  <si>
    <t>厚木市</t>
  </si>
  <si>
    <t>大和市</t>
  </si>
  <si>
    <t>伊勢原市</t>
  </si>
  <si>
    <t>海老名市</t>
  </si>
  <si>
    <t>座間市</t>
  </si>
  <si>
    <t>南足柄市</t>
  </si>
  <si>
    <t>綾瀬市</t>
  </si>
  <si>
    <t>葉山町</t>
  </si>
  <si>
    <t>寒川町</t>
  </si>
  <si>
    <t>大磯町</t>
  </si>
  <si>
    <t>二宮町</t>
  </si>
  <si>
    <t>中井町</t>
  </si>
  <si>
    <t>大井町</t>
  </si>
  <si>
    <t>松田町</t>
  </si>
  <si>
    <t>山北町</t>
  </si>
  <si>
    <t>開成町</t>
  </si>
  <si>
    <t>箱根町</t>
  </si>
  <si>
    <t>真鶴町</t>
  </si>
  <si>
    <t>湯河原町</t>
  </si>
  <si>
    <t>愛川町</t>
  </si>
  <si>
    <t>清川村</t>
  </si>
  <si>
    <t>区分</t>
  </si>
  <si>
    <t>第１号被保険者</t>
  </si>
  <si>
    <t>第２号被保険者</t>
  </si>
  <si>
    <t>総数</t>
  </si>
  <si>
    <t>市町村名</t>
  </si>
  <si>
    <t>要支援１</t>
  </si>
  <si>
    <t>要支援２</t>
  </si>
  <si>
    <t>計</t>
  </si>
  <si>
    <t>経過的
要介護</t>
  </si>
  <si>
    <t>要介護１</t>
  </si>
  <si>
    <t>要介護２</t>
  </si>
  <si>
    <t>要介護３</t>
  </si>
  <si>
    <t>要介護４</t>
  </si>
  <si>
    <t>要介護５</t>
  </si>
  <si>
    <t>合計</t>
  </si>
  <si>
    <t>第１被保険者</t>
  </si>
  <si>
    <t>第２被保険者</t>
  </si>
  <si>
    <t>総　　　計</t>
  </si>
  <si>
    <t>施設介護サービス受給者数（人）</t>
  </si>
  <si>
    <t>介護老人福祉施設</t>
  </si>
  <si>
    <t>介護老人保健施設</t>
  </si>
  <si>
    <t>介護療養型医療施設</t>
  </si>
  <si>
    <t>総計</t>
  </si>
  <si>
    <t>予防給付</t>
  </si>
  <si>
    <t>介護給付</t>
  </si>
  <si>
    <t>居宅(介護予防)サービス</t>
  </si>
  <si>
    <t>訪問サービス</t>
  </si>
  <si>
    <t>通所サービス</t>
  </si>
  <si>
    <t>短期入所サービス</t>
  </si>
  <si>
    <t>福祉用具・住宅改修サービス</t>
  </si>
  <si>
    <t>特定施設入居者生活介護</t>
  </si>
  <si>
    <t>介護予防支援・居宅介護支援</t>
  </si>
  <si>
    <t>訪問介護</t>
  </si>
  <si>
    <t>訪問入浴介護</t>
  </si>
  <si>
    <t>訪問看護</t>
  </si>
  <si>
    <t>訪問リハビリテーション</t>
  </si>
  <si>
    <t>居宅療養管理指導</t>
  </si>
  <si>
    <t>通所介護</t>
  </si>
  <si>
    <t>通所リハビリテーション</t>
  </si>
  <si>
    <t>短期入所生活介護</t>
  </si>
  <si>
    <t>短期入所療養介護（介護老人保健施設）</t>
  </si>
  <si>
    <t>短期入所療養介護（介護療養型医療施設等）</t>
  </si>
  <si>
    <t>福祉用具貸与</t>
  </si>
  <si>
    <t>福祉用具購入費</t>
  </si>
  <si>
    <t>住宅改修費</t>
  </si>
  <si>
    <t>経過的要介護</t>
  </si>
  <si>
    <t>※　千円未満四捨五入処理のため、計は合わない。</t>
  </si>
  <si>
    <t>地域密着型(介護予防)サービス</t>
  </si>
  <si>
    <t>施設サービス</t>
  </si>
  <si>
    <t>　</t>
    <phoneticPr fontId="4"/>
  </si>
  <si>
    <t>夜間対応型訪問介護</t>
    <phoneticPr fontId="4"/>
  </si>
  <si>
    <t>小規模多機能型居宅介護</t>
    <phoneticPr fontId="4"/>
  </si>
  <si>
    <t>認知症対応型通所介護</t>
    <phoneticPr fontId="4"/>
  </si>
  <si>
    <t>認知症対応型共同生活介護</t>
    <phoneticPr fontId="4"/>
  </si>
  <si>
    <t>地域密着型特定施設入居者生活介護</t>
    <phoneticPr fontId="4"/>
  </si>
  <si>
    <t>地域密着型介護老人福祉施設入所者生活介護</t>
    <phoneticPr fontId="4"/>
  </si>
  <si>
    <t>定期巡回・随時対応型訪問介護看護</t>
    <phoneticPr fontId="4"/>
  </si>
  <si>
    <t>計</t>
    <phoneticPr fontId="4"/>
  </si>
  <si>
    <t>男</t>
    <rPh sb="0" eb="1">
      <t>オトコ</t>
    </rPh>
    <phoneticPr fontId="4"/>
  </si>
  <si>
    <t>６５歳以上７０歳未満</t>
    <phoneticPr fontId="4"/>
  </si>
  <si>
    <t>７０歳以上７５歳未満</t>
    <phoneticPr fontId="4"/>
  </si>
  <si>
    <t>７５歳以上８０歳未満</t>
    <phoneticPr fontId="4"/>
  </si>
  <si>
    <t>８０歳以上８５歳未満</t>
    <phoneticPr fontId="4"/>
  </si>
  <si>
    <r>
      <t>８５歳以上９０</t>
    </r>
    <r>
      <rPr>
        <sz val="11"/>
        <rFont val="ＭＳ Ｐゴシック"/>
        <family val="3"/>
        <charset val="128"/>
      </rPr>
      <t>歳未満</t>
    </r>
    <phoneticPr fontId="4"/>
  </si>
  <si>
    <t>９０歳以上</t>
    <phoneticPr fontId="4"/>
  </si>
  <si>
    <t>女</t>
    <rPh sb="0" eb="1">
      <t>オンナ</t>
    </rPh>
    <phoneticPr fontId="4"/>
  </si>
  <si>
    <t>計</t>
    <rPh sb="0" eb="1">
      <t>ケイ</t>
    </rPh>
    <phoneticPr fontId="4"/>
  </si>
  <si>
    <t>短期入所療養介護（介護療養型医療施設等）（日）</t>
  </si>
  <si>
    <t>短期入所生活介護（日）</t>
  </si>
  <si>
    <t>通所リハビリテーション（回）</t>
  </si>
  <si>
    <t>通所介護（回）</t>
  </si>
  <si>
    <t>訪問リハビリテーション（回）</t>
  </si>
  <si>
    <t>訪問看護（回）</t>
  </si>
  <si>
    <t>訪問入浴介護（回）</t>
  </si>
  <si>
    <t>訪問介護（回）</t>
  </si>
  <si>
    <t>認知症対応型通所介護</t>
  </si>
  <si>
    <t>定期巡回・随時対応型訪問介護看護</t>
    <phoneticPr fontId="4"/>
  </si>
  <si>
    <t>夜間対応型訪問介護</t>
    <phoneticPr fontId="4"/>
  </si>
  <si>
    <t>食費</t>
  </si>
  <si>
    <t>地域密着型介護老人福祉施設入所者生活介護</t>
  </si>
  <si>
    <t>居住費（滞在費）</t>
  </si>
  <si>
    <t>要支援１</t>
    <phoneticPr fontId="4"/>
  </si>
  <si>
    <t>保険給付決定状況 特定入所者介護（介護予防）サービス費　総数　給付費（千円）</t>
    <rPh sb="33" eb="34">
      <t>ヒ</t>
    </rPh>
    <rPh sb="35" eb="37">
      <t>センエン</t>
    </rPh>
    <phoneticPr fontId="4"/>
  </si>
  <si>
    <t xml:space="preserve">要介護（要支援）認定者数（人） </t>
    <phoneticPr fontId="4"/>
  </si>
  <si>
    <t>居宅介護(介護予防)サービスのサービス別受給者数【現物給付分】</t>
    <rPh sb="25" eb="27">
      <t>ゲンブツ</t>
    </rPh>
    <rPh sb="27" eb="29">
      <t>キュウフ</t>
    </rPh>
    <rPh sb="29" eb="30">
      <t>ブン</t>
    </rPh>
    <phoneticPr fontId="4"/>
  </si>
  <si>
    <t>居宅介護(介護予防)サービスのサービス別利用回（日）数【現物給付分】</t>
    <rPh sb="28" eb="30">
      <t>ゲンブツ</t>
    </rPh>
    <rPh sb="30" eb="32">
      <t>キュウフ</t>
    </rPh>
    <rPh sb="32" eb="33">
      <t>ブン</t>
    </rPh>
    <phoneticPr fontId="4"/>
  </si>
  <si>
    <t>地域密着型(介護予防)サービスのサービス別受給者数【現物給付分】</t>
    <rPh sb="26" eb="28">
      <t>ゲンブツ</t>
    </rPh>
    <rPh sb="28" eb="30">
      <t>キュウフ</t>
    </rPh>
    <rPh sb="30" eb="31">
      <t>ブン</t>
    </rPh>
    <phoneticPr fontId="4"/>
  </si>
  <si>
    <t>地域密着型(介護予防)サービスの利用回数【現物給付分】</t>
    <phoneticPr fontId="4"/>
  </si>
  <si>
    <t>※国民健康保険団体連合会が保有する受給者台帳を基にしたものであり、提出後に要介護度が遡って変更になる場合がある。</t>
    <rPh sb="1" eb="3">
      <t>コクミン</t>
    </rPh>
    <rPh sb="3" eb="5">
      <t>ケンコウ</t>
    </rPh>
    <rPh sb="5" eb="7">
      <t>ホケン</t>
    </rPh>
    <rPh sb="7" eb="9">
      <t>ダンタイ</t>
    </rPh>
    <rPh sb="9" eb="12">
      <t>レンゴウカイ</t>
    </rPh>
    <rPh sb="13" eb="15">
      <t>ホユウ</t>
    </rPh>
    <rPh sb="17" eb="20">
      <t>ジュキュウシャ</t>
    </rPh>
    <rPh sb="20" eb="22">
      <t>ダイチョウ</t>
    </rPh>
    <rPh sb="23" eb="24">
      <t>モト</t>
    </rPh>
    <rPh sb="33" eb="35">
      <t>テイシュツ</t>
    </rPh>
    <rPh sb="35" eb="36">
      <t>ゴ</t>
    </rPh>
    <rPh sb="37" eb="40">
      <t>ヨウカイゴ</t>
    </rPh>
    <rPh sb="40" eb="41">
      <t>ド</t>
    </rPh>
    <rPh sb="42" eb="43">
      <t>サカノボ</t>
    </rPh>
    <rPh sb="45" eb="47">
      <t>ヘンコウ</t>
    </rPh>
    <rPh sb="50" eb="52">
      <t>バアイ</t>
    </rPh>
    <phoneticPr fontId="4"/>
  </si>
  <si>
    <t>※訪問介護、通所介護及び通所リハビリテーションについては、介護予防サービスを除く。</t>
    <rPh sb="1" eb="3">
      <t>ホウモン</t>
    </rPh>
    <rPh sb="3" eb="5">
      <t>カイゴ</t>
    </rPh>
    <rPh sb="6" eb="8">
      <t>ツウショ</t>
    </rPh>
    <rPh sb="8" eb="10">
      <t>カイゴ</t>
    </rPh>
    <rPh sb="10" eb="11">
      <t>オヨ</t>
    </rPh>
    <rPh sb="12" eb="14">
      <t>ツウショ</t>
    </rPh>
    <rPh sb="29" eb="31">
      <t>カイゴ</t>
    </rPh>
    <rPh sb="31" eb="33">
      <t>ヨボウ</t>
    </rPh>
    <rPh sb="38" eb="39">
      <t>ノゾ</t>
    </rPh>
    <phoneticPr fontId="4"/>
  </si>
  <si>
    <t>短期入所療養介護（介護老人保健施設）（日）</t>
    <phoneticPr fontId="4"/>
  </si>
  <si>
    <t>地域密着型（介護予防）サービス受給者数（人）</t>
    <phoneticPr fontId="4"/>
  </si>
  <si>
    <t>①総数</t>
    <rPh sb="1" eb="3">
      <t>ソウスウ</t>
    </rPh>
    <phoneticPr fontId="4"/>
  </si>
  <si>
    <t>②総数（再掲：第1号被保険者の2割負担対象者分）</t>
  </si>
  <si>
    <t>②総数（再掲：第1号被保険者の2割負担対象者分）</t>
    <rPh sb="1" eb="3">
      <t>ソウスウ</t>
    </rPh>
    <rPh sb="4" eb="6">
      <t>サイケイ</t>
    </rPh>
    <rPh sb="7" eb="8">
      <t>ダイ</t>
    </rPh>
    <rPh sb="9" eb="10">
      <t>ゴウ</t>
    </rPh>
    <rPh sb="10" eb="14">
      <t>ヒホケンジャ</t>
    </rPh>
    <rPh sb="16" eb="17">
      <t>ワリ</t>
    </rPh>
    <rPh sb="17" eb="19">
      <t>フタン</t>
    </rPh>
    <rPh sb="19" eb="22">
      <t>タイショウシャ</t>
    </rPh>
    <rPh sb="22" eb="23">
      <t>ブン</t>
    </rPh>
    <phoneticPr fontId="4"/>
  </si>
  <si>
    <t>①総数</t>
    <phoneticPr fontId="4"/>
  </si>
  <si>
    <t>居宅介護（介護予防）サービス受給者数</t>
    <phoneticPr fontId="4"/>
  </si>
  <si>
    <t>②総数（再掲：第1号被保険者の2割負担対象者分）</t>
    <phoneticPr fontId="4"/>
  </si>
  <si>
    <t>保険給付決定状況</t>
  </si>
  <si>
    <t>②総数（給付費・千円）（再掲：第1号被保険者の2割負担対象者分）</t>
    <rPh sb="12" eb="14">
      <t>サイケイ</t>
    </rPh>
    <rPh sb="15" eb="16">
      <t>ダイ</t>
    </rPh>
    <rPh sb="17" eb="18">
      <t>ゴウ</t>
    </rPh>
    <rPh sb="18" eb="22">
      <t>ヒホケンジャ</t>
    </rPh>
    <rPh sb="24" eb="25">
      <t>ワリ</t>
    </rPh>
    <rPh sb="25" eb="27">
      <t>フタン</t>
    </rPh>
    <rPh sb="27" eb="30">
      <t>タイショウシャ</t>
    </rPh>
    <rPh sb="30" eb="31">
      <t>ブン</t>
    </rPh>
    <phoneticPr fontId="4"/>
  </si>
  <si>
    <t>①総数</t>
    <phoneticPr fontId="4"/>
  </si>
  <si>
    <t>①総数</t>
    <rPh sb="1" eb="3">
      <t>ソウスウ</t>
    </rPh>
    <phoneticPr fontId="4"/>
  </si>
  <si>
    <t>【現物給付分】</t>
    <rPh sb="1" eb="3">
      <t>ゲンブツ</t>
    </rPh>
    <rPh sb="3" eb="5">
      <t>キュウフ</t>
    </rPh>
    <rPh sb="5" eb="6">
      <t>ブン</t>
    </rPh>
    <phoneticPr fontId="4"/>
  </si>
  <si>
    <t>複合型サービス(看護小規模多機能型居宅介護）</t>
    <rPh sb="8" eb="10">
      <t>カンゴ</t>
    </rPh>
    <rPh sb="10" eb="13">
      <t>ショウキボ</t>
    </rPh>
    <rPh sb="13" eb="17">
      <t>タキノウガタ</t>
    </rPh>
    <rPh sb="17" eb="19">
      <t>キョタク</t>
    </rPh>
    <rPh sb="19" eb="21">
      <t>カイゴ</t>
    </rPh>
    <phoneticPr fontId="4"/>
  </si>
  <si>
    <t>地域密着型通所介護</t>
    <rPh sb="0" eb="2">
      <t>チイキ</t>
    </rPh>
    <rPh sb="2" eb="4">
      <t>ミッチャク</t>
    </rPh>
    <phoneticPr fontId="4"/>
  </si>
  <si>
    <t>地域密着型通所介護</t>
    <rPh sb="0" eb="2">
      <t>チイキ</t>
    </rPh>
    <rPh sb="2" eb="4">
      <t>ミッチャク</t>
    </rPh>
    <phoneticPr fontId="4"/>
  </si>
  <si>
    <t>地域密着型通所介護</t>
    <rPh sb="0" eb="4">
      <t>チイキミッチャク</t>
    </rPh>
    <phoneticPr fontId="4"/>
  </si>
  <si>
    <t>複合型サービス(看護小規模多機能型居宅介護）</t>
    <phoneticPr fontId="4"/>
  </si>
  <si>
    <t>保険給付決定状況</t>
    <phoneticPr fontId="4"/>
  </si>
  <si>
    <t>介護給付・予防給付</t>
    <rPh sb="0" eb="2">
      <t>カイゴ</t>
    </rPh>
    <rPh sb="2" eb="4">
      <t>キュウフ</t>
    </rPh>
    <rPh sb="5" eb="7">
      <t>ヨボウ</t>
    </rPh>
    <rPh sb="7" eb="9">
      <t>キュウフ</t>
    </rPh>
    <phoneticPr fontId="4"/>
  </si>
  <si>
    <t>①総数（給付費・千円）</t>
    <phoneticPr fontId="4"/>
  </si>
  <si>
    <t>８５歳以上</t>
    <phoneticPr fontId="4"/>
  </si>
  <si>
    <t>７５歳以上８５歳未満</t>
    <rPh sb="7" eb="10">
      <t>サイミマン</t>
    </rPh>
    <phoneticPr fontId="4"/>
  </si>
  <si>
    <t>介護医療院</t>
    <rPh sb="4" eb="5">
      <t>イン</t>
    </rPh>
    <phoneticPr fontId="4"/>
  </si>
  <si>
    <t>短期入所療養介護（介護医療院）</t>
    <rPh sb="13" eb="14">
      <t>イン</t>
    </rPh>
    <phoneticPr fontId="4"/>
  </si>
  <si>
    <t>②総数（再掲：第1号被保険者の3割負担対象者分）</t>
    <rPh sb="1" eb="3">
      <t>ソウスウ</t>
    </rPh>
    <rPh sb="4" eb="6">
      <t>サイケイ</t>
    </rPh>
    <rPh sb="7" eb="8">
      <t>ダイ</t>
    </rPh>
    <rPh sb="9" eb="10">
      <t>ゴウ</t>
    </rPh>
    <rPh sb="10" eb="14">
      <t>ヒホケンジャ</t>
    </rPh>
    <rPh sb="16" eb="17">
      <t>ワリ</t>
    </rPh>
    <rPh sb="17" eb="19">
      <t>フタン</t>
    </rPh>
    <rPh sb="19" eb="22">
      <t>タイショウシャ</t>
    </rPh>
    <rPh sb="22" eb="23">
      <t>ブン</t>
    </rPh>
    <phoneticPr fontId="4"/>
  </si>
  <si>
    <t>②総数（再掲：第1号被保険者の3割負担対象者分）</t>
    <phoneticPr fontId="4"/>
  </si>
  <si>
    <t>②総数（再掲：第1号被保険者の3割負担対象者分）</t>
    <phoneticPr fontId="4"/>
  </si>
  <si>
    <t>②総数（給付費・千円）（再掲：第1号被保険者の3割負担対象者分）</t>
    <rPh sb="12" eb="14">
      <t>サイケイ</t>
    </rPh>
    <rPh sb="15" eb="16">
      <t>ダイ</t>
    </rPh>
    <rPh sb="17" eb="18">
      <t>ゴウ</t>
    </rPh>
    <rPh sb="18" eb="22">
      <t>ヒホケンジャ</t>
    </rPh>
    <rPh sb="24" eb="25">
      <t>ワリ</t>
    </rPh>
    <rPh sb="25" eb="27">
      <t>フタン</t>
    </rPh>
    <rPh sb="27" eb="30">
      <t>タイショウシャ</t>
    </rPh>
    <rPh sb="30" eb="31">
      <t>ブン</t>
    </rPh>
    <phoneticPr fontId="4"/>
  </si>
  <si>
    <t>短期入所療養介護（介護医療院）（日）</t>
    <rPh sb="13" eb="14">
      <t>イン</t>
    </rPh>
    <phoneticPr fontId="4"/>
  </si>
  <si>
    <t>（再掲：第1号被保険者の2割負担対象者分）</t>
    <phoneticPr fontId="4"/>
  </si>
  <si>
    <t>（再掲：第1号被保険者の3割負担対象者分）</t>
    <phoneticPr fontId="4"/>
  </si>
  <si>
    <t>短期入所療養介護（介護医療院）（日）</t>
    <rPh sb="11" eb="13">
      <t>イリョウ</t>
    </rPh>
    <rPh sb="13" eb="14">
      <t>イン</t>
    </rPh>
    <phoneticPr fontId="4"/>
  </si>
  <si>
    <t>短期入所療養介護（介護療養型医療施設等）（日）</t>
    <rPh sb="11" eb="14">
      <t>リョウヨウガタ</t>
    </rPh>
    <rPh sb="16" eb="19">
      <t>シセツトウ</t>
    </rPh>
    <phoneticPr fontId="4"/>
  </si>
  <si>
    <t>要支援２</t>
    <phoneticPr fontId="4"/>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1">
    <numFmt numFmtId="176" formatCode="#,##0_ "/>
    <numFmt numFmtId="177" formatCode="#,##0_ ;[Red]\-#,##0\ "/>
    <numFmt numFmtId="178" formatCode="#,##0_);[Red]\(#,##0\)"/>
    <numFmt numFmtId="179" formatCode="#,##0,\ ;\-#,##0,\ "/>
    <numFmt numFmtId="180" formatCode="#,##0,;\-#,##0,"/>
    <numFmt numFmtId="181" formatCode="\(&quot;平成&quot;##&quot;年&quot;"/>
    <numFmt numFmtId="182" formatCode="\(##&quot;月サービス分&quot;\)"/>
    <numFmt numFmtId="183" formatCode="##&quot;月分&quot;\)"/>
    <numFmt numFmtId="184" formatCode="0&quot;月末現在&quot;"/>
    <numFmt numFmtId="185" formatCode="\(##&quot;月末現在&quot;\)"/>
    <numFmt numFmtId="186" formatCode="\(&quot;令和&quot;##&quot;年&quot;"/>
  </numFmts>
  <fonts count="11" x14ac:knownFonts="1">
    <font>
      <sz val="11"/>
      <name val="ＭＳ Ｐゴシック"/>
      <family val="3"/>
      <charset val="128"/>
    </font>
    <font>
      <sz val="12"/>
      <color theme="1"/>
      <name val="ＭＳ 明朝"/>
      <family val="2"/>
      <charset val="128"/>
    </font>
    <font>
      <sz val="11"/>
      <name val="ＭＳ Ｐゴシック"/>
      <family val="3"/>
      <charset val="128"/>
    </font>
    <font>
      <sz val="11"/>
      <name val="ＭＳ Ｐゴシック"/>
      <family val="3"/>
      <charset val="128"/>
    </font>
    <font>
      <sz val="6"/>
      <name val="ＭＳ Ｐゴシック"/>
      <family val="3"/>
      <charset val="128"/>
    </font>
    <font>
      <b/>
      <sz val="11"/>
      <name val="ＭＳ Ｐゴシック"/>
      <family val="3"/>
      <charset val="128"/>
    </font>
    <font>
      <u/>
      <sz val="11"/>
      <name val="ＭＳ Ｐゴシック"/>
      <family val="3"/>
      <charset val="128"/>
    </font>
    <font>
      <sz val="8"/>
      <name val="ＭＳ Ｐゴシック"/>
      <family val="3"/>
      <charset val="128"/>
    </font>
    <font>
      <b/>
      <sz val="10"/>
      <name val="ＭＳ Ｐゴシック"/>
      <family val="3"/>
      <charset val="128"/>
    </font>
    <font>
      <sz val="11"/>
      <color theme="1"/>
      <name val="ＭＳ Ｐゴシック"/>
      <family val="3"/>
      <charset val="128"/>
    </font>
    <font>
      <b/>
      <sz val="11"/>
      <color theme="1"/>
      <name val="ＭＳ Ｐゴシック"/>
      <family val="3"/>
      <charset val="128"/>
    </font>
  </fonts>
  <fills count="2">
    <fill>
      <patternFill patternType="none"/>
    </fill>
    <fill>
      <patternFill patternType="gray125"/>
    </fill>
  </fills>
  <borders count="124">
    <border>
      <left/>
      <right/>
      <top/>
      <bottom/>
      <diagonal/>
    </border>
    <border>
      <left style="medium">
        <color indexed="64"/>
      </left>
      <right/>
      <top style="medium">
        <color indexed="64"/>
      </top>
      <bottom/>
      <diagonal/>
    </border>
    <border>
      <left style="thin">
        <color indexed="64"/>
      </left>
      <right style="thin">
        <color indexed="64"/>
      </right>
      <top style="medium">
        <color indexed="64"/>
      </top>
      <bottom/>
      <diagonal/>
    </border>
    <border>
      <left style="medium">
        <color indexed="64"/>
      </left>
      <right/>
      <top/>
      <bottom style="thin">
        <color indexed="64"/>
      </bottom>
      <diagonal/>
    </border>
    <border>
      <left style="thin">
        <color indexed="64"/>
      </left>
      <right/>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medium">
        <color indexed="64"/>
      </left>
      <right/>
      <top style="thin">
        <color indexed="64"/>
      </top>
      <bottom style="thin">
        <color indexed="64"/>
      </bottom>
      <diagonal/>
    </border>
    <border>
      <left style="medium">
        <color indexed="64"/>
      </left>
      <right style="thin">
        <color indexed="64"/>
      </right>
      <top style="thin">
        <color indexed="64"/>
      </top>
      <bottom style="thin">
        <color indexed="64"/>
      </bottom>
      <diagonal/>
    </border>
    <border>
      <left style="medium">
        <color indexed="64"/>
      </left>
      <right style="thin">
        <color indexed="64"/>
      </right>
      <top style="thin">
        <color indexed="64"/>
      </top>
      <bottom style="medium">
        <color indexed="64"/>
      </bottom>
      <diagonal/>
    </border>
    <border>
      <left/>
      <right style="medium">
        <color indexed="64"/>
      </right>
      <top style="medium">
        <color indexed="64"/>
      </top>
      <bottom/>
      <diagonal/>
    </border>
    <border>
      <left/>
      <right style="thin">
        <color indexed="64"/>
      </right>
      <top style="thin">
        <color indexed="64"/>
      </top>
      <bottom/>
      <diagonal/>
    </border>
    <border>
      <left style="thin">
        <color indexed="64"/>
      </left>
      <right style="thin">
        <color indexed="64"/>
      </right>
      <top style="thin">
        <color indexed="64"/>
      </top>
      <bottom style="medium">
        <color indexed="64"/>
      </bottom>
      <diagonal/>
    </border>
    <border>
      <left style="thin">
        <color indexed="64"/>
      </left>
      <right style="double">
        <color indexed="64"/>
      </right>
      <top style="thin">
        <color indexed="64"/>
      </top>
      <bottom style="medium">
        <color indexed="64"/>
      </bottom>
      <diagonal/>
    </border>
    <border>
      <left style="medium">
        <color indexed="64"/>
      </left>
      <right/>
      <top style="thin">
        <color indexed="64"/>
      </top>
      <bottom style="medium">
        <color indexed="64"/>
      </bottom>
      <diagonal/>
    </border>
    <border>
      <left style="medium">
        <color indexed="64"/>
      </left>
      <right style="medium">
        <color indexed="64"/>
      </right>
      <top style="medium">
        <color indexed="64"/>
      </top>
      <bottom style="medium">
        <color indexed="64"/>
      </bottom>
      <diagonal/>
    </border>
    <border>
      <left style="medium">
        <color indexed="64"/>
      </left>
      <right style="thin">
        <color indexed="64"/>
      </right>
      <top style="medium">
        <color indexed="64"/>
      </top>
      <bottom/>
      <diagonal/>
    </border>
    <border>
      <left style="thin">
        <color indexed="64"/>
      </left>
      <right style="double">
        <color indexed="64"/>
      </right>
      <top style="medium">
        <color indexed="64"/>
      </top>
      <bottom/>
      <diagonal/>
    </border>
    <border>
      <left/>
      <right style="thin">
        <color indexed="64"/>
      </right>
      <top style="medium">
        <color indexed="64"/>
      </top>
      <bottom/>
      <diagonal/>
    </border>
    <border>
      <left style="medium">
        <color indexed="64"/>
      </left>
      <right style="medium">
        <color indexed="64"/>
      </right>
      <top style="thin">
        <color indexed="64"/>
      </top>
      <bottom style="medium">
        <color indexed="64"/>
      </bottom>
      <diagonal/>
    </border>
    <border>
      <left style="medium">
        <color indexed="64"/>
      </left>
      <right style="thin">
        <color indexed="64"/>
      </right>
      <top style="thin">
        <color indexed="64"/>
      </top>
      <bottom/>
      <diagonal/>
    </border>
    <border>
      <left style="thin">
        <color indexed="64"/>
      </left>
      <right/>
      <top style="thin">
        <color indexed="64"/>
      </top>
      <bottom/>
      <diagonal/>
    </border>
    <border>
      <left style="double">
        <color indexed="64"/>
      </left>
      <right style="thin">
        <color indexed="64"/>
      </right>
      <top style="thin">
        <color indexed="64"/>
      </top>
      <bottom/>
      <diagonal/>
    </border>
    <border>
      <left style="thin">
        <color indexed="64"/>
      </left>
      <right style="thin">
        <color indexed="64"/>
      </right>
      <top style="thin">
        <color indexed="64"/>
      </top>
      <bottom/>
      <diagonal/>
    </border>
    <border>
      <left style="thin">
        <color indexed="64"/>
      </left>
      <right style="double">
        <color indexed="64"/>
      </right>
      <top style="thin">
        <color indexed="64"/>
      </top>
      <bottom/>
      <diagonal/>
    </border>
    <border>
      <left style="thin">
        <color indexed="64"/>
      </left>
      <right/>
      <top style="thin">
        <color indexed="64"/>
      </top>
      <bottom style="medium">
        <color indexed="64"/>
      </bottom>
      <diagonal/>
    </border>
    <border>
      <left style="double">
        <color indexed="64"/>
      </left>
      <right style="thin">
        <color indexed="64"/>
      </right>
      <top style="thin">
        <color indexed="64"/>
      </top>
      <bottom style="medium">
        <color indexed="64"/>
      </bottom>
      <diagonal/>
    </border>
    <border>
      <left style="medium">
        <color indexed="64"/>
      </left>
      <right/>
      <top style="medium">
        <color indexed="64"/>
      </top>
      <bottom style="thin">
        <color indexed="64"/>
      </bottom>
      <diagonal/>
    </border>
    <border>
      <left style="medium">
        <color indexed="64"/>
      </left>
      <right/>
      <top/>
      <bottom/>
      <diagonal/>
    </border>
    <border>
      <left/>
      <right style="medium">
        <color indexed="64"/>
      </right>
      <top style="thin">
        <color indexed="64"/>
      </top>
      <bottom/>
      <diagonal/>
    </border>
    <border>
      <left/>
      <right style="medium">
        <color indexed="64"/>
      </right>
      <top style="thin">
        <color indexed="64"/>
      </top>
      <bottom style="medium">
        <color indexed="64"/>
      </bottom>
      <diagonal/>
    </border>
    <border>
      <left style="medium">
        <color indexed="64"/>
      </left>
      <right style="medium">
        <color indexed="64"/>
      </right>
      <top style="medium">
        <color indexed="64"/>
      </top>
      <bottom style="thin">
        <color indexed="64"/>
      </bottom>
      <diagonal/>
    </border>
    <border>
      <left style="medium">
        <color indexed="64"/>
      </left>
      <right style="medium">
        <color indexed="64"/>
      </right>
      <top style="thin">
        <color indexed="64"/>
      </top>
      <bottom style="thin">
        <color indexed="64"/>
      </bottom>
      <diagonal/>
    </border>
    <border>
      <left/>
      <right style="thin">
        <color indexed="64"/>
      </right>
      <top style="thin">
        <color indexed="64"/>
      </top>
      <bottom style="medium">
        <color indexed="64"/>
      </bottom>
      <diagonal/>
    </border>
    <border>
      <left style="medium">
        <color indexed="64"/>
      </left>
      <right style="thin">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thin">
        <color indexed="64"/>
      </left>
      <right/>
      <top style="medium">
        <color indexed="64"/>
      </top>
      <bottom style="thin">
        <color indexed="64"/>
      </bottom>
      <diagonal/>
    </border>
    <border>
      <left style="double">
        <color indexed="64"/>
      </left>
      <right style="medium">
        <color indexed="64"/>
      </right>
      <top style="medium">
        <color indexed="64"/>
      </top>
      <bottom style="thin">
        <color indexed="64"/>
      </bottom>
      <diagonal/>
    </border>
    <border>
      <left style="thin">
        <color indexed="64"/>
      </left>
      <right/>
      <top style="thin">
        <color indexed="64"/>
      </top>
      <bottom style="thin">
        <color indexed="64"/>
      </bottom>
      <diagonal/>
    </border>
    <border>
      <left style="double">
        <color indexed="64"/>
      </left>
      <right style="medium">
        <color indexed="64"/>
      </right>
      <top style="thin">
        <color indexed="64"/>
      </top>
      <bottom style="thin">
        <color indexed="64"/>
      </bottom>
      <diagonal/>
    </border>
    <border>
      <left style="double">
        <color indexed="64"/>
      </left>
      <right style="medium">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style="thin">
        <color indexed="64"/>
      </left>
      <right style="thin">
        <color indexed="64"/>
      </right>
      <top/>
      <bottom style="thin">
        <color indexed="64"/>
      </bottom>
      <diagonal/>
    </border>
    <border>
      <left style="thin">
        <color indexed="64"/>
      </left>
      <right style="double">
        <color indexed="64"/>
      </right>
      <top style="medium">
        <color indexed="64"/>
      </top>
      <bottom style="thin">
        <color indexed="64"/>
      </bottom>
      <diagonal/>
    </border>
    <border>
      <left/>
      <right style="double">
        <color indexed="64"/>
      </right>
      <top style="medium">
        <color indexed="64"/>
      </top>
      <bottom style="thin">
        <color indexed="64"/>
      </bottom>
      <diagonal/>
    </border>
    <border>
      <left/>
      <right style="medium">
        <color indexed="64"/>
      </right>
      <top style="medium">
        <color indexed="64"/>
      </top>
      <bottom style="thin">
        <color indexed="64"/>
      </bottom>
      <diagonal/>
    </border>
    <border>
      <left style="thin">
        <color indexed="64"/>
      </left>
      <right style="double">
        <color indexed="64"/>
      </right>
      <top style="thin">
        <color indexed="64"/>
      </top>
      <bottom style="thin">
        <color indexed="64"/>
      </bottom>
      <diagonal/>
    </border>
    <border>
      <left/>
      <right style="double">
        <color indexed="64"/>
      </right>
      <top style="thin">
        <color indexed="64"/>
      </top>
      <bottom style="thin">
        <color indexed="64"/>
      </bottom>
      <diagonal/>
    </border>
    <border>
      <left/>
      <right style="medium">
        <color indexed="64"/>
      </right>
      <top style="thin">
        <color indexed="64"/>
      </top>
      <bottom style="thin">
        <color indexed="64"/>
      </bottom>
      <diagonal/>
    </border>
    <border>
      <left style="medium">
        <color indexed="64"/>
      </left>
      <right style="thin">
        <color indexed="64"/>
      </right>
      <top/>
      <bottom style="thin">
        <color indexed="64"/>
      </bottom>
      <diagonal/>
    </border>
    <border>
      <left/>
      <right style="double">
        <color indexed="64"/>
      </right>
      <top style="thin">
        <color indexed="64"/>
      </top>
      <bottom style="medium">
        <color indexed="64"/>
      </bottom>
      <diagonal/>
    </border>
    <border>
      <left style="double">
        <color indexed="64"/>
      </left>
      <right style="thin">
        <color indexed="64"/>
      </right>
      <top style="medium">
        <color indexed="64"/>
      </top>
      <bottom style="thin">
        <color indexed="64"/>
      </bottom>
      <diagonal/>
    </border>
    <border>
      <left/>
      <right style="thin">
        <color indexed="64"/>
      </right>
      <top style="medium">
        <color indexed="64"/>
      </top>
      <bottom style="thin">
        <color indexed="64"/>
      </bottom>
      <diagonal/>
    </border>
    <border>
      <left style="double">
        <color indexed="64"/>
      </left>
      <right style="thin">
        <color indexed="64"/>
      </right>
      <top style="thin">
        <color indexed="64"/>
      </top>
      <bottom style="thin">
        <color indexed="64"/>
      </bottom>
      <diagonal/>
    </border>
    <border>
      <left/>
      <right style="thin">
        <color indexed="64"/>
      </right>
      <top style="thin">
        <color indexed="64"/>
      </top>
      <bottom style="thin">
        <color indexed="64"/>
      </bottom>
      <diagonal/>
    </border>
    <border>
      <left/>
      <right style="thin">
        <color indexed="64"/>
      </right>
      <top/>
      <bottom style="thin">
        <color indexed="64"/>
      </bottom>
      <diagonal/>
    </border>
    <border>
      <left/>
      <right/>
      <top style="thin">
        <color indexed="64"/>
      </top>
      <bottom style="thin">
        <color indexed="64"/>
      </bottom>
      <diagonal/>
    </border>
    <border>
      <left/>
      <right/>
      <top/>
      <bottom style="thin">
        <color indexed="64"/>
      </bottom>
      <diagonal/>
    </border>
    <border>
      <left/>
      <right/>
      <top style="medium">
        <color indexed="64"/>
      </top>
      <bottom style="thin">
        <color indexed="64"/>
      </bottom>
      <diagonal/>
    </border>
    <border>
      <left/>
      <right style="medium">
        <color indexed="64"/>
      </right>
      <top/>
      <bottom style="thin">
        <color indexed="64"/>
      </bottom>
      <diagonal/>
    </border>
    <border diagonalUp="1">
      <left style="double">
        <color indexed="64"/>
      </left>
      <right style="thin">
        <color indexed="64"/>
      </right>
      <top/>
      <bottom style="thin">
        <color indexed="64"/>
      </bottom>
      <diagonal style="thin">
        <color indexed="64"/>
      </diagonal>
    </border>
    <border>
      <left style="double">
        <color indexed="64"/>
      </left>
      <right/>
      <top style="medium">
        <color indexed="64"/>
      </top>
      <bottom style="thin">
        <color indexed="64"/>
      </bottom>
      <diagonal/>
    </border>
    <border diagonalUp="1">
      <left style="double">
        <color indexed="64"/>
      </left>
      <right style="thin">
        <color indexed="64"/>
      </right>
      <top style="medium">
        <color indexed="64"/>
      </top>
      <bottom style="thin">
        <color indexed="64"/>
      </bottom>
      <diagonal style="thin">
        <color indexed="64"/>
      </diagonal>
    </border>
    <border diagonalUp="1">
      <left/>
      <right style="thin">
        <color indexed="64"/>
      </right>
      <top/>
      <bottom style="thin">
        <color indexed="64"/>
      </bottom>
      <diagonal style="thin">
        <color indexed="64"/>
      </diagonal>
    </border>
    <border>
      <left style="double">
        <color indexed="64"/>
      </left>
      <right style="thin">
        <color indexed="64"/>
      </right>
      <top/>
      <bottom/>
      <diagonal/>
    </border>
    <border>
      <left style="thin">
        <color indexed="64"/>
      </left>
      <right style="thin">
        <color indexed="64"/>
      </right>
      <top/>
      <bottom/>
      <diagonal/>
    </border>
    <border>
      <left/>
      <right style="thin">
        <color indexed="64"/>
      </right>
      <top/>
      <bottom/>
      <diagonal/>
    </border>
    <border>
      <left style="thin">
        <color indexed="64"/>
      </left>
      <right style="double">
        <color indexed="64"/>
      </right>
      <top/>
      <bottom/>
      <diagonal/>
    </border>
    <border diagonalUp="1">
      <left style="double">
        <color indexed="64"/>
      </left>
      <right style="thin">
        <color indexed="64"/>
      </right>
      <top style="thin">
        <color indexed="64"/>
      </top>
      <bottom style="thin">
        <color indexed="64"/>
      </bottom>
      <diagonal style="thin">
        <color indexed="64"/>
      </diagonal>
    </border>
    <border>
      <left style="double">
        <color indexed="64"/>
      </left>
      <right/>
      <top style="thin">
        <color indexed="64"/>
      </top>
      <bottom style="thin">
        <color indexed="64"/>
      </bottom>
      <diagonal/>
    </border>
    <border diagonalUp="1">
      <left/>
      <right style="thin">
        <color indexed="64"/>
      </right>
      <top style="thin">
        <color indexed="64"/>
      </top>
      <bottom style="thin">
        <color indexed="64"/>
      </bottom>
      <diagonal style="thin">
        <color indexed="64"/>
      </diagonal>
    </border>
    <border>
      <left/>
      <right/>
      <top style="thin">
        <color indexed="64"/>
      </top>
      <bottom style="medium">
        <color indexed="64"/>
      </bottom>
      <diagonal/>
    </border>
    <border>
      <left style="double">
        <color indexed="64"/>
      </left>
      <right style="thin">
        <color indexed="64"/>
      </right>
      <top/>
      <bottom style="medium">
        <color indexed="64"/>
      </bottom>
      <diagonal/>
    </border>
    <border>
      <left style="thin">
        <color indexed="64"/>
      </left>
      <right style="thin">
        <color indexed="64"/>
      </right>
      <top/>
      <bottom style="medium">
        <color indexed="64"/>
      </bottom>
      <diagonal/>
    </border>
    <border>
      <left/>
      <right style="thin">
        <color indexed="64"/>
      </right>
      <top/>
      <bottom style="medium">
        <color indexed="64"/>
      </bottom>
      <diagonal/>
    </border>
    <border>
      <left/>
      <right/>
      <top/>
      <bottom style="medium">
        <color indexed="64"/>
      </bottom>
      <diagonal/>
    </border>
    <border>
      <left style="thin">
        <color indexed="64"/>
      </left>
      <right style="double">
        <color indexed="64"/>
      </right>
      <top/>
      <bottom style="medium">
        <color indexed="64"/>
      </bottom>
      <diagonal/>
    </border>
    <border diagonalUp="1">
      <left style="double">
        <color indexed="64"/>
      </left>
      <right style="thin">
        <color indexed="64"/>
      </right>
      <top style="thin">
        <color indexed="64"/>
      </top>
      <bottom style="medium">
        <color indexed="64"/>
      </bottom>
      <diagonal style="thin">
        <color indexed="64"/>
      </diagonal>
    </border>
    <border>
      <left style="double">
        <color indexed="64"/>
      </left>
      <right/>
      <top style="thin">
        <color indexed="64"/>
      </top>
      <bottom style="medium">
        <color indexed="64"/>
      </bottom>
      <diagonal/>
    </border>
    <border diagonalUp="1">
      <left/>
      <right style="thin">
        <color indexed="64"/>
      </right>
      <top style="thin">
        <color indexed="64"/>
      </top>
      <bottom style="medium">
        <color indexed="64"/>
      </bottom>
      <diagonal style="thin">
        <color indexed="64"/>
      </diagonal>
    </border>
    <border>
      <left style="thin">
        <color indexed="64"/>
      </left>
      <right style="double">
        <color indexed="64"/>
      </right>
      <top/>
      <bottom style="thin">
        <color indexed="64"/>
      </bottom>
      <diagonal/>
    </border>
    <border>
      <left style="double">
        <color indexed="64"/>
      </left>
      <right/>
      <top/>
      <bottom style="thin">
        <color indexed="64"/>
      </bottom>
      <diagonal/>
    </border>
    <border>
      <left/>
      <right style="double">
        <color indexed="64"/>
      </right>
      <top/>
      <bottom style="thin">
        <color indexed="64"/>
      </bottom>
      <diagonal/>
    </border>
    <border>
      <left/>
      <right/>
      <top style="thin">
        <color indexed="64"/>
      </top>
      <bottom/>
      <diagonal/>
    </border>
    <border>
      <left/>
      <right/>
      <top style="medium">
        <color indexed="64"/>
      </top>
      <bottom/>
      <diagonal/>
    </border>
    <border>
      <left style="medium">
        <color indexed="64"/>
      </left>
      <right style="medium">
        <color indexed="64"/>
      </right>
      <top/>
      <bottom style="thin">
        <color indexed="64"/>
      </bottom>
      <diagonal/>
    </border>
    <border>
      <left style="thin">
        <color indexed="64"/>
      </left>
      <right style="medium">
        <color indexed="64"/>
      </right>
      <top style="medium">
        <color indexed="64"/>
      </top>
      <bottom style="thin">
        <color indexed="64"/>
      </bottom>
      <diagonal/>
    </border>
    <border>
      <left style="thin">
        <color indexed="64"/>
      </left>
      <right style="medium">
        <color indexed="64"/>
      </right>
      <top style="medium">
        <color indexed="64"/>
      </top>
      <bottom/>
      <diagonal/>
    </border>
    <border>
      <left style="medium">
        <color indexed="64"/>
      </left>
      <right style="medium">
        <color indexed="64"/>
      </right>
      <top style="medium">
        <color indexed="64"/>
      </top>
      <bottom/>
      <diagonal/>
    </border>
    <border>
      <left style="medium">
        <color indexed="64"/>
      </left>
      <right style="medium">
        <color indexed="64"/>
      </right>
      <top/>
      <bottom/>
      <diagonal/>
    </border>
    <border>
      <left style="double">
        <color indexed="64"/>
      </left>
      <right style="medium">
        <color indexed="64"/>
      </right>
      <top style="thin">
        <color indexed="64"/>
      </top>
      <bottom/>
      <diagonal/>
    </border>
    <border>
      <left style="double">
        <color indexed="64"/>
      </left>
      <right style="medium">
        <color indexed="64"/>
      </right>
      <top/>
      <bottom style="medium">
        <color indexed="64"/>
      </bottom>
      <diagonal/>
    </border>
    <border>
      <left style="medium">
        <color indexed="64"/>
      </left>
      <right/>
      <top/>
      <bottom style="medium">
        <color indexed="64"/>
      </bottom>
      <diagonal/>
    </border>
    <border>
      <left/>
      <right style="medium">
        <color indexed="64"/>
      </right>
      <top/>
      <bottom style="medium">
        <color indexed="64"/>
      </bottom>
      <diagonal/>
    </border>
    <border>
      <left/>
      <right/>
      <top style="medium">
        <color indexed="64"/>
      </top>
      <bottom style="medium">
        <color indexed="64"/>
      </bottom>
      <diagonal/>
    </border>
    <border>
      <left/>
      <right style="medium">
        <color indexed="64"/>
      </right>
      <top style="medium">
        <color indexed="64"/>
      </top>
      <bottom style="medium">
        <color indexed="64"/>
      </bottom>
      <diagonal/>
    </border>
    <border>
      <left style="double">
        <color indexed="64"/>
      </left>
      <right style="medium">
        <color indexed="64"/>
      </right>
      <top/>
      <bottom style="thin">
        <color indexed="64"/>
      </bottom>
      <diagonal/>
    </border>
    <border>
      <left style="double">
        <color indexed="64"/>
      </left>
      <right style="thin">
        <color indexed="64"/>
      </right>
      <top/>
      <bottom style="thin">
        <color indexed="64"/>
      </bottom>
      <diagonal/>
    </border>
    <border>
      <left style="medium">
        <color indexed="64"/>
      </left>
      <right style="medium">
        <color indexed="64"/>
      </right>
      <top/>
      <bottom style="medium">
        <color indexed="64"/>
      </bottom>
      <diagonal/>
    </border>
    <border>
      <left style="medium">
        <color indexed="64"/>
      </left>
      <right/>
      <top style="medium">
        <color indexed="64"/>
      </top>
      <bottom style="medium">
        <color indexed="64"/>
      </bottom>
      <diagonal/>
    </border>
    <border diagonalUp="1">
      <left style="medium">
        <color indexed="64"/>
      </left>
      <right/>
      <top style="medium">
        <color indexed="64"/>
      </top>
      <bottom style="thin">
        <color indexed="64"/>
      </bottom>
      <diagonal style="thin">
        <color indexed="64"/>
      </diagonal>
    </border>
    <border diagonalUp="1">
      <left style="thin">
        <color indexed="64"/>
      </left>
      <right style="thin">
        <color indexed="64"/>
      </right>
      <top style="medium">
        <color indexed="64"/>
      </top>
      <bottom style="thin">
        <color indexed="64"/>
      </bottom>
      <diagonal style="thin">
        <color indexed="64"/>
      </diagonal>
    </border>
    <border diagonalUp="1">
      <left/>
      <right style="double">
        <color indexed="64"/>
      </right>
      <top style="medium">
        <color indexed="64"/>
      </top>
      <bottom style="thin">
        <color indexed="64"/>
      </bottom>
      <diagonal style="thin">
        <color indexed="64"/>
      </diagonal>
    </border>
    <border diagonalUp="1">
      <left/>
      <right/>
      <top style="medium">
        <color indexed="64"/>
      </top>
      <bottom style="thin">
        <color indexed="64"/>
      </bottom>
      <diagonal style="thin">
        <color indexed="64"/>
      </diagonal>
    </border>
    <border diagonalUp="1">
      <left style="double">
        <color indexed="64"/>
      </left>
      <right style="medium">
        <color indexed="64"/>
      </right>
      <top style="medium">
        <color indexed="64"/>
      </top>
      <bottom style="thin">
        <color indexed="64"/>
      </bottom>
      <diagonal style="thin">
        <color indexed="64"/>
      </diagonal>
    </border>
    <border diagonalUp="1">
      <left style="medium">
        <color indexed="64"/>
      </left>
      <right style="thin">
        <color indexed="64"/>
      </right>
      <top style="thin">
        <color indexed="64"/>
      </top>
      <bottom style="thin">
        <color indexed="64"/>
      </bottom>
      <diagonal style="thin">
        <color indexed="64"/>
      </diagonal>
    </border>
    <border diagonalUp="1">
      <left style="thin">
        <color indexed="64"/>
      </left>
      <right style="thin">
        <color indexed="64"/>
      </right>
      <top style="thin">
        <color indexed="64"/>
      </top>
      <bottom style="thin">
        <color indexed="64"/>
      </bottom>
      <diagonal style="thin">
        <color indexed="64"/>
      </diagonal>
    </border>
    <border diagonalUp="1">
      <left style="thin">
        <color indexed="64"/>
      </left>
      <right style="double">
        <color indexed="64"/>
      </right>
      <top style="thin">
        <color indexed="64"/>
      </top>
      <bottom style="thin">
        <color indexed="64"/>
      </bottom>
      <diagonal style="thin">
        <color indexed="64"/>
      </diagonal>
    </border>
    <border diagonalUp="1">
      <left style="thin">
        <color indexed="64"/>
      </left>
      <right/>
      <top style="thin">
        <color indexed="64"/>
      </top>
      <bottom style="thin">
        <color indexed="64"/>
      </bottom>
      <diagonal style="thin">
        <color indexed="64"/>
      </diagonal>
    </border>
    <border diagonalUp="1">
      <left style="double">
        <color indexed="64"/>
      </left>
      <right style="medium">
        <color indexed="64"/>
      </right>
      <top style="thin">
        <color indexed="64"/>
      </top>
      <bottom style="thin">
        <color indexed="64"/>
      </bottom>
      <diagonal style="thin">
        <color indexed="64"/>
      </diagonal>
    </border>
    <border diagonalUp="1">
      <left style="medium">
        <color indexed="64"/>
      </left>
      <right style="thin">
        <color indexed="64"/>
      </right>
      <top style="thin">
        <color indexed="64"/>
      </top>
      <bottom style="medium">
        <color indexed="64"/>
      </bottom>
      <diagonal style="thin">
        <color indexed="64"/>
      </diagonal>
    </border>
    <border diagonalUp="1">
      <left style="thin">
        <color indexed="64"/>
      </left>
      <right style="thin">
        <color indexed="64"/>
      </right>
      <top style="thin">
        <color indexed="64"/>
      </top>
      <bottom style="medium">
        <color indexed="64"/>
      </bottom>
      <diagonal style="thin">
        <color indexed="64"/>
      </diagonal>
    </border>
    <border diagonalUp="1">
      <left style="thin">
        <color indexed="64"/>
      </left>
      <right style="double">
        <color indexed="64"/>
      </right>
      <top style="thin">
        <color indexed="64"/>
      </top>
      <bottom style="medium">
        <color indexed="64"/>
      </bottom>
      <diagonal style="thin">
        <color indexed="64"/>
      </diagonal>
    </border>
    <border diagonalUp="1">
      <left style="thin">
        <color indexed="64"/>
      </left>
      <right/>
      <top style="thin">
        <color indexed="64"/>
      </top>
      <bottom style="medium">
        <color indexed="64"/>
      </bottom>
      <diagonal style="thin">
        <color indexed="64"/>
      </diagonal>
    </border>
    <border diagonalUp="1">
      <left style="double">
        <color indexed="64"/>
      </left>
      <right style="medium">
        <color indexed="64"/>
      </right>
      <top style="thin">
        <color indexed="64"/>
      </top>
      <bottom style="medium">
        <color indexed="64"/>
      </bottom>
      <diagonal style="thin">
        <color indexed="64"/>
      </diagonal>
    </border>
    <border>
      <left style="double">
        <color indexed="64"/>
      </left>
      <right style="medium">
        <color indexed="64"/>
      </right>
      <top style="medium">
        <color indexed="64"/>
      </top>
      <bottom/>
      <diagonal/>
    </border>
    <border>
      <left style="double">
        <color indexed="64"/>
      </left>
      <right style="medium">
        <color indexed="64"/>
      </right>
      <top/>
      <bottom/>
      <diagonal/>
    </border>
    <border>
      <left style="thin">
        <color indexed="64"/>
      </left>
      <right/>
      <top style="medium">
        <color indexed="64"/>
      </top>
      <bottom/>
      <diagonal/>
    </border>
    <border>
      <left style="medium">
        <color indexed="64"/>
      </left>
      <right style="thin">
        <color indexed="64"/>
      </right>
      <top/>
      <bottom style="medium">
        <color indexed="64"/>
      </bottom>
      <diagonal/>
    </border>
    <border>
      <left style="medium">
        <color indexed="64"/>
      </left>
      <right style="thin">
        <color indexed="64"/>
      </right>
      <top style="medium">
        <color indexed="64"/>
      </top>
      <bottom style="medium">
        <color indexed="64"/>
      </bottom>
      <diagonal/>
    </border>
    <border>
      <left style="thin">
        <color indexed="64"/>
      </left>
      <right style="thin">
        <color indexed="64"/>
      </right>
      <top style="medium">
        <color indexed="64"/>
      </top>
      <bottom style="medium">
        <color indexed="64"/>
      </bottom>
      <diagonal/>
    </border>
    <border>
      <left style="thin">
        <color indexed="64"/>
      </left>
      <right style="medium">
        <color indexed="64"/>
      </right>
      <top style="medium">
        <color indexed="64"/>
      </top>
      <bottom style="medium">
        <color indexed="64"/>
      </bottom>
      <diagonal/>
    </border>
    <border>
      <left style="thin">
        <color indexed="64"/>
      </left>
      <right style="medium">
        <color indexed="64"/>
      </right>
      <top/>
      <bottom style="thin">
        <color indexed="64"/>
      </bottom>
      <diagonal/>
    </border>
    <border>
      <left/>
      <right style="medium">
        <color indexed="64"/>
      </right>
      <top/>
      <bottom/>
      <diagonal/>
    </border>
  </borders>
  <cellStyleXfs count="5">
    <xf numFmtId="0" fontId="0" fillId="0" borderId="0"/>
    <xf numFmtId="38" fontId="3" fillId="0" borderId="0" applyFont="0" applyFill="0" applyBorder="0" applyAlignment="0" applyProtection="0"/>
    <xf numFmtId="0" fontId="2" fillId="0" borderId="0">
      <alignment vertical="center"/>
    </xf>
    <xf numFmtId="0" fontId="1" fillId="0" borderId="0">
      <alignment vertical="center"/>
    </xf>
    <xf numFmtId="38" fontId="2" fillId="0" borderId="0" applyFont="0" applyFill="0" applyBorder="0" applyAlignment="0" applyProtection="0"/>
  </cellStyleXfs>
  <cellXfs count="758">
    <xf numFmtId="0" fontId="0" fillId="0" borderId="0" xfId="0"/>
    <xf numFmtId="0" fontId="3" fillId="0" borderId="0" xfId="0" applyFont="1" applyAlignment="1">
      <alignment vertical="center"/>
    </xf>
    <xf numFmtId="0" fontId="5" fillId="0" borderId="0" xfId="0" applyFont="1" applyAlignment="1">
      <alignment horizontal="center" vertical="center"/>
    </xf>
    <xf numFmtId="0" fontId="3" fillId="0" borderId="0" xfId="0" applyFont="1" applyBorder="1" applyAlignment="1">
      <alignment vertical="center"/>
    </xf>
    <xf numFmtId="0" fontId="6" fillId="0" borderId="0" xfId="0" applyFont="1" applyBorder="1" applyAlignment="1">
      <alignment horizontal="center" vertical="center"/>
    </xf>
    <xf numFmtId="0" fontId="3" fillId="0" borderId="0" xfId="0" applyFont="1" applyBorder="1" applyAlignment="1">
      <alignment horizontal="center" vertical="center"/>
    </xf>
    <xf numFmtId="0" fontId="3" fillId="0" borderId="2" xfId="0" applyFont="1" applyBorder="1" applyAlignment="1">
      <alignment horizontal="center" vertical="center"/>
    </xf>
    <xf numFmtId="0" fontId="3" fillId="0" borderId="3" xfId="0" applyFont="1" applyBorder="1" applyAlignment="1">
      <alignment vertical="center"/>
    </xf>
    <xf numFmtId="38" fontId="3" fillId="0" borderId="4" xfId="1" applyFont="1" applyBorder="1" applyAlignment="1">
      <alignment horizontal="center" vertical="center"/>
    </xf>
    <xf numFmtId="0" fontId="3" fillId="0" borderId="5" xfId="0" applyFont="1" applyBorder="1" applyAlignment="1">
      <alignment horizontal="center" vertical="center" shrinkToFit="1"/>
    </xf>
    <xf numFmtId="176" fontId="3" fillId="0" borderId="8" xfId="0" applyNumberFormat="1" applyFont="1" applyBorder="1" applyAlignment="1">
      <alignment horizontal="center" vertical="center"/>
    </xf>
    <xf numFmtId="176" fontId="3" fillId="0" borderId="9" xfId="0" applyNumberFormat="1" applyFont="1" applyBorder="1" applyAlignment="1">
      <alignment horizontal="center" vertical="center"/>
    </xf>
    <xf numFmtId="0" fontId="5" fillId="0" borderId="0" xfId="0" applyFont="1" applyAlignment="1">
      <alignment horizontal="left" vertical="center"/>
    </xf>
    <xf numFmtId="0" fontId="3" fillId="0" borderId="10" xfId="0" applyFont="1" applyBorder="1" applyAlignment="1">
      <alignment horizontal="center" vertical="center"/>
    </xf>
    <xf numFmtId="0" fontId="3" fillId="0" borderId="3" xfId="0" applyFont="1" applyBorder="1" applyAlignment="1">
      <alignment horizontal="center" vertical="center"/>
    </xf>
    <xf numFmtId="0" fontId="3" fillId="0" borderId="11" xfId="0" applyFont="1" applyBorder="1" applyAlignment="1">
      <alignment horizontal="center" vertical="center" wrapText="1"/>
    </xf>
    <xf numFmtId="0" fontId="3" fillId="0" borderId="12" xfId="0" applyFont="1" applyBorder="1" applyAlignment="1">
      <alignment horizontal="center" vertical="center"/>
    </xf>
    <xf numFmtId="0" fontId="3" fillId="0" borderId="13" xfId="0" applyFont="1" applyBorder="1" applyAlignment="1">
      <alignment horizontal="center" vertical="center"/>
    </xf>
    <xf numFmtId="176" fontId="3" fillId="0" borderId="7" xfId="0" applyNumberFormat="1" applyFont="1" applyBorder="1" applyAlignment="1">
      <alignment horizontal="center" vertical="center"/>
    </xf>
    <xf numFmtId="176" fontId="3" fillId="0" borderId="14" xfId="0" applyNumberFormat="1" applyFont="1" applyBorder="1" applyAlignment="1">
      <alignment horizontal="center" vertical="center"/>
    </xf>
    <xf numFmtId="0" fontId="5" fillId="0" borderId="0" xfId="0" applyFont="1" applyAlignment="1">
      <alignment vertical="center"/>
    </xf>
    <xf numFmtId="0" fontId="7" fillId="0" borderId="0" xfId="0" applyFont="1" applyBorder="1" applyAlignment="1">
      <alignment vertical="center"/>
    </xf>
    <xf numFmtId="0" fontId="5" fillId="0" borderId="0" xfId="0" applyFont="1" applyBorder="1" applyAlignment="1">
      <alignment vertical="center"/>
    </xf>
    <xf numFmtId="0" fontId="7" fillId="0" borderId="0" xfId="0" applyFont="1" applyAlignment="1">
      <alignment vertical="center"/>
    </xf>
    <xf numFmtId="0" fontId="7" fillId="0" borderId="0" xfId="0" applyFont="1" applyBorder="1" applyAlignment="1">
      <alignment horizontal="center" vertical="center"/>
    </xf>
    <xf numFmtId="0" fontId="7" fillId="0" borderId="0" xfId="0" applyFont="1" applyBorder="1" applyAlignment="1">
      <alignment horizontal="right" vertical="center"/>
    </xf>
    <xf numFmtId="0" fontId="3" fillId="0" borderId="15" xfId="0" applyFont="1" applyBorder="1" applyAlignment="1">
      <alignment horizontal="center" vertical="center"/>
    </xf>
    <xf numFmtId="0" fontId="3" fillId="0" borderId="16" xfId="0" applyFont="1" applyBorder="1" applyAlignment="1">
      <alignment horizontal="center" vertical="center"/>
    </xf>
    <xf numFmtId="0" fontId="3" fillId="0" borderId="17" xfId="0" applyFont="1" applyBorder="1" applyAlignment="1">
      <alignment horizontal="center" vertical="center"/>
    </xf>
    <xf numFmtId="0" fontId="3" fillId="0" borderId="18" xfId="0" applyFont="1" applyBorder="1" applyAlignment="1">
      <alignment horizontal="center" vertical="center" wrapText="1"/>
    </xf>
    <xf numFmtId="0" fontId="3" fillId="0" borderId="0" xfId="0" applyFont="1" applyBorder="1" applyAlignment="1">
      <alignment horizontal="right" vertical="center"/>
    </xf>
    <xf numFmtId="0" fontId="3" fillId="0" borderId="20" xfId="0" applyFont="1" applyBorder="1" applyAlignment="1">
      <alignment horizontal="center" vertical="center" wrapText="1"/>
    </xf>
    <xf numFmtId="38" fontId="3" fillId="0" borderId="21" xfId="1" applyFont="1" applyBorder="1" applyAlignment="1">
      <alignment horizontal="center" vertical="center" wrapText="1"/>
    </xf>
    <xf numFmtId="0" fontId="3" fillId="0" borderId="22" xfId="0" applyFont="1" applyBorder="1" applyAlignment="1">
      <alignment horizontal="center" vertical="center" wrapText="1"/>
    </xf>
    <xf numFmtId="38" fontId="3" fillId="0" borderId="23" xfId="1" applyFont="1" applyBorder="1" applyAlignment="1">
      <alignment horizontal="center" vertical="center" wrapText="1"/>
    </xf>
    <xf numFmtId="0" fontId="3" fillId="0" borderId="23" xfId="0" applyFont="1" applyBorder="1" applyAlignment="1">
      <alignment horizontal="center" vertical="center" wrapText="1"/>
    </xf>
    <xf numFmtId="38" fontId="3" fillId="0" borderId="24" xfId="1" applyFont="1" applyBorder="1" applyAlignment="1">
      <alignment horizontal="center" vertical="center" wrapText="1"/>
    </xf>
    <xf numFmtId="38" fontId="3" fillId="0" borderId="0" xfId="1" applyFont="1" applyAlignment="1">
      <alignment vertical="center"/>
    </xf>
    <xf numFmtId="38" fontId="3" fillId="0" borderId="0" xfId="1" applyFont="1" applyBorder="1" applyAlignment="1">
      <alignment vertical="center"/>
    </xf>
    <xf numFmtId="0" fontId="3" fillId="0" borderId="0" xfId="0" applyFont="1" applyFill="1" applyAlignment="1">
      <alignment vertical="center"/>
    </xf>
    <xf numFmtId="0" fontId="3" fillId="0" borderId="9" xfId="0" applyFont="1" applyBorder="1" applyAlignment="1">
      <alignment horizontal="center" vertical="center"/>
    </xf>
    <xf numFmtId="0" fontId="3" fillId="0" borderId="25" xfId="0" applyFont="1" applyBorder="1" applyAlignment="1">
      <alignment horizontal="center" vertical="center"/>
    </xf>
    <xf numFmtId="0" fontId="3" fillId="0" borderId="26" xfId="0" applyFont="1" applyBorder="1" applyAlignment="1">
      <alignment horizontal="center" vertical="center" wrapText="1"/>
    </xf>
    <xf numFmtId="0" fontId="2" fillId="0" borderId="0" xfId="0" applyFont="1" applyBorder="1" applyAlignment="1">
      <alignment vertical="center"/>
    </xf>
    <xf numFmtId="0" fontId="2" fillId="0" borderId="0" xfId="0" applyFont="1" applyAlignment="1">
      <alignment vertical="center"/>
    </xf>
    <xf numFmtId="0" fontId="2" fillId="0" borderId="10" xfId="0" applyFont="1" applyBorder="1" applyAlignment="1">
      <alignment horizontal="center" vertical="center"/>
    </xf>
    <xf numFmtId="0" fontId="2" fillId="0" borderId="3" xfId="0" applyFont="1" applyBorder="1" applyAlignment="1">
      <alignment horizontal="center" vertical="center"/>
    </xf>
    <xf numFmtId="0" fontId="2" fillId="0" borderId="12" xfId="0" applyFont="1" applyBorder="1" applyAlignment="1">
      <alignment horizontal="center" vertical="center"/>
    </xf>
    <xf numFmtId="0" fontId="2" fillId="0" borderId="13" xfId="0" applyFont="1" applyBorder="1" applyAlignment="1">
      <alignment horizontal="center" vertical="center"/>
    </xf>
    <xf numFmtId="176" fontId="2" fillId="0" borderId="7" xfId="0" applyNumberFormat="1" applyFont="1" applyBorder="1" applyAlignment="1">
      <alignment horizontal="center" vertical="center"/>
    </xf>
    <xf numFmtId="176" fontId="2" fillId="0" borderId="14" xfId="0" applyNumberFormat="1" applyFont="1" applyBorder="1" applyAlignment="1">
      <alignment horizontal="center" vertical="center"/>
    </xf>
    <xf numFmtId="0" fontId="2" fillId="0" borderId="9" xfId="0" applyFont="1" applyBorder="1" applyAlignment="1">
      <alignment horizontal="center" vertical="center"/>
    </xf>
    <xf numFmtId="0" fontId="2" fillId="0" borderId="26" xfId="0" applyFont="1" applyBorder="1" applyAlignment="1">
      <alignment horizontal="center" vertical="center" wrapText="1"/>
    </xf>
    <xf numFmtId="0" fontId="2" fillId="0" borderId="30" xfId="0" applyFont="1" applyBorder="1" applyAlignment="1">
      <alignment horizontal="center" vertical="center"/>
    </xf>
    <xf numFmtId="0" fontId="2" fillId="0" borderId="15" xfId="0" applyFont="1" applyBorder="1" applyAlignment="1">
      <alignment horizontal="center" vertical="center"/>
    </xf>
    <xf numFmtId="0" fontId="2" fillId="0" borderId="16" xfId="0" applyFont="1" applyBorder="1" applyAlignment="1">
      <alignment horizontal="center" vertical="center"/>
    </xf>
    <xf numFmtId="0" fontId="2" fillId="0" borderId="2" xfId="0" applyFont="1" applyBorder="1" applyAlignment="1">
      <alignment horizontal="center" vertical="center"/>
    </xf>
    <xf numFmtId="0" fontId="2" fillId="0" borderId="17" xfId="0" applyFont="1" applyBorder="1" applyAlignment="1">
      <alignment horizontal="center" vertical="center"/>
    </xf>
    <xf numFmtId="0" fontId="2" fillId="0" borderId="18" xfId="0" applyFont="1" applyBorder="1" applyAlignment="1">
      <alignment horizontal="center" vertical="center" wrapText="1"/>
    </xf>
    <xf numFmtId="0" fontId="3" fillId="0" borderId="23" xfId="0" applyFont="1" applyBorder="1" applyAlignment="1">
      <alignment horizontal="center" vertical="center"/>
    </xf>
    <xf numFmtId="0" fontId="3" fillId="0" borderId="21" xfId="0" applyFont="1" applyBorder="1" applyAlignment="1">
      <alignment horizontal="center" vertical="center"/>
    </xf>
    <xf numFmtId="0" fontId="3" fillId="0" borderId="20" xfId="0" applyFont="1" applyBorder="1" applyAlignment="1">
      <alignment horizontal="center" vertical="center"/>
    </xf>
    <xf numFmtId="176" fontId="3" fillId="0" borderId="32" xfId="0" applyNumberFormat="1" applyFont="1" applyBorder="1" applyAlignment="1">
      <alignment horizontal="center" vertical="center"/>
    </xf>
    <xf numFmtId="176" fontId="3" fillId="0" borderId="19" xfId="0" applyNumberFormat="1" applyFont="1" applyBorder="1" applyAlignment="1">
      <alignment horizontal="center" vertical="center"/>
    </xf>
    <xf numFmtId="0" fontId="3" fillId="0" borderId="24" xfId="0" applyFont="1" applyBorder="1" applyAlignment="1">
      <alignment horizontal="center" vertical="center"/>
    </xf>
    <xf numFmtId="0" fontId="3" fillId="0" borderId="33" xfId="0" applyFont="1" applyBorder="1" applyAlignment="1">
      <alignment horizontal="center" vertical="center"/>
    </xf>
    <xf numFmtId="178" fontId="2" fillId="0" borderId="34" xfId="1" applyNumberFormat="1" applyFont="1" applyBorder="1" applyAlignment="1">
      <alignment vertical="center"/>
    </xf>
    <xf numFmtId="178" fontId="2" fillId="0" borderId="35" xfId="1" applyNumberFormat="1" applyFont="1" applyBorder="1" applyAlignment="1">
      <alignment vertical="center"/>
    </xf>
    <xf numFmtId="178" fontId="2" fillId="0" borderId="36" xfId="1" applyNumberFormat="1" applyFont="1" applyBorder="1" applyAlignment="1">
      <alignment vertical="center"/>
    </xf>
    <xf numFmtId="178" fontId="2" fillId="0" borderId="37" xfId="1" applyNumberFormat="1" applyFont="1" applyBorder="1" applyAlignment="1">
      <alignment vertical="center"/>
    </xf>
    <xf numFmtId="178" fontId="2" fillId="0" borderId="8" xfId="1" applyNumberFormat="1" applyFont="1" applyBorder="1" applyAlignment="1">
      <alignment vertical="center"/>
    </xf>
    <xf numFmtId="178" fontId="2" fillId="0" borderId="5" xfId="1" applyNumberFormat="1" applyFont="1" applyBorder="1" applyAlignment="1">
      <alignment vertical="center"/>
    </xf>
    <xf numFmtId="178" fontId="2" fillId="0" borderId="38" xfId="1" applyNumberFormat="1" applyFont="1" applyBorder="1" applyAlignment="1">
      <alignment vertical="center"/>
    </xf>
    <xf numFmtId="178" fontId="2" fillId="0" borderId="39" xfId="1" applyNumberFormat="1" applyFont="1" applyBorder="1" applyAlignment="1">
      <alignment vertical="center"/>
    </xf>
    <xf numFmtId="178" fontId="2" fillId="0" borderId="9" xfId="1" applyNumberFormat="1" applyFont="1" applyBorder="1" applyAlignment="1">
      <alignment vertical="center"/>
    </xf>
    <xf numFmtId="178" fontId="2" fillId="0" borderId="12" xfId="1" applyNumberFormat="1" applyFont="1" applyBorder="1" applyAlignment="1">
      <alignment vertical="center"/>
    </xf>
    <xf numFmtId="178" fontId="2" fillId="0" borderId="25" xfId="1" applyNumberFormat="1" applyFont="1" applyBorder="1" applyAlignment="1">
      <alignment vertical="center"/>
    </xf>
    <xf numFmtId="178" fontId="2" fillId="0" borderId="40" xfId="1" applyNumberFormat="1" applyFont="1" applyBorder="1" applyAlignment="1">
      <alignment vertical="center"/>
    </xf>
    <xf numFmtId="178" fontId="0" fillId="0" borderId="42" xfId="0" applyNumberFormat="1" applyBorder="1" applyAlignment="1">
      <alignment vertical="center"/>
    </xf>
    <xf numFmtId="178" fontId="0" fillId="0" borderId="43" xfId="0" applyNumberFormat="1" applyBorder="1" applyAlignment="1">
      <alignment vertical="center"/>
    </xf>
    <xf numFmtId="178" fontId="0" fillId="0" borderId="44" xfId="0" applyNumberFormat="1" applyBorder="1" applyAlignment="1">
      <alignment vertical="center"/>
    </xf>
    <xf numFmtId="178" fontId="0" fillId="0" borderId="45" xfId="0" applyNumberFormat="1" applyBorder="1" applyAlignment="1">
      <alignment vertical="center"/>
    </xf>
    <xf numFmtId="178" fontId="0" fillId="0" borderId="5" xfId="0" applyNumberFormat="1" applyBorder="1" applyAlignment="1">
      <alignment vertical="center"/>
    </xf>
    <xf numFmtId="178" fontId="0" fillId="0" borderId="46" xfId="0" applyNumberFormat="1" applyBorder="1" applyAlignment="1">
      <alignment vertical="center"/>
    </xf>
    <xf numFmtId="178" fontId="0" fillId="0" borderId="47" xfId="0" applyNumberFormat="1" applyBorder="1" applyAlignment="1">
      <alignment vertical="center"/>
    </xf>
    <xf numFmtId="178" fontId="0" fillId="0" borderId="48" xfId="0" applyNumberFormat="1" applyBorder="1" applyAlignment="1">
      <alignment vertical="center"/>
    </xf>
    <xf numFmtId="178" fontId="2" fillId="0" borderId="49" xfId="1" applyNumberFormat="1" applyFont="1" applyBorder="1" applyAlignment="1">
      <alignment vertical="center"/>
    </xf>
    <xf numFmtId="178" fontId="0" fillId="0" borderId="12" xfId="0" applyNumberFormat="1" applyBorder="1" applyAlignment="1">
      <alignment vertical="center"/>
    </xf>
    <xf numFmtId="178" fontId="0" fillId="0" borderId="13" xfId="0" applyNumberFormat="1" applyBorder="1" applyAlignment="1">
      <alignment vertical="center"/>
    </xf>
    <xf numFmtId="178" fontId="0" fillId="0" borderId="50" xfId="0" applyNumberFormat="1" applyBorder="1" applyAlignment="1">
      <alignment vertical="center"/>
    </xf>
    <xf numFmtId="178" fontId="0" fillId="0" borderId="30" xfId="0" applyNumberFormat="1" applyBorder="1" applyAlignment="1">
      <alignment vertical="center"/>
    </xf>
    <xf numFmtId="177" fontId="3" fillId="0" borderId="34" xfId="1" applyNumberFormat="1" applyFont="1" applyBorder="1" applyAlignment="1">
      <alignment vertical="center"/>
    </xf>
    <xf numFmtId="177" fontId="3" fillId="0" borderId="35" xfId="1" applyNumberFormat="1" applyFont="1" applyBorder="1" applyAlignment="1">
      <alignment vertical="center"/>
    </xf>
    <xf numFmtId="177" fontId="3" fillId="0" borderId="36" xfId="1" applyNumberFormat="1" applyFont="1" applyBorder="1" applyAlignment="1">
      <alignment vertical="center"/>
    </xf>
    <xf numFmtId="177" fontId="3" fillId="0" borderId="51" xfId="1" applyNumberFormat="1" applyFont="1" applyBorder="1" applyAlignment="1">
      <alignment vertical="center"/>
    </xf>
    <xf numFmtId="177" fontId="3" fillId="0" borderId="37" xfId="1" applyNumberFormat="1" applyFont="1" applyBorder="1" applyAlignment="1">
      <alignment vertical="center"/>
    </xf>
    <xf numFmtId="177" fontId="3" fillId="0" borderId="52" xfId="1" applyNumberFormat="1" applyFont="1" applyBorder="1" applyAlignment="1">
      <alignment vertical="center"/>
    </xf>
    <xf numFmtId="177" fontId="3" fillId="0" borderId="8" xfId="1" applyNumberFormat="1" applyFont="1" applyBorder="1" applyAlignment="1">
      <alignment vertical="center"/>
    </xf>
    <xf numFmtId="177" fontId="3" fillId="0" borderId="5" xfId="1" applyNumberFormat="1" applyFont="1" applyBorder="1" applyAlignment="1">
      <alignment vertical="center"/>
    </xf>
    <xf numFmtId="177" fontId="3" fillId="0" borderId="38" xfId="1" applyNumberFormat="1" applyFont="1" applyBorder="1" applyAlignment="1">
      <alignment vertical="center"/>
    </xf>
    <xf numFmtId="177" fontId="3" fillId="0" borderId="53" xfId="1" applyNumberFormat="1" applyFont="1" applyBorder="1" applyAlignment="1">
      <alignment vertical="center"/>
    </xf>
    <xf numFmtId="177" fontId="3" fillId="0" borderId="39" xfId="1" applyNumberFormat="1" applyFont="1" applyBorder="1" applyAlignment="1">
      <alignment vertical="center"/>
    </xf>
    <xf numFmtId="177" fontId="3" fillId="0" borderId="54" xfId="1" applyNumberFormat="1" applyFont="1" applyBorder="1" applyAlignment="1">
      <alignment vertical="center"/>
    </xf>
    <xf numFmtId="177" fontId="3" fillId="0" borderId="9" xfId="1" applyNumberFormat="1" applyFont="1" applyBorder="1" applyAlignment="1">
      <alignment vertical="center"/>
    </xf>
    <xf numFmtId="177" fontId="3" fillId="0" borderId="12" xfId="1" applyNumberFormat="1" applyFont="1" applyBorder="1" applyAlignment="1">
      <alignment vertical="center"/>
    </xf>
    <xf numFmtId="177" fontId="3" fillId="0" borderId="25" xfId="1" applyNumberFormat="1" applyFont="1" applyBorder="1" applyAlignment="1">
      <alignment vertical="center"/>
    </xf>
    <xf numFmtId="177" fontId="3" fillId="0" borderId="26" xfId="1" applyNumberFormat="1" applyFont="1" applyBorder="1" applyAlignment="1">
      <alignment vertical="center"/>
    </xf>
    <xf numFmtId="177" fontId="3" fillId="0" borderId="40" xfId="1" applyNumberFormat="1" applyFont="1" applyBorder="1" applyAlignment="1">
      <alignment vertical="center"/>
    </xf>
    <xf numFmtId="177" fontId="3" fillId="0" borderId="33" xfId="1" applyNumberFormat="1" applyFont="1" applyBorder="1" applyAlignment="1">
      <alignment vertical="center"/>
    </xf>
    <xf numFmtId="179" fontId="2" fillId="0" borderId="56" xfId="0" applyNumberFormat="1" applyFont="1" applyBorder="1"/>
    <xf numFmtId="179" fontId="2" fillId="0" borderId="54" xfId="0" applyNumberFormat="1" applyFont="1" applyBorder="1"/>
    <xf numFmtId="179" fontId="2" fillId="0" borderId="53" xfId="0" applyNumberFormat="1" applyFont="1" applyBorder="1"/>
    <xf numFmtId="179" fontId="2" fillId="0" borderId="38" xfId="0" applyNumberFormat="1" applyFont="1" applyBorder="1"/>
    <xf numFmtId="179" fontId="2" fillId="0" borderId="46" xfId="0" applyNumberFormat="1" applyFont="1" applyBorder="1"/>
    <xf numFmtId="179" fontId="2" fillId="0" borderId="5" xfId="0" applyNumberFormat="1" applyFont="1" applyBorder="1"/>
    <xf numFmtId="179" fontId="2" fillId="0" borderId="8" xfId="0" applyNumberFormat="1" applyFont="1" applyBorder="1"/>
    <xf numFmtId="179" fontId="2" fillId="0" borderId="39" xfId="0" applyNumberFormat="1" applyFont="1" applyBorder="1"/>
    <xf numFmtId="179" fontId="2" fillId="0" borderId="33" xfId="0" applyNumberFormat="1" applyFont="1" applyBorder="1"/>
    <xf numFmtId="180" fontId="2" fillId="0" borderId="53" xfId="0" applyNumberFormat="1" applyFont="1" applyBorder="1"/>
    <xf numFmtId="180" fontId="2" fillId="0" borderId="5" xfId="0" applyNumberFormat="1" applyFont="1" applyBorder="1"/>
    <xf numFmtId="180" fontId="2" fillId="0" borderId="46" xfId="0" applyNumberFormat="1" applyFont="1" applyBorder="1"/>
    <xf numFmtId="180" fontId="2" fillId="0" borderId="56" xfId="0" applyNumberFormat="1" applyFont="1" applyBorder="1"/>
    <xf numFmtId="178" fontId="0" fillId="0" borderId="55" xfId="0" applyNumberFormat="1" applyBorder="1" applyAlignment="1">
      <alignment vertical="center"/>
    </xf>
    <xf numFmtId="178" fontId="0" fillId="0" borderId="54" xfId="0" applyNumberFormat="1" applyBorder="1" applyAlignment="1">
      <alignment vertical="center"/>
    </xf>
    <xf numFmtId="178" fontId="0" fillId="0" borderId="33" xfId="0" applyNumberFormat="1" applyBorder="1" applyAlignment="1">
      <alignment vertical="center"/>
    </xf>
    <xf numFmtId="0" fontId="2" fillId="0" borderId="31" xfId="0" applyFont="1" applyBorder="1" applyAlignment="1">
      <alignment horizontal="center" vertical="center"/>
    </xf>
    <xf numFmtId="176" fontId="2" fillId="0" borderId="32" xfId="0" applyNumberFormat="1" applyFont="1" applyBorder="1" applyAlignment="1">
      <alignment horizontal="center" vertical="center"/>
    </xf>
    <xf numFmtId="176" fontId="2" fillId="0" borderId="19" xfId="0" applyNumberFormat="1" applyFont="1" applyBorder="1" applyAlignment="1">
      <alignment horizontal="center" vertical="center"/>
    </xf>
    <xf numFmtId="180" fontId="2" fillId="0" borderId="3" xfId="2" applyNumberFormat="1" applyFont="1" applyBorder="1">
      <alignment vertical="center"/>
    </xf>
    <xf numFmtId="180" fontId="2" fillId="0" borderId="57" xfId="2" applyNumberFormat="1" applyFont="1" applyBorder="1">
      <alignment vertical="center"/>
    </xf>
    <xf numFmtId="180" fontId="2" fillId="0" borderId="59" xfId="2" applyNumberFormat="1" applyFont="1" applyBorder="1">
      <alignment vertical="center"/>
    </xf>
    <xf numFmtId="180" fontId="2" fillId="0" borderId="7" xfId="2" applyNumberFormat="1" applyFont="1" applyBorder="1">
      <alignment vertical="center"/>
    </xf>
    <xf numFmtId="180" fontId="2" fillId="0" borderId="5" xfId="2" applyNumberFormat="1" applyFont="1" applyBorder="1">
      <alignment vertical="center"/>
    </xf>
    <xf numFmtId="180" fontId="2" fillId="0" borderId="56" xfId="2" applyNumberFormat="1" applyFont="1" applyBorder="1">
      <alignment vertical="center"/>
    </xf>
    <xf numFmtId="180" fontId="2" fillId="0" borderId="64" xfId="2" applyNumberFormat="1" applyFont="1" applyBorder="1">
      <alignment vertical="center"/>
    </xf>
    <xf numFmtId="180" fontId="2" fillId="0" borderId="65" xfId="2" applyNumberFormat="1" applyFont="1" applyBorder="1">
      <alignment vertical="center"/>
    </xf>
    <xf numFmtId="180" fontId="2" fillId="0" borderId="66" xfId="2" applyNumberFormat="1" applyFont="1" applyBorder="1">
      <alignment vertical="center"/>
    </xf>
    <xf numFmtId="180" fontId="2" fillId="0" borderId="0" xfId="2" applyNumberFormat="1" applyFont="1" applyBorder="1">
      <alignment vertical="center"/>
    </xf>
    <xf numFmtId="180" fontId="2" fillId="0" borderId="67" xfId="2" applyNumberFormat="1" applyFont="1" applyBorder="1">
      <alignment vertical="center"/>
    </xf>
    <xf numFmtId="180" fontId="2" fillId="0" borderId="48" xfId="2" applyNumberFormat="1" applyFont="1" applyBorder="1">
      <alignment vertical="center"/>
    </xf>
    <xf numFmtId="180" fontId="2" fillId="0" borderId="68" xfId="1" applyNumberFormat="1" applyFont="1" applyFill="1" applyBorder="1" applyAlignment="1">
      <alignment vertical="center"/>
    </xf>
    <xf numFmtId="180" fontId="2" fillId="0" borderId="38" xfId="0" applyNumberFormat="1" applyFont="1" applyBorder="1"/>
    <xf numFmtId="180" fontId="2" fillId="0" borderId="8" xfId="0" applyNumberFormat="1" applyFont="1" applyBorder="1"/>
    <xf numFmtId="180" fontId="2" fillId="0" borderId="48" xfId="0" applyNumberFormat="1" applyFont="1" applyBorder="1"/>
    <xf numFmtId="180" fontId="2" fillId="0" borderId="68" xfId="0" applyNumberFormat="1" applyFont="1" applyBorder="1"/>
    <xf numFmtId="180" fontId="2" fillId="0" borderId="70" xfId="1" applyNumberFormat="1" applyFont="1" applyFill="1" applyBorder="1" applyAlignment="1">
      <alignment vertical="center"/>
    </xf>
    <xf numFmtId="180" fontId="2" fillId="0" borderId="53" xfId="2" applyNumberFormat="1" applyFont="1" applyBorder="1">
      <alignment vertical="center"/>
    </xf>
    <xf numFmtId="180" fontId="2" fillId="0" borderId="54" xfId="2" applyNumberFormat="1" applyFont="1" applyBorder="1">
      <alignment vertical="center"/>
    </xf>
    <xf numFmtId="180" fontId="2" fillId="0" borderId="46" xfId="2" applyNumberFormat="1" applyFont="1" applyBorder="1">
      <alignment vertical="center"/>
    </xf>
    <xf numFmtId="180" fontId="2" fillId="0" borderId="42" xfId="2" applyNumberFormat="1" applyFont="1" applyBorder="1">
      <alignment vertical="center"/>
    </xf>
    <xf numFmtId="180" fontId="2" fillId="0" borderId="0" xfId="2" applyNumberFormat="1" applyFont="1">
      <alignment vertical="center"/>
    </xf>
    <xf numFmtId="180" fontId="2" fillId="0" borderId="14" xfId="2" applyNumberFormat="1" applyFont="1" applyBorder="1">
      <alignment vertical="center"/>
    </xf>
    <xf numFmtId="180" fontId="2" fillId="0" borderId="12" xfId="2" applyNumberFormat="1" applyFont="1" applyBorder="1">
      <alignment vertical="center"/>
    </xf>
    <xf numFmtId="180" fontId="2" fillId="0" borderId="71" xfId="2" applyNumberFormat="1" applyFont="1" applyBorder="1">
      <alignment vertical="center"/>
    </xf>
    <xf numFmtId="180" fontId="2" fillId="0" borderId="72" xfId="2" applyNumberFormat="1" applyFont="1" applyBorder="1">
      <alignment vertical="center"/>
    </xf>
    <xf numFmtId="180" fontId="2" fillId="0" borderId="73" xfId="2" applyNumberFormat="1" applyFont="1" applyBorder="1">
      <alignment vertical="center"/>
    </xf>
    <xf numFmtId="180" fontId="2" fillId="0" borderId="74" xfId="2" applyNumberFormat="1" applyFont="1" applyBorder="1">
      <alignment vertical="center"/>
    </xf>
    <xf numFmtId="180" fontId="2" fillId="0" borderId="75" xfId="2" applyNumberFormat="1" applyFont="1" applyBorder="1">
      <alignment vertical="center"/>
    </xf>
    <xf numFmtId="180" fontId="2" fillId="0" borderId="76" xfId="2" applyNumberFormat="1" applyFont="1" applyBorder="1">
      <alignment vertical="center"/>
    </xf>
    <xf numFmtId="180" fontId="2" fillId="0" borderId="30" xfId="2" applyNumberFormat="1" applyFont="1" applyBorder="1">
      <alignment vertical="center"/>
    </xf>
    <xf numFmtId="180" fontId="2" fillId="0" borderId="77" xfId="1" applyNumberFormat="1" applyFont="1" applyFill="1" applyBorder="1" applyAlignment="1">
      <alignment vertical="center"/>
    </xf>
    <xf numFmtId="180" fontId="2" fillId="0" borderId="12" xfId="0" applyNumberFormat="1" applyFont="1" applyBorder="1"/>
    <xf numFmtId="180" fontId="2" fillId="0" borderId="25" xfId="0" applyNumberFormat="1" applyFont="1" applyBorder="1"/>
    <xf numFmtId="180" fontId="2" fillId="0" borderId="9" xfId="0" applyNumberFormat="1" applyFont="1" applyBorder="1"/>
    <xf numFmtId="180" fontId="2" fillId="0" borderId="26" xfId="0" applyNumberFormat="1" applyFont="1" applyBorder="1"/>
    <xf numFmtId="180" fontId="2" fillId="0" borderId="13" xfId="0" applyNumberFormat="1" applyFont="1" applyBorder="1"/>
    <xf numFmtId="180" fontId="2" fillId="0" borderId="71" xfId="0" applyNumberFormat="1" applyFont="1" applyBorder="1"/>
    <xf numFmtId="180" fontId="2" fillId="0" borderId="30" xfId="0" applyNumberFormat="1" applyFont="1" applyBorder="1"/>
    <xf numFmtId="180" fontId="2" fillId="0" borderId="77" xfId="0" applyNumberFormat="1" applyFont="1" applyBorder="1"/>
    <xf numFmtId="180" fontId="2" fillId="0" borderId="79" xfId="1" applyNumberFormat="1" applyFont="1" applyFill="1" applyBorder="1" applyAlignment="1">
      <alignment vertical="center"/>
    </xf>
    <xf numFmtId="179" fontId="2" fillId="0" borderId="42" xfId="0" applyNumberFormat="1" applyFont="1" applyBorder="1"/>
    <xf numFmtId="179" fontId="2" fillId="0" borderId="80" xfId="0" applyNumberFormat="1" applyFont="1" applyBorder="1"/>
    <xf numFmtId="179" fontId="2" fillId="0" borderId="57" xfId="0" applyNumberFormat="1" applyFont="1" applyBorder="1"/>
    <xf numFmtId="179" fontId="2" fillId="0" borderId="47" xfId="0" applyNumberFormat="1" applyFont="1" applyBorder="1"/>
    <xf numFmtId="179" fontId="2" fillId="0" borderId="67" xfId="0" applyNumberFormat="1" applyFont="1" applyBorder="1"/>
    <xf numFmtId="179" fontId="2" fillId="0" borderId="0" xfId="0" applyNumberFormat="1" applyFont="1"/>
    <xf numFmtId="179" fontId="2" fillId="0" borderId="65" xfId="0" applyNumberFormat="1" applyFont="1" applyBorder="1"/>
    <xf numFmtId="179" fontId="2" fillId="0" borderId="0" xfId="0" applyNumberFormat="1" applyFont="1" applyBorder="1"/>
    <xf numFmtId="179" fontId="2" fillId="0" borderId="12" xfId="0" applyNumberFormat="1" applyFont="1" applyBorder="1"/>
    <xf numFmtId="179" fontId="2" fillId="0" borderId="13" xfId="0" applyNumberFormat="1" applyFont="1" applyBorder="1"/>
    <xf numFmtId="179" fontId="2" fillId="0" borderId="71" xfId="0" applyNumberFormat="1" applyFont="1" applyBorder="1"/>
    <xf numFmtId="179" fontId="2" fillId="0" borderId="40" xfId="0" applyNumberFormat="1" applyFont="1" applyBorder="1"/>
    <xf numFmtId="179" fontId="2" fillId="0" borderId="26" xfId="0" applyNumberFormat="1" applyFont="1" applyBorder="1"/>
    <xf numFmtId="179" fontId="2" fillId="0" borderId="25" xfId="0" applyNumberFormat="1" applyFont="1" applyBorder="1"/>
    <xf numFmtId="179" fontId="2" fillId="0" borderId="9" xfId="0" applyNumberFormat="1" applyFont="1" applyBorder="1"/>
    <xf numFmtId="177" fontId="2" fillId="0" borderId="34" xfId="1" applyNumberFormat="1" applyFont="1" applyBorder="1" applyAlignment="1">
      <alignment vertical="center"/>
    </xf>
    <xf numFmtId="177" fontId="2" fillId="0" borderId="36" xfId="1" applyNumberFormat="1" applyFont="1" applyBorder="1" applyAlignment="1">
      <alignment vertical="center"/>
    </xf>
    <xf numFmtId="177" fontId="2" fillId="0" borderId="51" xfId="1" applyNumberFormat="1" applyFont="1" applyBorder="1" applyAlignment="1">
      <alignment vertical="center"/>
    </xf>
    <xf numFmtId="177" fontId="2" fillId="0" borderId="35" xfId="1" applyNumberFormat="1" applyFont="1" applyBorder="1" applyAlignment="1">
      <alignment vertical="center"/>
    </xf>
    <xf numFmtId="177" fontId="2" fillId="0" borderId="43" xfId="1" applyNumberFormat="1" applyFont="1" applyBorder="1" applyAlignment="1">
      <alignment vertical="center"/>
    </xf>
    <xf numFmtId="177" fontId="2" fillId="0" borderId="58" xfId="1" applyNumberFormat="1" applyFont="1" applyBorder="1" applyAlignment="1">
      <alignment vertical="center"/>
    </xf>
    <xf numFmtId="177" fontId="2" fillId="0" borderId="45" xfId="1" applyNumberFormat="1" applyFont="1" applyBorder="1" applyAlignment="1">
      <alignment vertical="center"/>
    </xf>
    <xf numFmtId="177" fontId="2" fillId="0" borderId="52" xfId="1" applyNumberFormat="1" applyFont="1" applyBorder="1" applyAlignment="1">
      <alignment vertical="center"/>
    </xf>
    <xf numFmtId="177" fontId="2" fillId="0" borderId="37" xfId="1" applyNumberFormat="1" applyFont="1" applyBorder="1" applyAlignment="1">
      <alignment vertical="center"/>
    </xf>
    <xf numFmtId="177" fontId="2" fillId="0" borderId="8" xfId="1" applyNumberFormat="1" applyFont="1" applyBorder="1" applyAlignment="1">
      <alignment vertical="center"/>
    </xf>
    <xf numFmtId="177" fontId="2" fillId="0" borderId="38" xfId="1" applyNumberFormat="1" applyFont="1" applyBorder="1" applyAlignment="1">
      <alignment vertical="center"/>
    </xf>
    <xf numFmtId="177" fontId="2" fillId="0" borderId="53" xfId="1" applyNumberFormat="1" applyFont="1" applyBorder="1" applyAlignment="1">
      <alignment vertical="center"/>
    </xf>
    <xf numFmtId="177" fontId="2" fillId="0" borderId="5" xfId="1" applyNumberFormat="1" applyFont="1" applyBorder="1" applyAlignment="1">
      <alignment vertical="center"/>
    </xf>
    <xf numFmtId="177" fontId="2" fillId="0" borderId="46" xfId="1" applyNumberFormat="1" applyFont="1" applyBorder="1" applyAlignment="1">
      <alignment vertical="center"/>
    </xf>
    <xf numFmtId="177" fontId="2" fillId="0" borderId="56" xfId="1" applyNumberFormat="1" applyFont="1" applyBorder="1" applyAlignment="1">
      <alignment vertical="center"/>
    </xf>
    <xf numFmtId="177" fontId="2" fillId="0" borderId="48" xfId="1" applyNumberFormat="1" applyFont="1" applyBorder="1" applyAlignment="1">
      <alignment vertical="center"/>
    </xf>
    <xf numFmtId="177" fontId="2" fillId="0" borderId="54" xfId="1" applyNumberFormat="1" applyFont="1" applyBorder="1" applyAlignment="1">
      <alignment vertical="center"/>
    </xf>
    <xf numFmtId="177" fontId="2" fillId="0" borderId="39" xfId="1" applyNumberFormat="1" applyFont="1" applyBorder="1" applyAlignment="1">
      <alignment vertical="center"/>
    </xf>
    <xf numFmtId="177" fontId="2" fillId="0" borderId="9" xfId="1" applyNumberFormat="1" applyFont="1" applyBorder="1" applyAlignment="1">
      <alignment vertical="center"/>
    </xf>
    <xf numFmtId="177" fontId="2" fillId="0" borderId="25" xfId="1" applyNumberFormat="1" applyFont="1" applyBorder="1" applyAlignment="1">
      <alignment vertical="center"/>
    </xf>
    <xf numFmtId="177" fontId="2" fillId="0" borderId="26" xfId="1" applyNumberFormat="1" applyFont="1" applyBorder="1" applyAlignment="1">
      <alignment vertical="center"/>
    </xf>
    <xf numFmtId="177" fontId="2" fillId="0" borderId="12" xfId="1" applyNumberFormat="1" applyFont="1" applyBorder="1" applyAlignment="1">
      <alignment vertical="center"/>
    </xf>
    <xf numFmtId="177" fontId="2" fillId="0" borderId="13" xfId="1" applyNumberFormat="1" applyFont="1" applyBorder="1" applyAlignment="1">
      <alignment vertical="center"/>
    </xf>
    <xf numFmtId="177" fontId="2" fillId="0" borderId="71" xfId="1" applyNumberFormat="1" applyFont="1" applyBorder="1" applyAlignment="1">
      <alignment vertical="center"/>
    </xf>
    <xf numFmtId="177" fontId="2" fillId="0" borderId="30" xfId="1" applyNumberFormat="1" applyFont="1" applyBorder="1" applyAlignment="1">
      <alignment vertical="center"/>
    </xf>
    <xf numFmtId="177" fontId="2" fillId="0" borderId="33" xfId="1" applyNumberFormat="1" applyFont="1" applyBorder="1" applyAlignment="1">
      <alignment vertical="center"/>
    </xf>
    <xf numFmtId="177" fontId="2" fillId="0" borderId="40" xfId="1" applyNumberFormat="1" applyFont="1" applyBorder="1" applyAlignment="1">
      <alignment vertical="center"/>
    </xf>
    <xf numFmtId="176" fontId="2" fillId="0" borderId="51" xfId="1" applyNumberFormat="1" applyFont="1" applyBorder="1" applyAlignment="1">
      <alignment vertical="center"/>
    </xf>
    <xf numFmtId="176" fontId="2" fillId="0" borderId="53" xfId="1" applyNumberFormat="1" applyFont="1" applyBorder="1" applyAlignment="1">
      <alignment vertical="center"/>
    </xf>
    <xf numFmtId="176" fontId="2" fillId="0" borderId="26" xfId="1" applyNumberFormat="1" applyFont="1" applyBorder="1" applyAlignment="1">
      <alignment vertical="center"/>
    </xf>
    <xf numFmtId="176" fontId="2" fillId="0" borderId="34" xfId="1" applyNumberFormat="1" applyFont="1" applyBorder="1" applyAlignment="1">
      <alignment vertical="center"/>
    </xf>
    <xf numFmtId="176" fontId="2" fillId="0" borderId="35" xfId="1" applyNumberFormat="1" applyFont="1" applyBorder="1" applyAlignment="1">
      <alignment vertical="center"/>
    </xf>
    <xf numFmtId="176" fontId="2" fillId="0" borderId="36" xfId="1" applyNumberFormat="1" applyFont="1" applyBorder="1" applyAlignment="1">
      <alignment vertical="center"/>
    </xf>
    <xf numFmtId="176" fontId="2" fillId="0" borderId="37" xfId="1" applyNumberFormat="1" applyFont="1" applyBorder="1" applyAlignment="1">
      <alignment vertical="center"/>
    </xf>
    <xf numFmtId="176" fontId="2" fillId="0" borderId="52" xfId="1" applyNumberFormat="1" applyFont="1" applyBorder="1" applyAlignment="1">
      <alignment vertical="center"/>
    </xf>
    <xf numFmtId="176" fontId="2" fillId="0" borderId="8" xfId="1" applyNumberFormat="1" applyFont="1" applyBorder="1" applyAlignment="1">
      <alignment vertical="center"/>
    </xf>
    <xf numFmtId="176" fontId="2" fillId="0" borderId="5" xfId="1" applyNumberFormat="1" applyFont="1" applyBorder="1" applyAlignment="1">
      <alignment vertical="center"/>
    </xf>
    <xf numFmtId="176" fontId="2" fillId="0" borderId="38" xfId="1" applyNumberFormat="1" applyFont="1" applyBorder="1" applyAlignment="1">
      <alignment vertical="center"/>
    </xf>
    <xf numFmtId="176" fontId="2" fillId="0" borderId="39" xfId="1" applyNumberFormat="1" applyFont="1" applyBorder="1" applyAlignment="1">
      <alignment vertical="center"/>
    </xf>
    <xf numFmtId="176" fontId="2" fillId="0" borderId="54" xfId="1" applyNumberFormat="1" applyFont="1" applyBorder="1" applyAlignment="1">
      <alignment vertical="center"/>
    </xf>
    <xf numFmtId="176" fontId="2" fillId="0" borderId="9" xfId="1" applyNumberFormat="1" applyFont="1" applyBorder="1" applyAlignment="1">
      <alignment vertical="center"/>
    </xf>
    <xf numFmtId="176" fontId="2" fillId="0" borderId="12" xfId="1" applyNumberFormat="1" applyFont="1" applyBorder="1" applyAlignment="1">
      <alignment vertical="center"/>
    </xf>
    <xf numFmtId="176" fontId="2" fillId="0" borderId="25" xfId="1" applyNumberFormat="1" applyFont="1" applyBorder="1" applyAlignment="1">
      <alignment vertical="center"/>
    </xf>
    <xf numFmtId="176" fontId="2" fillId="0" borderId="40" xfId="1" applyNumberFormat="1" applyFont="1" applyBorder="1" applyAlignment="1">
      <alignment vertical="center"/>
    </xf>
    <xf numFmtId="176" fontId="2" fillId="0" borderId="33" xfId="1" applyNumberFormat="1" applyFont="1" applyBorder="1" applyAlignment="1">
      <alignment vertical="center"/>
    </xf>
    <xf numFmtId="180" fontId="2" fillId="0" borderId="54" xfId="0" applyNumberFormat="1" applyFont="1" applyBorder="1"/>
    <xf numFmtId="180" fontId="2" fillId="0" borderId="33" xfId="0" applyNumberFormat="1" applyFont="1" applyBorder="1"/>
    <xf numFmtId="180" fontId="2" fillId="0" borderId="8" xfId="1" applyNumberFormat="1" applyFont="1" applyFill="1" applyBorder="1" applyAlignment="1">
      <alignment vertical="center"/>
    </xf>
    <xf numFmtId="180" fontId="2" fillId="0" borderId="9" xfId="1" applyNumberFormat="1" applyFont="1" applyFill="1" applyBorder="1" applyAlignment="1">
      <alignment vertical="center"/>
    </xf>
    <xf numFmtId="180" fontId="2" fillId="0" borderId="8" xfId="1" applyNumberFormat="1" applyFont="1" applyFill="1" applyBorder="1" applyAlignment="1"/>
    <xf numFmtId="180" fontId="2" fillId="0" borderId="9" xfId="1" applyNumberFormat="1" applyFont="1" applyFill="1" applyBorder="1" applyAlignment="1"/>
    <xf numFmtId="180" fontId="2" fillId="0" borderId="5" xfId="1" applyNumberFormat="1" applyFont="1" applyFill="1" applyBorder="1" applyAlignment="1">
      <alignment vertical="center"/>
    </xf>
    <xf numFmtId="180" fontId="2" fillId="0" borderId="46" xfId="1" applyNumberFormat="1" applyFont="1" applyFill="1" applyBorder="1" applyAlignment="1">
      <alignment vertical="center"/>
    </xf>
    <xf numFmtId="180" fontId="2" fillId="0" borderId="12" xfId="1" applyNumberFormat="1" applyFont="1" applyFill="1" applyBorder="1" applyAlignment="1">
      <alignment vertical="center"/>
    </xf>
    <xf numFmtId="180" fontId="2" fillId="0" borderId="13" xfId="1" applyNumberFormat="1" applyFont="1" applyFill="1" applyBorder="1" applyAlignment="1">
      <alignment vertical="center"/>
    </xf>
    <xf numFmtId="178" fontId="0" fillId="0" borderId="62" xfId="0" applyNumberFormat="1" applyBorder="1" applyAlignment="1">
      <alignment vertical="center"/>
    </xf>
    <xf numFmtId="178" fontId="0" fillId="0" borderId="68" xfId="0" applyNumberFormat="1" applyBorder="1" applyAlignment="1">
      <alignment vertical="center"/>
    </xf>
    <xf numFmtId="178" fontId="0" fillId="0" borderId="77" xfId="0" applyNumberFormat="1" applyBorder="1" applyAlignment="1">
      <alignment vertical="center"/>
    </xf>
    <xf numFmtId="178" fontId="2" fillId="0" borderId="62" xfId="1" applyNumberFormat="1" applyFont="1" applyBorder="1" applyAlignment="1">
      <alignment vertical="center"/>
    </xf>
    <xf numFmtId="178" fontId="2" fillId="0" borderId="68" xfId="1" applyNumberFormat="1" applyFont="1" applyBorder="1" applyAlignment="1">
      <alignment vertical="center"/>
    </xf>
    <xf numFmtId="178" fontId="2" fillId="0" borderId="77" xfId="1" applyNumberFormat="1" applyFont="1" applyBorder="1" applyAlignment="1">
      <alignment vertical="center"/>
    </xf>
    <xf numFmtId="183" fontId="5" fillId="0" borderId="0" xfId="0" applyNumberFormat="1" applyFont="1" applyAlignment="1">
      <alignment horizontal="left" vertical="center"/>
    </xf>
    <xf numFmtId="181" fontId="5" fillId="0" borderId="0" xfId="0" applyNumberFormat="1" applyFont="1" applyBorder="1" applyAlignment="1">
      <alignment vertical="center"/>
    </xf>
    <xf numFmtId="183" fontId="5" fillId="0" borderId="0" xfId="0" applyNumberFormat="1" applyFont="1" applyBorder="1" applyAlignment="1">
      <alignment horizontal="left" vertical="center"/>
    </xf>
    <xf numFmtId="181" fontId="8" fillId="0" borderId="0" xfId="0" applyNumberFormat="1" applyFont="1" applyAlignment="1">
      <alignment vertical="center"/>
    </xf>
    <xf numFmtId="183" fontId="8" fillId="0" borderId="0" xfId="0" applyNumberFormat="1" applyFont="1" applyAlignment="1">
      <alignment horizontal="left" vertical="center"/>
    </xf>
    <xf numFmtId="181" fontId="8" fillId="0" borderId="0" xfId="0" applyNumberFormat="1" applyFont="1" applyFill="1" applyAlignment="1">
      <alignment vertical="center"/>
    </xf>
    <xf numFmtId="183" fontId="8" fillId="0" borderId="0" xfId="0" applyNumberFormat="1" applyFont="1" applyFill="1" applyAlignment="1">
      <alignment horizontal="left" vertical="center"/>
    </xf>
    <xf numFmtId="184" fontId="3" fillId="0" borderId="0" xfId="0" applyNumberFormat="1" applyFont="1" applyAlignment="1">
      <alignment vertical="center"/>
    </xf>
    <xf numFmtId="182" fontId="2" fillId="0" borderId="0" xfId="0" applyNumberFormat="1" applyFont="1" applyAlignment="1">
      <alignment horizontal="center" vertical="center"/>
    </xf>
    <xf numFmtId="0" fontId="9" fillId="0" borderId="0" xfId="3" applyFont="1">
      <alignment vertical="center"/>
    </xf>
    <xf numFmtId="0" fontId="9" fillId="0" borderId="8" xfId="3" applyFont="1" applyBorder="1">
      <alignment vertical="center"/>
    </xf>
    <xf numFmtId="0" fontId="9" fillId="0" borderId="9" xfId="3" applyFont="1" applyBorder="1">
      <alignment vertical="center"/>
    </xf>
    <xf numFmtId="0" fontId="9" fillId="0" borderId="49" xfId="3" applyFont="1" applyBorder="1">
      <alignment vertical="center"/>
    </xf>
    <xf numFmtId="0" fontId="9" fillId="0" borderId="12" xfId="3" applyFont="1" applyBorder="1" applyAlignment="1">
      <alignment horizontal="center" vertical="center"/>
    </xf>
    <xf numFmtId="0" fontId="9" fillId="0" borderId="3" xfId="3" applyFont="1" applyBorder="1">
      <alignment vertical="center"/>
    </xf>
    <xf numFmtId="0" fontId="9" fillId="0" borderId="7" xfId="3" applyFont="1" applyBorder="1">
      <alignment vertical="center"/>
    </xf>
    <xf numFmtId="0" fontId="9" fillId="0" borderId="14" xfId="3" applyFont="1" applyBorder="1">
      <alignment vertical="center"/>
    </xf>
    <xf numFmtId="0" fontId="9" fillId="0" borderId="9" xfId="3" applyFont="1" applyBorder="1" applyAlignment="1">
      <alignment horizontal="center" vertical="center"/>
    </xf>
    <xf numFmtId="0" fontId="9" fillId="0" borderId="33" xfId="3" applyFont="1" applyBorder="1" applyAlignment="1">
      <alignment horizontal="center" vertical="center"/>
    </xf>
    <xf numFmtId="0" fontId="9" fillId="0" borderId="25" xfId="3" applyFont="1" applyBorder="1" applyAlignment="1">
      <alignment horizontal="center" vertical="center"/>
    </xf>
    <xf numFmtId="0" fontId="9" fillId="0" borderId="78" xfId="3" applyFont="1" applyBorder="1" applyAlignment="1">
      <alignment horizontal="center" vertical="center"/>
    </xf>
    <xf numFmtId="0" fontId="9" fillId="0" borderId="26" xfId="3" applyFont="1" applyBorder="1" applyAlignment="1">
      <alignment horizontal="center" vertical="center" wrapText="1"/>
    </xf>
    <xf numFmtId="0" fontId="9" fillId="0" borderId="13" xfId="3" applyFont="1" applyBorder="1" applyAlignment="1">
      <alignment horizontal="center" vertical="center"/>
    </xf>
    <xf numFmtId="38" fontId="9" fillId="0" borderId="49" xfId="1" applyFont="1" applyBorder="1" applyAlignment="1">
      <alignment vertical="center"/>
    </xf>
    <xf numFmtId="38" fontId="9" fillId="0" borderId="4" xfId="1" applyFont="1" applyBorder="1" applyAlignment="1">
      <alignment vertical="center"/>
    </xf>
    <xf numFmtId="38" fontId="9" fillId="0" borderId="81" xfId="1" applyFont="1" applyBorder="1" applyAlignment="1">
      <alignment vertical="center"/>
    </xf>
    <xf numFmtId="38" fontId="9" fillId="0" borderId="97" xfId="1" applyFont="1" applyBorder="1" applyAlignment="1">
      <alignment vertical="center"/>
    </xf>
    <xf numFmtId="38" fontId="9" fillId="0" borderId="42" xfId="1" applyFont="1" applyBorder="1" applyAlignment="1">
      <alignment vertical="center"/>
    </xf>
    <xf numFmtId="38" fontId="9" fillId="0" borderId="80" xfId="1" applyFont="1" applyBorder="1" applyAlignment="1">
      <alignment vertical="center"/>
    </xf>
    <xf numFmtId="38" fontId="9" fillId="0" borderId="96" xfId="1" applyFont="1" applyBorder="1" applyAlignment="1">
      <alignment vertical="center"/>
    </xf>
    <xf numFmtId="38" fontId="9" fillId="0" borderId="8" xfId="1" applyFont="1" applyBorder="1" applyAlignment="1">
      <alignment vertical="center"/>
    </xf>
    <xf numFmtId="38" fontId="9" fillId="0" borderId="38" xfId="1" applyFont="1" applyBorder="1" applyAlignment="1">
      <alignment vertical="center"/>
    </xf>
    <xf numFmtId="38" fontId="9" fillId="0" borderId="69" xfId="1" applyFont="1" applyBorder="1" applyAlignment="1">
      <alignment vertical="center"/>
    </xf>
    <xf numFmtId="38" fontId="9" fillId="0" borderId="53" xfId="1" applyFont="1" applyBorder="1" applyAlignment="1">
      <alignment vertical="center"/>
    </xf>
    <xf numFmtId="38" fontId="9" fillId="0" borderId="5" xfId="1" applyFont="1" applyBorder="1" applyAlignment="1">
      <alignment vertical="center"/>
    </xf>
    <xf numFmtId="38" fontId="9" fillId="0" borderId="46" xfId="1" applyFont="1" applyBorder="1" applyAlignment="1">
      <alignment vertical="center"/>
    </xf>
    <xf numFmtId="38" fontId="9" fillId="0" borderId="39" xfId="1" applyFont="1" applyBorder="1" applyAlignment="1">
      <alignment vertical="center"/>
    </xf>
    <xf numFmtId="38" fontId="9" fillId="0" borderId="9" xfId="1" applyFont="1" applyBorder="1" applyAlignment="1">
      <alignment vertical="center"/>
    </xf>
    <xf numFmtId="38" fontId="9" fillId="0" borderId="25" xfId="1" applyFont="1" applyBorder="1" applyAlignment="1">
      <alignment vertical="center"/>
    </xf>
    <xf numFmtId="38" fontId="9" fillId="0" borderId="78" xfId="1" applyFont="1" applyBorder="1" applyAlignment="1">
      <alignment vertical="center"/>
    </xf>
    <xf numFmtId="38" fontId="9" fillId="0" borderId="26" xfId="1" applyFont="1" applyBorder="1" applyAlignment="1">
      <alignment vertical="center"/>
    </xf>
    <xf numFmtId="38" fontId="9" fillId="0" borderId="12" xfId="1" applyFont="1" applyBorder="1" applyAlignment="1">
      <alignment vertical="center"/>
    </xf>
    <xf numFmtId="38" fontId="9" fillId="0" borderId="13" xfId="1" applyFont="1" applyBorder="1" applyAlignment="1">
      <alignment vertical="center"/>
    </xf>
    <xf numFmtId="38" fontId="9" fillId="0" borderId="40" xfId="1" applyFont="1" applyBorder="1" applyAlignment="1">
      <alignment vertical="center"/>
    </xf>
    <xf numFmtId="0" fontId="10" fillId="0" borderId="0" xfId="3" applyFont="1">
      <alignment vertical="center"/>
    </xf>
    <xf numFmtId="0" fontId="0" fillId="0" borderId="0" xfId="0" applyAlignment="1">
      <alignment vertical="center"/>
    </xf>
    <xf numFmtId="0" fontId="0" fillId="0" borderId="7" xfId="0" applyBorder="1" applyAlignment="1">
      <alignment vertical="center"/>
    </xf>
    <xf numFmtId="0" fontId="0" fillId="0" borderId="14" xfId="0" applyBorder="1" applyAlignment="1">
      <alignment vertical="center"/>
    </xf>
    <xf numFmtId="180" fontId="0" fillId="0" borderId="8" xfId="1" applyNumberFormat="1" applyFont="1" applyBorder="1" applyAlignment="1">
      <alignment vertical="center"/>
    </xf>
    <xf numFmtId="180" fontId="0" fillId="0" borderId="5" xfId="1" applyNumberFormat="1" applyFont="1" applyBorder="1" applyAlignment="1">
      <alignment vertical="center"/>
    </xf>
    <xf numFmtId="180" fontId="0" fillId="0" borderId="38" xfId="1" applyNumberFormat="1" applyFont="1" applyBorder="1" applyAlignment="1">
      <alignment vertical="center"/>
    </xf>
    <xf numFmtId="180" fontId="0" fillId="0" borderId="53" xfId="1" applyNumberFormat="1" applyFont="1" applyBorder="1" applyAlignment="1">
      <alignment vertical="center"/>
    </xf>
    <xf numFmtId="180" fontId="0" fillId="0" borderId="46" xfId="1" applyNumberFormat="1" applyFont="1" applyBorder="1" applyAlignment="1">
      <alignment vertical="center"/>
    </xf>
    <xf numFmtId="180" fontId="0" fillId="0" borderId="48" xfId="1" applyNumberFormat="1" applyFont="1" applyBorder="1" applyAlignment="1">
      <alignment vertical="center"/>
    </xf>
    <xf numFmtId="180" fontId="0" fillId="0" borderId="68" xfId="1" applyNumberFormat="1" applyFont="1" applyBorder="1" applyAlignment="1">
      <alignment vertical="center"/>
    </xf>
    <xf numFmtId="180" fontId="0" fillId="0" borderId="56" xfId="1" applyNumberFormat="1" applyFont="1" applyBorder="1" applyAlignment="1">
      <alignment vertical="center"/>
    </xf>
    <xf numFmtId="180" fontId="0" fillId="0" borderId="9" xfId="1" applyNumberFormat="1" applyFont="1" applyBorder="1" applyAlignment="1">
      <alignment vertical="center"/>
    </xf>
    <xf numFmtId="180" fontId="0" fillId="0" borderId="12" xfId="1" applyNumberFormat="1" applyFont="1" applyBorder="1" applyAlignment="1">
      <alignment vertical="center"/>
    </xf>
    <xf numFmtId="180" fontId="0" fillId="0" borderId="25" xfId="1" applyNumberFormat="1" applyFont="1" applyBorder="1" applyAlignment="1">
      <alignment vertical="center"/>
    </xf>
    <xf numFmtId="180" fontId="0" fillId="0" borderId="26" xfId="1" applyNumberFormat="1" applyFont="1" applyBorder="1" applyAlignment="1">
      <alignment vertical="center"/>
    </xf>
    <xf numFmtId="180" fontId="0" fillId="0" borderId="13" xfId="1" applyNumberFormat="1" applyFont="1" applyBorder="1" applyAlignment="1">
      <alignment vertical="center"/>
    </xf>
    <xf numFmtId="180" fontId="0" fillId="0" borderId="30" xfId="1" applyNumberFormat="1" applyFont="1" applyBorder="1" applyAlignment="1">
      <alignment vertical="center"/>
    </xf>
    <xf numFmtId="180" fontId="0" fillId="0" borderId="77" xfId="1" applyNumberFormat="1" applyFont="1" applyBorder="1" applyAlignment="1">
      <alignment vertical="center"/>
    </xf>
    <xf numFmtId="180" fontId="0" fillId="0" borderId="71" xfId="1" applyNumberFormat="1" applyFont="1" applyBorder="1" applyAlignment="1">
      <alignment vertical="center"/>
    </xf>
    <xf numFmtId="0" fontId="0" fillId="0" borderId="0" xfId="0" applyBorder="1" applyAlignment="1">
      <alignment vertical="center"/>
    </xf>
    <xf numFmtId="0" fontId="9" fillId="0" borderId="9" xfId="3" applyFont="1" applyBorder="1" applyAlignment="1">
      <alignment horizontal="center" vertical="center"/>
    </xf>
    <xf numFmtId="0" fontId="3" fillId="0" borderId="85" xfId="0" applyFont="1" applyBorder="1" applyAlignment="1">
      <alignment horizontal="center" vertical="center"/>
    </xf>
    <xf numFmtId="0" fontId="3" fillId="0" borderId="19" xfId="0" applyFont="1" applyBorder="1" applyAlignment="1">
      <alignment horizontal="center" vertical="center"/>
    </xf>
    <xf numFmtId="178" fontId="0" fillId="0" borderId="49" xfId="0" applyNumberFormat="1" applyBorder="1" applyAlignment="1">
      <alignment vertical="center"/>
    </xf>
    <xf numFmtId="178" fontId="0" fillId="0" borderId="8" xfId="0" applyNumberFormat="1" applyBorder="1" applyAlignment="1">
      <alignment vertical="center"/>
    </xf>
    <xf numFmtId="178" fontId="0" fillId="0" borderId="9" xfId="0" applyNumberFormat="1" applyBorder="1" applyAlignment="1">
      <alignment vertical="center"/>
    </xf>
    <xf numFmtId="0" fontId="2" fillId="0" borderId="19" xfId="0" applyFont="1" applyBorder="1" applyAlignment="1">
      <alignment horizontal="center" vertical="center"/>
    </xf>
    <xf numFmtId="179" fontId="2" fillId="0" borderId="48" xfId="0" applyNumberFormat="1" applyFont="1" applyBorder="1"/>
    <xf numFmtId="179" fontId="2" fillId="0" borderId="30" xfId="0" applyNumberFormat="1" applyFont="1" applyBorder="1"/>
    <xf numFmtId="180" fontId="2" fillId="0" borderId="39" xfId="0" applyNumberFormat="1" applyFont="1" applyBorder="1"/>
    <xf numFmtId="180" fontId="2" fillId="0" borderId="40" xfId="0" applyNumberFormat="1" applyFont="1" applyBorder="1"/>
    <xf numFmtId="182" fontId="2" fillId="0" borderId="0" xfId="0" applyNumberFormat="1" applyFont="1" applyAlignment="1">
      <alignment horizontal="center" vertical="center"/>
    </xf>
    <xf numFmtId="0" fontId="9" fillId="0" borderId="9" xfId="3" applyFont="1" applyBorder="1" applyAlignment="1">
      <alignment horizontal="center" vertical="center"/>
    </xf>
    <xf numFmtId="0" fontId="2" fillId="0" borderId="0" xfId="0" applyFont="1" applyFill="1" applyAlignment="1">
      <alignment vertical="center"/>
    </xf>
    <xf numFmtId="0" fontId="2" fillId="0" borderId="33" xfId="0" applyFont="1" applyBorder="1" applyAlignment="1">
      <alignment horizontal="center" vertical="center"/>
    </xf>
    <xf numFmtId="0" fontId="2" fillId="0" borderId="25" xfId="0" applyFont="1" applyBorder="1" applyAlignment="1">
      <alignment horizontal="center" vertical="center"/>
    </xf>
    <xf numFmtId="0" fontId="2" fillId="0" borderId="20" xfId="0" applyFont="1" applyBorder="1" applyAlignment="1">
      <alignment horizontal="center" vertical="center"/>
    </xf>
    <xf numFmtId="179" fontId="2" fillId="0" borderId="105" xfId="0" applyNumberFormat="1" applyFont="1" applyBorder="1"/>
    <xf numFmtId="179" fontId="2" fillId="0" borderId="106" xfId="0" applyNumberFormat="1" applyFont="1" applyBorder="1"/>
    <xf numFmtId="179" fontId="2" fillId="0" borderId="107" xfId="0" applyNumberFormat="1" applyFont="1" applyBorder="1"/>
    <xf numFmtId="179" fontId="2" fillId="0" borderId="70" xfId="0" applyNumberFormat="1" applyFont="1" applyBorder="1"/>
    <xf numFmtId="179" fontId="2" fillId="0" borderId="108" xfId="0" applyNumberFormat="1" applyFont="1" applyBorder="1"/>
    <xf numFmtId="179" fontId="2" fillId="0" borderId="109" xfId="0" applyNumberFormat="1" applyFont="1" applyBorder="1"/>
    <xf numFmtId="179" fontId="2" fillId="0" borderId="110" xfId="0" applyNumberFormat="1" applyFont="1" applyBorder="1"/>
    <xf numFmtId="179" fontId="2" fillId="0" borderId="111" xfId="0" applyNumberFormat="1" applyFont="1" applyBorder="1"/>
    <xf numFmtId="179" fontId="2" fillId="0" borderId="112" xfId="0" applyNumberFormat="1" applyFont="1" applyBorder="1"/>
    <xf numFmtId="179" fontId="2" fillId="0" borderId="79" xfId="0" applyNumberFormat="1" applyFont="1" applyBorder="1"/>
    <xf numFmtId="179" fontId="2" fillId="0" borderId="113" xfId="0" applyNumberFormat="1" applyFont="1" applyBorder="1"/>
    <xf numFmtId="179" fontId="2" fillId="0" borderId="114" xfId="0" applyNumberFormat="1" applyFont="1" applyBorder="1"/>
    <xf numFmtId="0" fontId="9" fillId="0" borderId="9" xfId="3" applyFont="1" applyBorder="1" applyAlignment="1">
      <alignment horizontal="center" vertical="center"/>
    </xf>
    <xf numFmtId="182" fontId="2" fillId="0" borderId="0" xfId="0" applyNumberFormat="1" applyFont="1" applyBorder="1" applyAlignment="1">
      <alignment horizontal="center" vertical="center"/>
    </xf>
    <xf numFmtId="0" fontId="3" fillId="0" borderId="1" xfId="0" applyFont="1" applyBorder="1" applyAlignment="1">
      <alignment vertical="center"/>
    </xf>
    <xf numFmtId="0" fontId="3" fillId="0" borderId="7" xfId="0" applyFont="1" applyBorder="1" applyAlignment="1">
      <alignment horizontal="center" vertical="center"/>
    </xf>
    <xf numFmtId="0" fontId="9" fillId="0" borderId="9" xfId="3" applyFont="1" applyBorder="1" applyAlignment="1">
      <alignment horizontal="center" vertical="center"/>
    </xf>
    <xf numFmtId="0" fontId="0" fillId="0" borderId="38" xfId="0" applyFont="1" applyBorder="1" applyAlignment="1">
      <alignment horizontal="center" vertical="center" shrinkToFit="1"/>
    </xf>
    <xf numFmtId="0" fontId="0" fillId="0" borderId="6" xfId="0" applyFont="1" applyBorder="1" applyAlignment="1">
      <alignment horizontal="center" vertical="center"/>
    </xf>
    <xf numFmtId="179" fontId="2" fillId="0" borderId="68" xfId="0" applyNumberFormat="1" applyFont="1" applyBorder="1"/>
    <xf numFmtId="179" fontId="2" fillId="0" borderId="77" xfId="0" applyNumberFormat="1" applyFont="1" applyBorder="1"/>
    <xf numFmtId="182" fontId="2" fillId="0" borderId="0" xfId="0" applyNumberFormat="1" applyFont="1" applyAlignment="1">
      <alignment horizontal="center" vertical="center"/>
    </xf>
    <xf numFmtId="0" fontId="9" fillId="0" borderId="9" xfId="3" applyFont="1" applyBorder="1" applyAlignment="1">
      <alignment horizontal="center" vertical="center"/>
    </xf>
    <xf numFmtId="0" fontId="2" fillId="0" borderId="30" xfId="0" applyFont="1" applyBorder="1" applyAlignment="1">
      <alignment horizontal="center" vertical="center"/>
    </xf>
    <xf numFmtId="0" fontId="2" fillId="0" borderId="31" xfId="0" applyFont="1" applyBorder="1" applyAlignment="1">
      <alignment horizontal="center" vertical="center"/>
    </xf>
    <xf numFmtId="0" fontId="2" fillId="0" borderId="19" xfId="0" applyFont="1" applyBorder="1" applyAlignment="1">
      <alignment horizontal="center" vertical="center"/>
    </xf>
    <xf numFmtId="182" fontId="2" fillId="0" borderId="0" xfId="0" applyNumberFormat="1" applyFont="1" applyBorder="1" applyAlignment="1">
      <alignment horizontal="center" vertical="center"/>
    </xf>
    <xf numFmtId="0" fontId="2" fillId="0" borderId="91" xfId="0" applyFont="1" applyBorder="1" applyAlignment="1">
      <alignment horizontal="center" vertical="center"/>
    </xf>
    <xf numFmtId="0" fontId="2" fillId="0" borderId="118" xfId="0" applyFont="1" applyBorder="1" applyAlignment="1">
      <alignment horizontal="center" vertical="center"/>
    </xf>
    <xf numFmtId="0" fontId="2" fillId="0" borderId="73" xfId="0" applyFont="1" applyBorder="1" applyAlignment="1">
      <alignment horizontal="center" vertical="center"/>
    </xf>
    <xf numFmtId="0" fontId="2" fillId="0" borderId="76" xfId="0" applyFont="1" applyBorder="1" applyAlignment="1">
      <alignment horizontal="center" vertical="center"/>
    </xf>
    <xf numFmtId="0" fontId="2" fillId="0" borderId="74" xfId="0" applyFont="1" applyBorder="1" applyAlignment="1">
      <alignment horizontal="center" vertical="center" wrapText="1"/>
    </xf>
    <xf numFmtId="0" fontId="2" fillId="0" borderId="93" xfId="0" applyFont="1" applyBorder="1" applyAlignment="1">
      <alignment horizontal="center" vertical="center"/>
    </xf>
    <xf numFmtId="0" fontId="3" fillId="0" borderId="85" xfId="0" applyFont="1" applyBorder="1" applyAlignment="1">
      <alignment horizontal="center" vertical="center"/>
    </xf>
    <xf numFmtId="0" fontId="3" fillId="0" borderId="19" xfId="0" applyFont="1" applyBorder="1" applyAlignment="1">
      <alignment horizontal="center" vertical="center"/>
    </xf>
    <xf numFmtId="0" fontId="3" fillId="0" borderId="85" xfId="0" applyFont="1" applyBorder="1" applyAlignment="1">
      <alignment horizontal="center" vertical="center"/>
    </xf>
    <xf numFmtId="0" fontId="3" fillId="0" borderId="19" xfId="0" applyFont="1" applyBorder="1" applyAlignment="1">
      <alignment horizontal="center" vertical="center"/>
    </xf>
    <xf numFmtId="0" fontId="9" fillId="0" borderId="9" xfId="3" applyFont="1" applyBorder="1" applyAlignment="1">
      <alignment horizontal="center" vertical="center"/>
    </xf>
    <xf numFmtId="186" fontId="5" fillId="0" borderId="0" xfId="0" applyNumberFormat="1" applyFont="1" applyAlignment="1">
      <alignment horizontal="right" vertical="center"/>
    </xf>
    <xf numFmtId="186" fontId="8" fillId="0" borderId="0" xfId="0" applyNumberFormat="1" applyFont="1" applyAlignment="1">
      <alignment vertical="center"/>
    </xf>
    <xf numFmtId="0" fontId="3" fillId="0" borderId="9" xfId="0" applyFont="1" applyBorder="1" applyAlignment="1">
      <alignment horizontal="center" vertical="center"/>
    </xf>
    <xf numFmtId="0" fontId="3" fillId="0" borderId="12" xfId="0" applyFont="1" applyBorder="1" applyAlignment="1">
      <alignment horizontal="center" vertical="center"/>
    </xf>
    <xf numFmtId="182" fontId="3" fillId="0" borderId="0" xfId="0" applyNumberFormat="1" applyFont="1" applyBorder="1" applyAlignment="1">
      <alignment horizontal="center" vertical="center"/>
    </xf>
    <xf numFmtId="0" fontId="0" fillId="0" borderId="9" xfId="0" applyBorder="1" applyAlignment="1">
      <alignment horizontal="center" vertical="center"/>
    </xf>
    <xf numFmtId="0" fontId="0" fillId="0" borderId="12" xfId="0" applyBorder="1" applyAlignment="1">
      <alignment horizontal="center" vertical="center"/>
    </xf>
    <xf numFmtId="177" fontId="0" fillId="0" borderId="5" xfId="0" applyNumberFormat="1" applyFill="1" applyBorder="1" applyAlignment="1">
      <alignment horizontal="right" vertical="center"/>
    </xf>
    <xf numFmtId="177" fontId="0" fillId="0" borderId="6" xfId="0" applyNumberFormat="1" applyFill="1" applyBorder="1" applyAlignment="1">
      <alignment horizontal="right" vertical="center"/>
    </xf>
    <xf numFmtId="177" fontId="3" fillId="0" borderId="38" xfId="1" applyNumberFormat="1" applyFont="1" applyBorder="1" applyAlignment="1">
      <alignment horizontal="right" vertical="center"/>
    </xf>
    <xf numFmtId="177" fontId="3" fillId="0" borderId="6" xfId="1" applyNumberFormat="1" applyFont="1" applyBorder="1" applyAlignment="1">
      <alignment horizontal="right" vertical="center"/>
    </xf>
    <xf numFmtId="177" fontId="3" fillId="0" borderId="25" xfId="1" applyNumberFormat="1" applyFont="1" applyBorder="1" applyAlignment="1">
      <alignment horizontal="right" vertical="center"/>
    </xf>
    <xf numFmtId="177" fontId="3" fillId="0" borderId="41" xfId="1" applyNumberFormat="1" applyFont="1" applyBorder="1" applyAlignment="1">
      <alignment horizontal="right" vertical="center"/>
    </xf>
    <xf numFmtId="0" fontId="0" fillId="0" borderId="25" xfId="0" applyBorder="1" applyAlignment="1">
      <alignment horizontal="center" vertical="center"/>
    </xf>
    <xf numFmtId="0" fontId="0" fillId="0" borderId="26" xfId="0" applyBorder="1" applyAlignment="1">
      <alignment horizontal="center" vertical="center" wrapText="1"/>
    </xf>
    <xf numFmtId="0" fontId="0" fillId="0" borderId="13" xfId="0" applyBorder="1" applyAlignment="1">
      <alignment horizontal="center" vertical="center"/>
    </xf>
    <xf numFmtId="0" fontId="9" fillId="0" borderId="71" xfId="3" applyFont="1" applyBorder="1" applyAlignment="1">
      <alignment horizontal="center" vertical="center"/>
    </xf>
    <xf numFmtId="38" fontId="9" fillId="0" borderId="57" xfId="1" applyFont="1" applyBorder="1" applyAlignment="1">
      <alignment vertical="center"/>
    </xf>
    <xf numFmtId="38" fontId="9" fillId="0" borderId="56" xfId="1" applyFont="1" applyBorder="1" applyAlignment="1">
      <alignment vertical="center"/>
    </xf>
    <xf numFmtId="38" fontId="9" fillId="0" borderId="71" xfId="1" applyFont="1" applyBorder="1" applyAlignment="1">
      <alignment vertical="center"/>
    </xf>
    <xf numFmtId="0" fontId="3" fillId="0" borderId="31" xfId="0" applyFont="1" applyBorder="1" applyAlignment="1">
      <alignment horizontal="center" vertical="center" shrinkToFit="1"/>
    </xf>
    <xf numFmtId="179" fontId="2" fillId="0" borderId="55" xfId="0" applyNumberFormat="1" applyFont="1" applyBorder="1" applyAlignment="1">
      <alignment shrinkToFit="1"/>
    </xf>
    <xf numFmtId="179" fontId="2" fillId="0" borderId="42" xfId="0" applyNumberFormat="1" applyFont="1" applyBorder="1" applyAlignment="1">
      <alignment shrinkToFit="1"/>
    </xf>
    <xf numFmtId="179" fontId="2" fillId="0" borderId="80" xfId="0" applyNumberFormat="1" applyFont="1" applyBorder="1" applyAlignment="1">
      <alignment shrinkToFit="1"/>
    </xf>
    <xf numFmtId="179" fontId="2" fillId="0" borderId="81" xfId="0" applyNumberFormat="1" applyFont="1" applyBorder="1" applyAlignment="1">
      <alignment shrinkToFit="1"/>
    </xf>
    <xf numFmtId="179" fontId="2" fillId="0" borderId="57" xfId="0" applyNumberFormat="1" applyFont="1" applyBorder="1" applyAlignment="1">
      <alignment shrinkToFit="1"/>
    </xf>
    <xf numFmtId="179" fontId="2" fillId="0" borderId="37" xfId="0" applyNumberFormat="1" applyFont="1" applyBorder="1" applyAlignment="1">
      <alignment shrinkToFit="1"/>
    </xf>
    <xf numFmtId="179" fontId="2" fillId="0" borderId="43" xfId="0" applyNumberFormat="1" applyFont="1" applyBorder="1" applyAlignment="1">
      <alignment shrinkToFit="1"/>
    </xf>
    <xf numFmtId="179" fontId="2" fillId="0" borderId="51" xfId="0" applyNumberFormat="1" applyFont="1" applyBorder="1" applyAlignment="1">
      <alignment shrinkToFit="1"/>
    </xf>
    <xf numFmtId="179" fontId="2" fillId="0" borderId="35" xfId="0" applyNumberFormat="1" applyFont="1" applyBorder="1" applyAlignment="1">
      <alignment shrinkToFit="1"/>
    </xf>
    <xf numFmtId="179" fontId="2" fillId="0" borderId="34" xfId="0" applyNumberFormat="1" applyFont="1" applyBorder="1" applyAlignment="1">
      <alignment shrinkToFit="1"/>
    </xf>
    <xf numFmtId="179" fontId="2" fillId="0" borderId="61" xfId="0" applyNumberFormat="1" applyFont="1" applyBorder="1" applyAlignment="1">
      <alignment shrinkToFit="1"/>
    </xf>
    <xf numFmtId="179" fontId="2" fillId="0" borderId="36" xfId="0" applyNumberFormat="1" applyFont="1" applyBorder="1" applyAlignment="1">
      <alignment shrinkToFit="1"/>
    </xf>
    <xf numFmtId="179" fontId="2" fillId="0" borderId="52" xfId="0" applyNumberFormat="1" applyFont="1" applyBorder="1" applyAlignment="1">
      <alignment shrinkToFit="1"/>
    </xf>
    <xf numFmtId="179" fontId="2" fillId="0" borderId="44" xfId="0" applyNumberFormat="1" applyFont="1" applyBorder="1" applyAlignment="1">
      <alignment shrinkToFit="1"/>
    </xf>
    <xf numFmtId="179" fontId="2" fillId="0" borderId="82" xfId="0" applyNumberFormat="1" applyFont="1" applyBorder="1" applyAlignment="1">
      <alignment shrinkToFit="1"/>
    </xf>
    <xf numFmtId="179" fontId="2" fillId="0" borderId="62" xfId="0" applyNumberFormat="1" applyFont="1" applyBorder="1" applyAlignment="1">
      <alignment shrinkToFit="1"/>
    </xf>
    <xf numFmtId="179" fontId="2" fillId="0" borderId="58" xfId="0" applyNumberFormat="1" applyFont="1" applyBorder="1" applyAlignment="1">
      <alignment shrinkToFit="1"/>
    </xf>
    <xf numFmtId="179" fontId="2" fillId="0" borderId="59" xfId="0" applyNumberFormat="1" applyFont="1" applyBorder="1" applyAlignment="1">
      <alignment shrinkToFit="1"/>
    </xf>
    <xf numFmtId="179" fontId="2" fillId="0" borderId="27" xfId="0" applyNumberFormat="1" applyFont="1" applyBorder="1" applyAlignment="1">
      <alignment shrinkToFit="1"/>
    </xf>
    <xf numFmtId="180" fontId="2" fillId="0" borderId="3" xfId="2" applyNumberFormat="1" applyFont="1" applyBorder="1" applyAlignment="1">
      <alignment vertical="center" shrinkToFit="1"/>
    </xf>
    <xf numFmtId="180" fontId="2" fillId="0" borderId="35" xfId="2" applyNumberFormat="1" applyFont="1" applyBorder="1" applyAlignment="1">
      <alignment vertical="center" shrinkToFit="1"/>
    </xf>
    <xf numFmtId="180" fontId="2" fillId="0" borderId="57" xfId="2" applyNumberFormat="1" applyFont="1" applyBorder="1" applyAlignment="1">
      <alignment vertical="center" shrinkToFit="1"/>
    </xf>
    <xf numFmtId="180" fontId="2" fillId="0" borderId="51" xfId="2" applyNumberFormat="1" applyFont="1" applyBorder="1" applyAlignment="1">
      <alignment vertical="center" shrinkToFit="1"/>
    </xf>
    <xf numFmtId="180" fontId="2" fillId="0" borderId="52" xfId="2" applyNumberFormat="1" applyFont="1" applyBorder="1" applyAlignment="1">
      <alignment vertical="center" shrinkToFit="1"/>
    </xf>
    <xf numFmtId="180" fontId="2" fillId="0" borderId="58" xfId="2" applyNumberFormat="1" applyFont="1" applyBorder="1" applyAlignment="1">
      <alignment vertical="center" shrinkToFit="1"/>
    </xf>
    <xf numFmtId="180" fontId="2" fillId="0" borderId="43" xfId="2" applyNumberFormat="1" applyFont="1" applyBorder="1" applyAlignment="1">
      <alignment vertical="center" shrinkToFit="1"/>
    </xf>
    <xf numFmtId="180" fontId="2" fillId="0" borderId="59" xfId="2" applyNumberFormat="1" applyFont="1" applyBorder="1" applyAlignment="1">
      <alignment vertical="center" shrinkToFit="1"/>
    </xf>
    <xf numFmtId="180" fontId="2" fillId="0" borderId="34" xfId="1" applyNumberFormat="1" applyFont="1" applyFill="1" applyBorder="1" applyAlignment="1">
      <alignment vertical="center" shrinkToFit="1"/>
    </xf>
    <xf numFmtId="180" fontId="2" fillId="0" borderId="35" xfId="1" applyNumberFormat="1" applyFont="1" applyFill="1" applyBorder="1" applyAlignment="1">
      <alignment vertical="center" shrinkToFit="1"/>
    </xf>
    <xf numFmtId="180" fontId="2" fillId="0" borderId="43" xfId="1" applyNumberFormat="1" applyFont="1" applyFill="1" applyBorder="1" applyAlignment="1">
      <alignment vertical="center" shrinkToFit="1"/>
    </xf>
    <xf numFmtId="180" fontId="2" fillId="0" borderId="60" xfId="1" applyNumberFormat="1" applyFont="1" applyFill="1" applyBorder="1" applyAlignment="1">
      <alignment vertical="center" shrinkToFit="1"/>
    </xf>
    <xf numFmtId="180" fontId="2" fillId="0" borderId="35" xfId="0" applyNumberFormat="1" applyFont="1" applyBorder="1" applyAlignment="1">
      <alignment shrinkToFit="1"/>
    </xf>
    <xf numFmtId="180" fontId="2" fillId="0" borderId="36" xfId="0" applyNumberFormat="1" applyFont="1" applyBorder="1" applyAlignment="1">
      <alignment shrinkToFit="1"/>
    </xf>
    <xf numFmtId="180" fontId="2" fillId="0" borderId="37" xfId="0" applyNumberFormat="1" applyFont="1" applyBorder="1" applyAlignment="1">
      <alignment shrinkToFit="1"/>
    </xf>
    <xf numFmtId="180" fontId="2" fillId="0" borderId="34" xfId="0" applyNumberFormat="1" applyFont="1" applyBorder="1" applyAlignment="1">
      <alignment shrinkToFit="1"/>
    </xf>
    <xf numFmtId="180" fontId="2" fillId="0" borderId="43" xfId="0" applyNumberFormat="1" applyFont="1" applyBorder="1" applyAlignment="1">
      <alignment shrinkToFit="1"/>
    </xf>
    <xf numFmtId="180" fontId="2" fillId="0" borderId="62" xfId="0" applyNumberFormat="1" applyFont="1" applyBorder="1" applyAlignment="1">
      <alignment shrinkToFit="1"/>
    </xf>
    <xf numFmtId="180" fontId="2" fillId="0" borderId="58" xfId="0" applyNumberFormat="1" applyFont="1" applyBorder="1" applyAlignment="1">
      <alignment shrinkToFit="1"/>
    </xf>
    <xf numFmtId="180" fontId="2" fillId="0" borderId="51" xfId="0" applyNumberFormat="1" applyFont="1" applyBorder="1" applyAlignment="1">
      <alignment shrinkToFit="1"/>
    </xf>
    <xf numFmtId="180" fontId="2" fillId="0" borderId="34" xfId="1" applyNumberFormat="1" applyFont="1" applyFill="1" applyBorder="1" applyAlignment="1">
      <alignment shrinkToFit="1"/>
    </xf>
    <xf numFmtId="180" fontId="2" fillId="0" borderId="52" xfId="0" applyNumberFormat="1" applyFont="1" applyBorder="1" applyAlignment="1">
      <alignment shrinkToFit="1"/>
    </xf>
    <xf numFmtId="180" fontId="2" fillId="0" borderId="45" xfId="0" applyNumberFormat="1" applyFont="1" applyBorder="1" applyAlignment="1">
      <alignment shrinkToFit="1"/>
    </xf>
    <xf numFmtId="180" fontId="2" fillId="0" borderId="63" xfId="1" applyNumberFormat="1" applyFont="1" applyFill="1" applyBorder="1" applyAlignment="1">
      <alignment vertical="center" shrinkToFit="1"/>
    </xf>
    <xf numFmtId="0" fontId="3" fillId="0" borderId="0" xfId="0" applyFont="1" applyAlignment="1">
      <alignment vertical="center" shrinkToFit="1"/>
    </xf>
    <xf numFmtId="176" fontId="3" fillId="0" borderId="32" xfId="0" applyNumberFormat="1" applyFont="1" applyBorder="1" applyAlignment="1">
      <alignment horizontal="center" vertical="center" shrinkToFit="1"/>
    </xf>
    <xf numFmtId="179" fontId="2" fillId="0" borderId="54" xfId="0" applyNumberFormat="1" applyFont="1" applyBorder="1" applyAlignment="1">
      <alignment shrinkToFit="1"/>
    </xf>
    <xf numFmtId="179" fontId="2" fillId="0" borderId="5" xfId="0" applyNumberFormat="1" applyFont="1" applyBorder="1" applyAlignment="1">
      <alignment shrinkToFit="1"/>
    </xf>
    <xf numFmtId="179" fontId="2" fillId="0" borderId="46" xfId="0" applyNumberFormat="1" applyFont="1" applyBorder="1" applyAlignment="1">
      <alignment shrinkToFit="1"/>
    </xf>
    <xf numFmtId="179" fontId="2" fillId="0" borderId="56" xfId="0" applyNumberFormat="1" applyFont="1" applyBorder="1" applyAlignment="1">
      <alignment shrinkToFit="1"/>
    </xf>
    <xf numFmtId="179" fontId="2" fillId="0" borderId="39" xfId="0" applyNumberFormat="1" applyFont="1" applyBorder="1" applyAlignment="1">
      <alignment shrinkToFit="1"/>
    </xf>
    <xf numFmtId="179" fontId="2" fillId="0" borderId="38" xfId="0" applyNumberFormat="1" applyFont="1" applyBorder="1" applyAlignment="1">
      <alignment shrinkToFit="1"/>
    </xf>
    <xf numFmtId="179" fontId="2" fillId="0" borderId="53" xfId="0" applyNumberFormat="1" applyFont="1" applyBorder="1" applyAlignment="1">
      <alignment shrinkToFit="1"/>
    </xf>
    <xf numFmtId="179" fontId="2" fillId="0" borderId="68" xfId="0" applyNumberFormat="1" applyFont="1" applyBorder="1" applyAlignment="1">
      <alignment shrinkToFit="1"/>
    </xf>
    <xf numFmtId="179" fontId="2" fillId="0" borderId="8" xfId="0" applyNumberFormat="1" applyFont="1" applyBorder="1" applyAlignment="1">
      <alignment shrinkToFit="1"/>
    </xf>
    <xf numFmtId="179" fontId="2" fillId="0" borderId="48" xfId="0" applyNumberFormat="1" applyFont="1" applyBorder="1" applyAlignment="1">
      <alignment shrinkToFit="1"/>
    </xf>
    <xf numFmtId="180" fontId="2" fillId="0" borderId="7" xfId="2" applyNumberFormat="1" applyFont="1" applyBorder="1" applyAlignment="1">
      <alignment vertical="center" shrinkToFit="1"/>
    </xf>
    <xf numFmtId="180" fontId="2" fillId="0" borderId="5" xfId="2" applyNumberFormat="1" applyFont="1" applyBorder="1" applyAlignment="1">
      <alignment vertical="center" shrinkToFit="1"/>
    </xf>
    <xf numFmtId="180" fontId="2" fillId="0" borderId="56" xfId="2" applyNumberFormat="1" applyFont="1" applyBorder="1" applyAlignment="1">
      <alignment vertical="center" shrinkToFit="1"/>
    </xf>
    <xf numFmtId="180" fontId="2" fillId="0" borderId="64" xfId="2" applyNumberFormat="1" applyFont="1" applyBorder="1" applyAlignment="1">
      <alignment vertical="center" shrinkToFit="1"/>
    </xf>
    <xf numFmtId="180" fontId="2" fillId="0" borderId="65" xfId="2" applyNumberFormat="1" applyFont="1" applyBorder="1" applyAlignment="1">
      <alignment vertical="center" shrinkToFit="1"/>
    </xf>
    <xf numFmtId="180" fontId="2" fillId="0" borderId="66" xfId="2" applyNumberFormat="1" applyFont="1" applyBorder="1" applyAlignment="1">
      <alignment vertical="center" shrinkToFit="1"/>
    </xf>
    <xf numFmtId="180" fontId="2" fillId="0" borderId="0" xfId="2" applyNumberFormat="1" applyFont="1" applyBorder="1" applyAlignment="1">
      <alignment vertical="center" shrinkToFit="1"/>
    </xf>
    <xf numFmtId="180" fontId="2" fillId="0" borderId="67" xfId="2" applyNumberFormat="1" applyFont="1" applyBorder="1" applyAlignment="1">
      <alignment vertical="center" shrinkToFit="1"/>
    </xf>
    <xf numFmtId="180" fontId="2" fillId="0" borderId="48" xfId="2" applyNumberFormat="1" applyFont="1" applyBorder="1" applyAlignment="1">
      <alignment vertical="center" shrinkToFit="1"/>
    </xf>
    <xf numFmtId="180" fontId="2" fillId="0" borderId="8" xfId="1" applyNumberFormat="1" applyFont="1" applyFill="1" applyBorder="1" applyAlignment="1">
      <alignment vertical="center" shrinkToFit="1"/>
    </xf>
    <xf numFmtId="180" fontId="2" fillId="0" borderId="5" xfId="1" applyNumberFormat="1" applyFont="1" applyFill="1" applyBorder="1" applyAlignment="1">
      <alignment vertical="center" shrinkToFit="1"/>
    </xf>
    <xf numFmtId="180" fontId="2" fillId="0" borderId="46" xfId="1" applyNumberFormat="1" applyFont="1" applyFill="1" applyBorder="1" applyAlignment="1">
      <alignment vertical="center" shrinkToFit="1"/>
    </xf>
    <xf numFmtId="180" fontId="2" fillId="0" borderId="68" xfId="1" applyNumberFormat="1" applyFont="1" applyFill="1" applyBorder="1" applyAlignment="1">
      <alignment vertical="center" shrinkToFit="1"/>
    </xf>
    <xf numFmtId="180" fontId="2" fillId="0" borderId="5" xfId="0" applyNumberFormat="1" applyFont="1" applyBorder="1" applyAlignment="1">
      <alignment shrinkToFit="1"/>
    </xf>
    <xf numFmtId="180" fontId="2" fillId="0" borderId="38" xfId="0" applyNumberFormat="1" applyFont="1" applyBorder="1" applyAlignment="1">
      <alignment shrinkToFit="1"/>
    </xf>
    <xf numFmtId="180" fontId="2" fillId="0" borderId="39" xfId="0" applyNumberFormat="1" applyFont="1" applyBorder="1" applyAlignment="1">
      <alignment shrinkToFit="1"/>
    </xf>
    <xf numFmtId="180" fontId="2" fillId="0" borderId="8" xfId="0" applyNumberFormat="1" applyFont="1" applyBorder="1" applyAlignment="1">
      <alignment shrinkToFit="1"/>
    </xf>
    <xf numFmtId="180" fontId="2" fillId="0" borderId="46" xfId="0" applyNumberFormat="1" applyFont="1" applyBorder="1" applyAlignment="1">
      <alignment shrinkToFit="1"/>
    </xf>
    <xf numFmtId="180" fontId="2" fillId="0" borderId="68" xfId="0" applyNumberFormat="1" applyFont="1" applyBorder="1" applyAlignment="1">
      <alignment shrinkToFit="1"/>
    </xf>
    <xf numFmtId="180" fontId="2" fillId="0" borderId="56" xfId="0" applyNumberFormat="1" applyFont="1" applyBorder="1" applyAlignment="1">
      <alignment shrinkToFit="1"/>
    </xf>
    <xf numFmtId="180" fontId="2" fillId="0" borderId="53" xfId="0" applyNumberFormat="1" applyFont="1" applyBorder="1" applyAlignment="1">
      <alignment shrinkToFit="1"/>
    </xf>
    <xf numFmtId="180" fontId="2" fillId="0" borderId="8" xfId="1" applyNumberFormat="1" applyFont="1" applyFill="1" applyBorder="1" applyAlignment="1">
      <alignment shrinkToFit="1"/>
    </xf>
    <xf numFmtId="180" fontId="2" fillId="0" borderId="54" xfId="0" applyNumberFormat="1" applyFont="1" applyBorder="1" applyAlignment="1">
      <alignment shrinkToFit="1"/>
    </xf>
    <xf numFmtId="180" fontId="2" fillId="0" borderId="48" xfId="0" applyNumberFormat="1" applyFont="1" applyBorder="1" applyAlignment="1">
      <alignment shrinkToFit="1"/>
    </xf>
    <xf numFmtId="180" fontId="2" fillId="0" borderId="70" xfId="1" applyNumberFormat="1" applyFont="1" applyFill="1" applyBorder="1" applyAlignment="1">
      <alignment vertical="center" shrinkToFit="1"/>
    </xf>
    <xf numFmtId="0" fontId="2" fillId="0" borderId="31" xfId="0" applyFont="1" applyBorder="1" applyAlignment="1">
      <alignment horizontal="center" vertical="center" shrinkToFit="1"/>
    </xf>
    <xf numFmtId="179" fontId="2" fillId="0" borderId="100" xfId="0" applyNumberFormat="1" applyFont="1" applyBorder="1" applyAlignment="1">
      <alignment shrinkToFit="1"/>
    </xf>
    <xf numFmtId="179" fontId="2" fillId="0" borderId="101" xfId="0" applyNumberFormat="1" applyFont="1" applyBorder="1" applyAlignment="1">
      <alignment shrinkToFit="1"/>
    </xf>
    <xf numFmtId="179" fontId="2" fillId="0" borderId="102" xfId="0" applyNumberFormat="1" applyFont="1" applyBorder="1" applyAlignment="1">
      <alignment shrinkToFit="1"/>
    </xf>
    <xf numFmtId="179" fontId="2" fillId="0" borderId="103" xfId="0" applyNumberFormat="1" applyFont="1" applyBorder="1" applyAlignment="1">
      <alignment shrinkToFit="1"/>
    </xf>
    <xf numFmtId="179" fontId="2" fillId="0" borderId="104" xfId="0" applyNumberFormat="1" applyFont="1" applyBorder="1" applyAlignment="1">
      <alignment shrinkToFit="1"/>
    </xf>
    <xf numFmtId="0" fontId="2" fillId="0" borderId="0" xfId="0" applyFont="1" applyAlignment="1">
      <alignment vertical="center" shrinkToFit="1"/>
    </xf>
    <xf numFmtId="176" fontId="2" fillId="0" borderId="32" xfId="0" applyNumberFormat="1" applyFont="1" applyBorder="1" applyAlignment="1">
      <alignment horizontal="center" vertical="center" shrinkToFit="1"/>
    </xf>
    <xf numFmtId="179" fontId="2" fillId="0" borderId="105" xfId="0" applyNumberFormat="1" applyFont="1" applyBorder="1" applyAlignment="1">
      <alignment shrinkToFit="1"/>
    </xf>
    <xf numFmtId="179" fontId="2" fillId="0" borderId="106" xfId="0" applyNumberFormat="1" applyFont="1" applyBorder="1" applyAlignment="1">
      <alignment shrinkToFit="1"/>
    </xf>
    <xf numFmtId="179" fontId="2" fillId="0" borderId="107" xfId="0" applyNumberFormat="1" applyFont="1" applyBorder="1" applyAlignment="1">
      <alignment shrinkToFit="1"/>
    </xf>
    <xf numFmtId="179" fontId="2" fillId="0" borderId="70" xfId="0" applyNumberFormat="1" applyFont="1" applyBorder="1" applyAlignment="1">
      <alignment shrinkToFit="1"/>
    </xf>
    <xf numFmtId="179" fontId="2" fillId="0" borderId="108" xfId="0" applyNumberFormat="1" applyFont="1" applyBorder="1" applyAlignment="1">
      <alignment shrinkToFit="1"/>
    </xf>
    <xf numFmtId="179" fontId="2" fillId="0" borderId="109" xfId="0" applyNumberFormat="1" applyFont="1" applyBorder="1" applyAlignment="1">
      <alignment shrinkToFit="1"/>
    </xf>
    <xf numFmtId="0" fontId="0" fillId="0" borderId="3" xfId="0" applyBorder="1" applyAlignment="1">
      <alignment vertical="center" shrinkToFit="1"/>
    </xf>
    <xf numFmtId="180" fontId="0" fillId="0" borderId="49" xfId="1" applyNumberFormat="1" applyFont="1" applyBorder="1" applyAlignment="1">
      <alignment vertical="center" shrinkToFit="1"/>
    </xf>
    <xf numFmtId="180" fontId="0" fillId="0" borderId="42" xfId="1" applyNumberFormat="1" applyFont="1" applyBorder="1" applyAlignment="1">
      <alignment vertical="center" shrinkToFit="1"/>
    </xf>
    <xf numFmtId="180" fontId="0" fillId="0" borderId="4" xfId="1" applyNumberFormat="1" applyFont="1" applyBorder="1" applyAlignment="1">
      <alignment vertical="center" shrinkToFit="1"/>
    </xf>
    <xf numFmtId="180" fontId="0" fillId="0" borderId="97" xfId="1" applyNumberFormat="1" applyFont="1" applyBorder="1" applyAlignment="1">
      <alignment vertical="center" shrinkToFit="1"/>
    </xf>
    <xf numFmtId="180" fontId="0" fillId="0" borderId="80" xfId="1" applyNumberFormat="1" applyFont="1" applyBorder="1" applyAlignment="1">
      <alignment vertical="center" shrinkToFit="1"/>
    </xf>
    <xf numFmtId="180" fontId="0" fillId="0" borderId="59" xfId="1" applyNumberFormat="1" applyFont="1" applyBorder="1" applyAlignment="1">
      <alignment vertical="center" shrinkToFit="1"/>
    </xf>
    <xf numFmtId="180" fontId="0" fillId="0" borderId="60" xfId="1" applyNumberFormat="1" applyFont="1" applyBorder="1" applyAlignment="1">
      <alignment vertical="center" shrinkToFit="1"/>
    </xf>
    <xf numFmtId="180" fontId="0" fillId="0" borderId="57" xfId="1" applyNumberFormat="1" applyFont="1" applyBorder="1" applyAlignment="1">
      <alignment vertical="center" shrinkToFit="1"/>
    </xf>
    <xf numFmtId="0" fontId="0" fillId="0" borderId="0" xfId="0" applyAlignment="1">
      <alignment vertical="center" shrinkToFit="1"/>
    </xf>
    <xf numFmtId="0" fontId="0" fillId="0" borderId="7" xfId="0" applyBorder="1" applyAlignment="1">
      <alignment vertical="center" shrinkToFit="1"/>
    </xf>
    <xf numFmtId="180" fontId="0" fillId="0" borderId="8" xfId="1" applyNumberFormat="1" applyFont="1" applyBorder="1" applyAlignment="1">
      <alignment vertical="center" shrinkToFit="1"/>
    </xf>
    <xf numFmtId="180" fontId="0" fillId="0" borderId="5" xfId="1" applyNumberFormat="1" applyFont="1" applyBorder="1" applyAlignment="1">
      <alignment vertical="center" shrinkToFit="1"/>
    </xf>
    <xf numFmtId="180" fontId="0" fillId="0" borderId="38" xfId="1" applyNumberFormat="1" applyFont="1" applyBorder="1" applyAlignment="1">
      <alignment vertical="center" shrinkToFit="1"/>
    </xf>
    <xf numFmtId="180" fontId="0" fillId="0" borderId="53" xfId="1" applyNumberFormat="1" applyFont="1" applyBorder="1" applyAlignment="1">
      <alignment vertical="center" shrinkToFit="1"/>
    </xf>
    <xf numFmtId="180" fontId="0" fillId="0" borderId="46" xfId="1" applyNumberFormat="1" applyFont="1" applyBorder="1" applyAlignment="1">
      <alignment vertical="center" shrinkToFit="1"/>
    </xf>
    <xf numFmtId="180" fontId="0" fillId="0" borderId="48" xfId="1" applyNumberFormat="1" applyFont="1" applyBorder="1" applyAlignment="1">
      <alignment vertical="center" shrinkToFit="1"/>
    </xf>
    <xf numFmtId="180" fontId="0" fillId="0" borderId="68" xfId="1" applyNumberFormat="1" applyFont="1" applyBorder="1" applyAlignment="1">
      <alignment vertical="center" shrinkToFit="1"/>
    </xf>
    <xf numFmtId="180" fontId="0" fillId="0" borderId="56" xfId="1" applyNumberFormat="1" applyFont="1" applyBorder="1" applyAlignment="1">
      <alignment vertical="center" shrinkToFit="1"/>
    </xf>
    <xf numFmtId="186" fontId="5" fillId="0" borderId="0" xfId="0" applyNumberFormat="1" applyFont="1" applyAlignment="1">
      <alignment vertical="center"/>
    </xf>
    <xf numFmtId="183" fontId="5" fillId="0" borderId="0" xfId="0" applyNumberFormat="1" applyFont="1" applyFill="1" applyAlignment="1">
      <alignment horizontal="left" vertical="center"/>
    </xf>
    <xf numFmtId="0" fontId="5" fillId="0" borderId="0" xfId="0" applyFont="1" applyAlignment="1">
      <alignment horizontal="center" vertical="center"/>
    </xf>
    <xf numFmtId="0" fontId="3" fillId="0" borderId="117" xfId="0" applyFont="1" applyBorder="1" applyAlignment="1">
      <alignment horizontal="center" vertical="center"/>
    </xf>
    <xf numFmtId="0" fontId="3" fillId="0" borderId="84" xfId="0" applyFont="1" applyBorder="1" applyAlignment="1">
      <alignment horizontal="center" vertical="center"/>
    </xf>
    <xf numFmtId="0" fontId="3" fillId="0" borderId="10" xfId="0" applyFont="1" applyBorder="1" applyAlignment="1">
      <alignment horizontal="center" vertical="center"/>
    </xf>
    <xf numFmtId="185" fontId="2" fillId="0" borderId="0" xfId="0" applyNumberFormat="1" applyFont="1" applyBorder="1" applyAlignment="1">
      <alignment horizontal="center" vertical="center"/>
    </xf>
    <xf numFmtId="0" fontId="2" fillId="0" borderId="1" xfId="0" applyFont="1" applyBorder="1" applyAlignment="1">
      <alignment horizontal="center" vertical="center"/>
    </xf>
    <xf numFmtId="0" fontId="2" fillId="0" borderId="84" xfId="0" applyFont="1" applyBorder="1" applyAlignment="1">
      <alignment horizontal="center" vertical="center"/>
    </xf>
    <xf numFmtId="0" fontId="2" fillId="0" borderId="10" xfId="0" applyFont="1" applyBorder="1" applyAlignment="1">
      <alignment horizontal="center" vertical="center"/>
    </xf>
    <xf numFmtId="0" fontId="2" fillId="0" borderId="92" xfId="0" applyFont="1" applyBorder="1" applyAlignment="1">
      <alignment horizontal="center" vertical="center"/>
    </xf>
    <xf numFmtId="0" fontId="2" fillId="0" borderId="75" xfId="0" applyFont="1" applyBorder="1" applyAlignment="1">
      <alignment horizontal="center" vertical="center"/>
    </xf>
    <xf numFmtId="0" fontId="2" fillId="0" borderId="93" xfId="0" applyFont="1" applyBorder="1" applyAlignment="1">
      <alignment horizontal="center" vertical="center"/>
    </xf>
    <xf numFmtId="0" fontId="2" fillId="0" borderId="3" xfId="0" applyFont="1" applyBorder="1" applyAlignment="1">
      <alignment horizontal="center" vertical="center"/>
    </xf>
    <xf numFmtId="0" fontId="2" fillId="0" borderId="57" xfId="0" applyFont="1" applyBorder="1" applyAlignment="1">
      <alignment horizontal="center" vertical="center"/>
    </xf>
    <xf numFmtId="0" fontId="2" fillId="0" borderId="59" xfId="0" applyFont="1" applyBorder="1" applyAlignment="1">
      <alignment horizontal="center" vertical="center"/>
    </xf>
    <xf numFmtId="0" fontId="0" fillId="0" borderId="99" xfId="0" applyBorder="1" applyAlignment="1">
      <alignment horizontal="center" vertical="center"/>
    </xf>
    <xf numFmtId="0" fontId="2" fillId="0" borderId="94" xfId="0" applyFont="1" applyBorder="1" applyAlignment="1">
      <alignment horizontal="center" vertical="center"/>
    </xf>
    <xf numFmtId="0" fontId="2" fillId="0" borderId="95" xfId="0" applyFont="1" applyBorder="1" applyAlignment="1">
      <alignment horizontal="center" vertical="center"/>
    </xf>
    <xf numFmtId="0" fontId="0" fillId="0" borderId="94" xfId="0" applyBorder="1" applyAlignment="1">
      <alignment horizontal="left" vertical="center"/>
    </xf>
    <xf numFmtId="0" fontId="0" fillId="0" borderId="95" xfId="0" applyBorder="1" applyAlignment="1">
      <alignment horizontal="left" vertical="center"/>
    </xf>
    <xf numFmtId="0" fontId="2" fillId="0" borderId="1" xfId="0" applyFont="1" applyBorder="1" applyAlignment="1">
      <alignment horizontal="left" vertical="center"/>
    </xf>
    <xf numFmtId="0" fontId="2" fillId="0" borderId="84" xfId="0" applyFont="1" applyBorder="1" applyAlignment="1">
      <alignment horizontal="left" vertical="center"/>
    </xf>
    <xf numFmtId="0" fontId="2" fillId="0" borderId="10" xfId="0" applyFont="1" applyBorder="1" applyAlignment="1">
      <alignment horizontal="left" vertical="center"/>
    </xf>
    <xf numFmtId="186" fontId="5" fillId="0" borderId="0" xfId="0" applyNumberFormat="1" applyFont="1" applyBorder="1" applyAlignment="1">
      <alignment horizontal="right" vertical="center"/>
    </xf>
    <xf numFmtId="0" fontId="2" fillId="0" borderId="28" xfId="0" applyFont="1" applyBorder="1" applyAlignment="1">
      <alignment horizontal="center" vertical="center"/>
    </xf>
    <xf numFmtId="0" fontId="2" fillId="0" borderId="16" xfId="0" applyFont="1" applyBorder="1" applyAlignment="1">
      <alignment horizontal="center" vertical="center"/>
    </xf>
    <xf numFmtId="0" fontId="2" fillId="0" borderId="2" xfId="0" applyFont="1" applyBorder="1" applyAlignment="1">
      <alignment horizontal="center" vertical="center"/>
    </xf>
    <xf numFmtId="0" fontId="2" fillId="0" borderId="87" xfId="0" applyFont="1" applyBorder="1" applyAlignment="1">
      <alignment horizontal="center" vertical="center"/>
    </xf>
    <xf numFmtId="182" fontId="2" fillId="0" borderId="0" xfId="0" applyNumberFormat="1" applyFont="1" applyAlignment="1">
      <alignment horizontal="center" vertical="center"/>
    </xf>
    <xf numFmtId="0" fontId="9" fillId="0" borderId="37" xfId="3" applyFont="1" applyBorder="1" applyAlignment="1">
      <alignment horizontal="center" vertical="center"/>
    </xf>
    <xf numFmtId="0" fontId="9" fillId="0" borderId="40" xfId="3" applyFont="1" applyBorder="1" applyAlignment="1">
      <alignment horizontal="center" vertical="center"/>
    </xf>
    <xf numFmtId="0" fontId="9" fillId="0" borderId="34" xfId="3" applyFont="1" applyBorder="1" applyAlignment="1">
      <alignment horizontal="center" vertical="center"/>
    </xf>
    <xf numFmtId="0" fontId="9" fillId="0" borderId="35" xfId="3" applyFont="1" applyBorder="1" applyAlignment="1">
      <alignment horizontal="center" vertical="center"/>
    </xf>
    <xf numFmtId="0" fontId="9" fillId="0" borderId="36" xfId="3" applyFont="1" applyBorder="1" applyAlignment="1">
      <alignment horizontal="center" vertical="center"/>
    </xf>
    <xf numFmtId="0" fontId="9" fillId="0" borderId="51" xfId="3" applyFont="1" applyBorder="1" applyAlignment="1">
      <alignment horizontal="center" vertical="center"/>
    </xf>
    <xf numFmtId="0" fontId="9" fillId="0" borderId="43" xfId="3" applyFont="1" applyBorder="1" applyAlignment="1">
      <alignment horizontal="center" vertical="center"/>
    </xf>
    <xf numFmtId="0" fontId="9" fillId="0" borderId="1" xfId="3" applyFont="1" applyBorder="1" applyAlignment="1">
      <alignment horizontal="center" vertical="center"/>
    </xf>
    <xf numFmtId="0" fontId="9" fillId="0" borderId="28" xfId="3" applyFont="1" applyBorder="1" applyAlignment="1">
      <alignment horizontal="center" vertical="center"/>
    </xf>
    <xf numFmtId="0" fontId="9" fillId="0" borderId="92" xfId="3" applyFont="1" applyBorder="1" applyAlignment="1">
      <alignment horizontal="center" vertical="center"/>
    </xf>
    <xf numFmtId="0" fontId="9" fillId="0" borderId="119" xfId="3" applyFont="1" applyBorder="1" applyAlignment="1">
      <alignment horizontal="center" vertical="center"/>
    </xf>
    <xf numFmtId="0" fontId="9" fillId="0" borderId="120" xfId="3" applyFont="1" applyBorder="1" applyAlignment="1">
      <alignment horizontal="center" vertical="center"/>
    </xf>
    <xf numFmtId="0" fontId="9" fillId="0" borderId="121" xfId="3" applyFont="1" applyBorder="1" applyAlignment="1">
      <alignment horizontal="center" vertical="center"/>
    </xf>
    <xf numFmtId="0" fontId="9" fillId="0" borderId="18" xfId="3" applyFont="1" applyBorder="1" applyAlignment="1">
      <alignment horizontal="center" vertical="center"/>
    </xf>
    <xf numFmtId="0" fontId="9" fillId="0" borderId="2" xfId="3" applyFont="1" applyBorder="1" applyAlignment="1">
      <alignment horizontal="center" vertical="center"/>
    </xf>
    <xf numFmtId="0" fontId="9" fillId="0" borderId="87" xfId="3" applyFont="1" applyBorder="1" applyAlignment="1">
      <alignment horizontal="center" vertical="center"/>
    </xf>
    <xf numFmtId="0" fontId="9" fillId="0" borderId="99" xfId="3" applyFont="1" applyBorder="1" applyAlignment="1">
      <alignment horizontal="center" vertical="center"/>
    </xf>
    <xf numFmtId="0" fontId="9" fillId="0" borderId="94" xfId="3" applyFont="1" applyBorder="1" applyAlignment="1">
      <alignment horizontal="center" vertical="center"/>
    </xf>
    <xf numFmtId="0" fontId="9" fillId="0" borderId="95" xfId="3" applyFont="1" applyBorder="1" applyAlignment="1">
      <alignment horizontal="center" vertical="center"/>
    </xf>
    <xf numFmtId="0" fontId="9" fillId="0" borderId="88" xfId="3" applyFont="1" applyBorder="1" applyAlignment="1">
      <alignment horizontal="center" vertical="center"/>
    </xf>
    <xf numFmtId="0" fontId="9" fillId="0" borderId="89" xfId="3" applyFont="1" applyBorder="1" applyAlignment="1">
      <alignment horizontal="center" vertical="center"/>
    </xf>
    <xf numFmtId="0" fontId="9" fillId="0" borderId="98" xfId="3" applyFont="1" applyBorder="1" applyAlignment="1">
      <alignment horizontal="center" vertical="center"/>
    </xf>
    <xf numFmtId="0" fontId="9" fillId="0" borderId="84" xfId="3" applyFont="1" applyBorder="1" applyAlignment="1">
      <alignment horizontal="center" vertical="center"/>
    </xf>
    <xf numFmtId="0" fontId="9" fillId="0" borderId="10" xfId="3" applyFont="1" applyBorder="1" applyAlignment="1">
      <alignment horizontal="center" vertical="center"/>
    </xf>
    <xf numFmtId="0" fontId="9" fillId="0" borderId="52" xfId="3" applyFont="1" applyBorder="1" applyAlignment="1">
      <alignment horizontal="center" vertical="center"/>
    </xf>
    <xf numFmtId="182" fontId="3" fillId="0" borderId="0" xfId="0" applyNumberFormat="1" applyFont="1" applyAlignment="1">
      <alignment horizontal="center" vertical="center"/>
    </xf>
    <xf numFmtId="0" fontId="3" fillId="0" borderId="16" xfId="0" applyFont="1" applyBorder="1" applyAlignment="1">
      <alignment horizontal="center" vertical="center"/>
    </xf>
    <xf numFmtId="0" fontId="3" fillId="0" borderId="2" xfId="0" applyFont="1" applyBorder="1" applyAlignment="1">
      <alignment horizontal="center" vertical="center"/>
    </xf>
    <xf numFmtId="0" fontId="3" fillId="0" borderId="87" xfId="0" applyFont="1" applyBorder="1" applyAlignment="1">
      <alignment horizontal="center" vertical="center"/>
    </xf>
    <xf numFmtId="0" fontId="9" fillId="0" borderId="61" xfId="3" applyFont="1" applyBorder="1" applyAlignment="1">
      <alignment horizontal="center" vertical="center"/>
    </xf>
    <xf numFmtId="0" fontId="9" fillId="0" borderId="58" xfId="3" applyFont="1" applyBorder="1" applyAlignment="1">
      <alignment horizontal="center" vertical="center"/>
    </xf>
    <xf numFmtId="0" fontId="9" fillId="0" borderId="44" xfId="3" applyFont="1" applyBorder="1" applyAlignment="1">
      <alignment horizontal="center" vertical="center"/>
    </xf>
    <xf numFmtId="0" fontId="9" fillId="0" borderId="27" xfId="3" applyFont="1" applyBorder="1" applyAlignment="1">
      <alignment horizontal="center" vertical="center"/>
    </xf>
    <xf numFmtId="0" fontId="9" fillId="0" borderId="115" xfId="3" applyFont="1" applyBorder="1" applyAlignment="1">
      <alignment horizontal="center" vertical="center"/>
    </xf>
    <xf numFmtId="0" fontId="9" fillId="0" borderId="91" xfId="3" applyFont="1" applyBorder="1" applyAlignment="1">
      <alignment horizontal="center" vertical="center"/>
    </xf>
    <xf numFmtId="0" fontId="9" fillId="0" borderId="86" xfId="3" applyFont="1" applyBorder="1" applyAlignment="1">
      <alignment horizontal="center" vertical="center"/>
    </xf>
    <xf numFmtId="0" fontId="9" fillId="0" borderId="5" xfId="3" applyFont="1" applyBorder="1" applyAlignment="1">
      <alignment horizontal="center" vertical="center"/>
    </xf>
    <xf numFmtId="0" fontId="9" fillId="0" borderId="46" xfId="3" applyFont="1" applyBorder="1" applyAlignment="1">
      <alignment horizontal="center" vertical="center"/>
    </xf>
    <xf numFmtId="0" fontId="9" fillId="0" borderId="54" xfId="3" applyFont="1" applyBorder="1" applyAlignment="1">
      <alignment horizontal="center" vertical="center"/>
    </xf>
    <xf numFmtId="0" fontId="9" fillId="0" borderId="38" xfId="3" applyFont="1" applyBorder="1" applyAlignment="1">
      <alignment horizontal="center" vertical="center"/>
    </xf>
    <xf numFmtId="0" fontId="9" fillId="0" borderId="39" xfId="3" applyFont="1" applyBorder="1" applyAlignment="1">
      <alignment horizontal="center" vertical="center"/>
    </xf>
    <xf numFmtId="0" fontId="9" fillId="0" borderId="8" xfId="3" applyFont="1" applyBorder="1" applyAlignment="1">
      <alignment horizontal="center" vertical="center"/>
    </xf>
    <xf numFmtId="0" fontId="9" fillId="0" borderId="9" xfId="3" applyFont="1" applyBorder="1" applyAlignment="1">
      <alignment horizontal="center" vertical="center"/>
    </xf>
    <xf numFmtId="0" fontId="3" fillId="0" borderId="88" xfId="0" applyFont="1" applyBorder="1" applyAlignment="1">
      <alignment horizontal="center" vertical="center"/>
    </xf>
    <xf numFmtId="0" fontId="3" fillId="0" borderId="89" xfId="0" applyFont="1" applyBorder="1" applyAlignment="1">
      <alignment horizontal="center" vertical="center"/>
    </xf>
    <xf numFmtId="0" fontId="3" fillId="0" borderId="85" xfId="0" applyFont="1" applyBorder="1" applyAlignment="1">
      <alignment horizontal="center" vertical="center"/>
    </xf>
    <xf numFmtId="0" fontId="3" fillId="0" borderId="1" xfId="0" applyFont="1" applyBorder="1" applyAlignment="1">
      <alignment vertical="center"/>
    </xf>
    <xf numFmtId="0" fontId="3" fillId="0" borderId="84" xfId="0" applyFont="1" applyBorder="1" applyAlignment="1">
      <alignment vertical="center"/>
    </xf>
    <xf numFmtId="0" fontId="3" fillId="0" borderId="10" xfId="0" applyFont="1" applyBorder="1" applyAlignment="1">
      <alignment vertical="center"/>
    </xf>
    <xf numFmtId="0" fontId="0" fillId="0" borderId="84" xfId="0" applyBorder="1" applyAlignment="1"/>
    <xf numFmtId="0" fontId="0" fillId="0" borderId="10" xfId="0" applyBorder="1" applyAlignment="1"/>
    <xf numFmtId="0" fontId="3" fillId="0" borderId="8" xfId="0" applyFont="1" applyBorder="1" applyAlignment="1">
      <alignment horizontal="center" vertical="center"/>
    </xf>
    <xf numFmtId="0" fontId="3" fillId="0" borderId="5" xfId="0" applyFont="1" applyBorder="1" applyAlignment="1">
      <alignment horizontal="center" vertical="center"/>
    </xf>
    <xf numFmtId="0" fontId="3" fillId="0" borderId="38" xfId="0" applyFont="1" applyBorder="1" applyAlignment="1">
      <alignment horizontal="center" vertical="center"/>
    </xf>
    <xf numFmtId="0" fontId="3" fillId="0" borderId="69" xfId="0" applyFont="1" applyBorder="1" applyAlignment="1">
      <alignment horizontal="center" vertical="center"/>
    </xf>
    <xf numFmtId="0" fontId="3" fillId="0" borderId="56" xfId="0" applyFont="1" applyBorder="1" applyAlignment="1">
      <alignment horizontal="center" vertical="center"/>
    </xf>
    <xf numFmtId="0" fontId="3" fillId="0" borderId="47" xfId="0" applyFont="1" applyBorder="1" applyAlignment="1">
      <alignment horizontal="center" vertical="center"/>
    </xf>
    <xf numFmtId="0" fontId="3" fillId="0" borderId="48" xfId="0" applyFont="1" applyBorder="1" applyAlignment="1">
      <alignment horizontal="center" vertical="center" wrapText="1"/>
    </xf>
    <xf numFmtId="0" fontId="3" fillId="0" borderId="29" xfId="0" applyFont="1" applyBorder="1" applyAlignment="1">
      <alignment horizontal="center" vertical="center" wrapText="1"/>
    </xf>
    <xf numFmtId="0" fontId="3" fillId="0" borderId="49" xfId="0" applyFont="1" applyBorder="1" applyAlignment="1">
      <alignment horizontal="center" vertical="center"/>
    </xf>
    <xf numFmtId="0" fontId="3" fillId="0" borderId="42" xfId="0" applyFont="1" applyBorder="1" applyAlignment="1">
      <alignment horizontal="center" vertical="center"/>
    </xf>
    <xf numFmtId="0" fontId="3" fillId="0" borderId="4" xfId="0" applyFont="1" applyBorder="1" applyAlignment="1">
      <alignment horizontal="center" vertical="center"/>
    </xf>
    <xf numFmtId="0" fontId="3" fillId="0" borderId="81" xfId="0" applyFont="1" applyBorder="1" applyAlignment="1">
      <alignment horizontal="center" vertical="center"/>
    </xf>
    <xf numFmtId="0" fontId="3" fillId="0" borderId="57" xfId="0" applyFont="1" applyBorder="1" applyAlignment="1">
      <alignment horizontal="center" vertical="center"/>
    </xf>
    <xf numFmtId="0" fontId="3" fillId="0" borderId="82" xfId="0" applyFont="1" applyBorder="1" applyAlignment="1">
      <alignment horizontal="center" vertical="center"/>
    </xf>
    <xf numFmtId="0" fontId="3" fillId="0" borderId="57" xfId="0" applyFont="1" applyBorder="1" applyAlignment="1">
      <alignment horizontal="center" vertical="center" wrapText="1"/>
    </xf>
    <xf numFmtId="0" fontId="3" fillId="0" borderId="83" xfId="0" applyFont="1" applyBorder="1" applyAlignment="1">
      <alignment horizontal="center" vertical="center" wrapText="1"/>
    </xf>
    <xf numFmtId="0" fontId="3" fillId="0" borderId="56" xfId="0" applyFont="1" applyBorder="1" applyAlignment="1">
      <alignment horizontal="center" vertical="center" wrapText="1"/>
    </xf>
    <xf numFmtId="0" fontId="3" fillId="0" borderId="59" xfId="0" applyFont="1" applyBorder="1" applyAlignment="1">
      <alignment horizontal="center" vertical="center" wrapText="1"/>
    </xf>
    <xf numFmtId="0" fontId="3" fillId="0" borderId="1" xfId="0" applyFont="1" applyBorder="1" applyAlignment="1">
      <alignment horizontal="center" vertical="center"/>
    </xf>
    <xf numFmtId="0" fontId="3" fillId="0" borderId="3" xfId="0" applyFont="1" applyBorder="1" applyAlignment="1">
      <alignment horizontal="center" vertical="center"/>
    </xf>
    <xf numFmtId="0" fontId="3" fillId="0" borderId="59" xfId="0" applyFont="1" applyBorder="1" applyAlignment="1">
      <alignment horizontal="center" vertical="center"/>
    </xf>
    <xf numFmtId="0" fontId="3" fillId="0" borderId="99" xfId="0" applyFont="1" applyBorder="1" applyAlignment="1">
      <alignment horizontal="center" vertical="center"/>
    </xf>
    <xf numFmtId="0" fontId="3" fillId="0" borderId="94" xfId="0" applyFont="1" applyBorder="1" applyAlignment="1">
      <alignment horizontal="center" vertical="center"/>
    </xf>
    <xf numFmtId="0" fontId="3" fillId="0" borderId="95" xfId="0" applyFont="1" applyBorder="1" applyAlignment="1">
      <alignment horizontal="center" vertical="center"/>
    </xf>
    <xf numFmtId="0" fontId="0" fillId="0" borderId="1" xfId="0" applyFont="1" applyBorder="1" applyAlignment="1">
      <alignment vertical="center"/>
    </xf>
    <xf numFmtId="0" fontId="3" fillId="0" borderId="55" xfId="0" applyFont="1" applyBorder="1" applyAlignment="1">
      <alignment horizontal="center" vertical="center"/>
    </xf>
    <xf numFmtId="182" fontId="3" fillId="0" borderId="0" xfId="0" applyNumberFormat="1" applyFont="1" applyAlignment="1">
      <alignment horizontal="left" vertical="center"/>
    </xf>
    <xf numFmtId="182" fontId="3" fillId="0" borderId="0" xfId="0" applyNumberFormat="1" applyFont="1" applyBorder="1" applyAlignment="1">
      <alignment horizontal="left" vertical="center"/>
    </xf>
    <xf numFmtId="0" fontId="3" fillId="0" borderId="30" xfId="0" applyFont="1" applyBorder="1" applyAlignment="1">
      <alignment horizontal="center" vertical="center"/>
    </xf>
    <xf numFmtId="0" fontId="3" fillId="0" borderId="1" xfId="0" applyFont="1" applyBorder="1" applyAlignment="1">
      <alignment horizontal="left" vertical="center"/>
    </xf>
    <xf numFmtId="0" fontId="3" fillId="0" borderId="84" xfId="0" applyFont="1" applyBorder="1" applyAlignment="1">
      <alignment horizontal="left" vertical="center"/>
    </xf>
    <xf numFmtId="0" fontId="3" fillId="0" borderId="10" xfId="0" applyFont="1" applyBorder="1" applyAlignment="1">
      <alignment horizontal="left" vertical="center"/>
    </xf>
    <xf numFmtId="0" fontId="3" fillId="0" borderId="3" xfId="0" applyFont="1" applyFill="1" applyBorder="1" applyAlignment="1">
      <alignment horizontal="center" vertical="center"/>
    </xf>
    <xf numFmtId="0" fontId="3" fillId="0" borderId="57" xfId="0" applyFont="1" applyFill="1" applyBorder="1" applyAlignment="1">
      <alignment horizontal="center" vertical="center"/>
    </xf>
    <xf numFmtId="0" fontId="3" fillId="0" borderId="59" xfId="0" applyFont="1" applyFill="1" applyBorder="1" applyAlignment="1">
      <alignment horizontal="center" vertical="center"/>
    </xf>
    <xf numFmtId="0" fontId="3" fillId="0" borderId="119" xfId="0" applyFont="1" applyBorder="1" applyAlignment="1">
      <alignment horizontal="center" vertical="center"/>
    </xf>
    <xf numFmtId="0" fontId="3" fillId="0" borderId="120" xfId="0" applyFont="1" applyBorder="1" applyAlignment="1">
      <alignment horizontal="center" vertical="center"/>
    </xf>
    <xf numFmtId="0" fontId="3" fillId="0" borderId="121" xfId="0" applyFont="1" applyBorder="1" applyAlignment="1">
      <alignment horizontal="center" vertical="center"/>
    </xf>
    <xf numFmtId="0" fontId="0" fillId="0" borderId="119" xfId="0" applyFont="1" applyBorder="1" applyAlignment="1">
      <alignment horizontal="center" vertical="center"/>
    </xf>
    <xf numFmtId="0" fontId="3" fillId="0" borderId="34" xfId="0" applyFont="1" applyBorder="1" applyAlignment="1">
      <alignment horizontal="center" vertical="center"/>
    </xf>
    <xf numFmtId="0" fontId="3" fillId="0" borderId="35" xfId="0" applyFont="1" applyBorder="1" applyAlignment="1">
      <alignment horizontal="center" vertical="center"/>
    </xf>
    <xf numFmtId="0" fontId="3" fillId="0" borderId="86" xfId="0" applyFont="1" applyBorder="1" applyAlignment="1">
      <alignment horizontal="center" vertical="center"/>
    </xf>
    <xf numFmtId="182" fontId="2" fillId="0" borderId="0" xfId="0" applyNumberFormat="1" applyFont="1" applyBorder="1" applyAlignment="1">
      <alignment horizontal="center" vertical="center"/>
    </xf>
    <xf numFmtId="0" fontId="3" fillId="0" borderId="97" xfId="0" applyFont="1" applyBorder="1" applyAlignment="1">
      <alignment horizontal="center" vertical="center"/>
    </xf>
    <xf numFmtId="0" fontId="3" fillId="0" borderId="80" xfId="0" applyFont="1" applyBorder="1" applyAlignment="1">
      <alignment horizontal="center" vertical="center"/>
    </xf>
    <xf numFmtId="0" fontId="3" fillId="0" borderId="39" xfId="0" applyFont="1" applyBorder="1" applyAlignment="1">
      <alignment horizontal="center" vertical="center"/>
    </xf>
    <xf numFmtId="0" fontId="3" fillId="0" borderId="40" xfId="0" applyFont="1" applyBorder="1" applyAlignment="1">
      <alignment horizontal="center" vertical="center"/>
    </xf>
    <xf numFmtId="0" fontId="3" fillId="0" borderId="31" xfId="0" applyFont="1" applyBorder="1" applyAlignment="1">
      <alignment horizontal="center" vertical="center"/>
    </xf>
    <xf numFmtId="0" fontId="3" fillId="0" borderId="32" xfId="0" applyFont="1" applyBorder="1" applyAlignment="1">
      <alignment horizontal="center" vertical="center"/>
    </xf>
    <xf numFmtId="0" fontId="3" fillId="0" borderId="19" xfId="0" applyFont="1" applyBorder="1" applyAlignment="1">
      <alignment horizontal="center" vertical="center"/>
    </xf>
    <xf numFmtId="0" fontId="3" fillId="0" borderId="84" xfId="0" applyFont="1" applyBorder="1" applyAlignment="1">
      <alignment vertical="top"/>
    </xf>
    <xf numFmtId="0" fontId="3" fillId="0" borderId="0" xfId="0" applyFont="1" applyBorder="1" applyAlignment="1">
      <alignment vertical="top"/>
    </xf>
    <xf numFmtId="0" fontId="3" fillId="0" borderId="57" xfId="0" applyFont="1" applyBorder="1" applyAlignment="1">
      <alignment vertical="top"/>
    </xf>
    <xf numFmtId="0" fontId="3" fillId="0" borderId="16" xfId="0" applyFont="1" applyBorder="1" applyAlignment="1">
      <alignment vertical="center"/>
    </xf>
    <xf numFmtId="0" fontId="3" fillId="0" borderId="2" xfId="0" applyFont="1" applyBorder="1" applyAlignment="1">
      <alignment vertical="center"/>
    </xf>
    <xf numFmtId="0" fontId="3" fillId="0" borderId="87" xfId="0" applyFont="1" applyBorder="1" applyAlignment="1">
      <alignment vertical="center"/>
    </xf>
    <xf numFmtId="0" fontId="3" fillId="0" borderId="9" xfId="0" applyFont="1" applyBorder="1" applyAlignment="1">
      <alignment horizontal="center" vertical="center"/>
    </xf>
    <xf numFmtId="0" fontId="3" fillId="0" borderId="12" xfId="0" applyFont="1" applyBorder="1" applyAlignment="1">
      <alignment horizontal="center" vertical="center"/>
    </xf>
    <xf numFmtId="0" fontId="3" fillId="0" borderId="41" xfId="0" applyFont="1" applyBorder="1" applyAlignment="1">
      <alignment horizontal="center" vertical="center"/>
    </xf>
    <xf numFmtId="0" fontId="3" fillId="0" borderId="78" xfId="0" applyFont="1" applyBorder="1" applyAlignment="1">
      <alignment horizontal="center" vertical="center"/>
    </xf>
    <xf numFmtId="0" fontId="3" fillId="0" borderId="7" xfId="0" applyFont="1" applyBorder="1" applyAlignment="1">
      <alignment horizontal="center" vertical="center"/>
    </xf>
    <xf numFmtId="0" fontId="3" fillId="0" borderId="53" xfId="0" applyFont="1" applyBorder="1" applyAlignment="1">
      <alignment horizontal="center" vertical="center"/>
    </xf>
    <xf numFmtId="0" fontId="3" fillId="0" borderId="46" xfId="0" applyFont="1" applyBorder="1" applyAlignment="1">
      <alignment horizontal="center" vertical="center"/>
    </xf>
    <xf numFmtId="0" fontId="3" fillId="0" borderId="48" xfId="0" applyFont="1" applyBorder="1" applyAlignment="1">
      <alignment horizontal="center" vertical="center"/>
    </xf>
    <xf numFmtId="0" fontId="3" fillId="0" borderId="116" xfId="0" applyFont="1" applyBorder="1" applyAlignment="1">
      <alignment horizontal="center" vertical="center"/>
    </xf>
    <xf numFmtId="0" fontId="3" fillId="0" borderId="91" xfId="0" applyFont="1" applyBorder="1" applyAlignment="1">
      <alignment horizontal="center" vertical="center"/>
    </xf>
    <xf numFmtId="0" fontId="3" fillId="0" borderId="71" xfId="0" applyFont="1" applyBorder="1" applyAlignment="1">
      <alignment horizontal="center" vertical="center"/>
    </xf>
    <xf numFmtId="0" fontId="3" fillId="0" borderId="96" xfId="0" applyFont="1" applyBorder="1" applyAlignment="1">
      <alignment horizontal="center" vertical="center"/>
    </xf>
    <xf numFmtId="182" fontId="3" fillId="0" borderId="0" xfId="0" applyNumberFormat="1" applyFont="1" applyBorder="1" applyAlignment="1">
      <alignment horizontal="center" vertical="center"/>
    </xf>
    <xf numFmtId="0" fontId="3" fillId="0" borderId="90" xfId="0" applyFont="1" applyBorder="1" applyAlignment="1">
      <alignment horizontal="center" vertical="center"/>
    </xf>
    <xf numFmtId="0" fontId="0" fillId="0" borderId="1" xfId="0" applyFont="1" applyBorder="1" applyAlignment="1">
      <alignment horizontal="center" vertical="center"/>
    </xf>
    <xf numFmtId="0" fontId="0" fillId="0" borderId="84" xfId="0" applyFont="1" applyBorder="1" applyAlignment="1">
      <alignment horizontal="center" vertical="center"/>
    </xf>
    <xf numFmtId="0" fontId="0" fillId="0" borderId="10" xfId="0" applyFont="1" applyBorder="1" applyAlignment="1">
      <alignment horizontal="center" vertical="center"/>
    </xf>
    <xf numFmtId="0" fontId="0" fillId="0" borderId="3" xfId="0" applyFont="1" applyBorder="1" applyAlignment="1">
      <alignment horizontal="center" vertical="center"/>
    </xf>
    <xf numFmtId="0" fontId="0" fillId="0" borderId="57" xfId="0" applyFont="1" applyBorder="1" applyAlignment="1">
      <alignment horizontal="center" vertical="center"/>
    </xf>
    <xf numFmtId="0" fontId="0" fillId="0" borderId="59" xfId="0" applyFont="1" applyBorder="1" applyAlignment="1">
      <alignment horizontal="center" vertical="center"/>
    </xf>
    <xf numFmtId="0" fontId="3" fillId="0" borderId="29" xfId="0" applyFont="1" applyBorder="1" applyAlignment="1">
      <alignment horizontal="center" vertical="center"/>
    </xf>
    <xf numFmtId="0" fontId="3" fillId="0" borderId="28" xfId="0" applyFont="1" applyBorder="1" applyAlignment="1">
      <alignment horizontal="center" vertical="center"/>
    </xf>
    <xf numFmtId="0" fontId="3" fillId="0" borderId="0" xfId="0" applyFont="1" applyBorder="1" applyAlignment="1">
      <alignment horizontal="center" vertical="center"/>
    </xf>
    <xf numFmtId="0" fontId="3" fillId="0" borderId="123" xfId="0" applyFont="1" applyBorder="1" applyAlignment="1">
      <alignment horizontal="center" vertical="center"/>
    </xf>
    <xf numFmtId="0" fontId="3" fillId="0" borderId="28" xfId="0" applyFont="1" applyFill="1" applyBorder="1" applyAlignment="1">
      <alignment horizontal="center" vertical="center"/>
    </xf>
    <xf numFmtId="0" fontId="3" fillId="0" borderId="0" xfId="0" applyFont="1" applyFill="1" applyBorder="1" applyAlignment="1">
      <alignment horizontal="center" vertical="center"/>
    </xf>
    <xf numFmtId="0" fontId="3" fillId="0" borderId="123" xfId="0" applyFont="1" applyFill="1" applyBorder="1" applyAlignment="1">
      <alignment horizontal="center" vertical="center"/>
    </xf>
    <xf numFmtId="0" fontId="0" fillId="0" borderId="1" xfId="0" applyBorder="1" applyAlignment="1">
      <alignment horizontal="center" vertical="center"/>
    </xf>
    <xf numFmtId="0" fontId="0" fillId="0" borderId="84" xfId="0" applyBorder="1" applyAlignment="1">
      <alignment horizontal="center" vertical="center"/>
    </xf>
    <xf numFmtId="0" fontId="0" fillId="0" borderId="10" xfId="0" applyBorder="1" applyAlignment="1">
      <alignment horizontal="center" vertical="center"/>
    </xf>
    <xf numFmtId="0" fontId="0" fillId="0" borderId="3" xfId="0" applyBorder="1" applyAlignment="1">
      <alignment horizontal="center" vertical="center"/>
    </xf>
    <xf numFmtId="0" fontId="0" fillId="0" borderId="57" xfId="0" applyBorder="1" applyAlignment="1">
      <alignment horizontal="center" vertical="center"/>
    </xf>
    <xf numFmtId="0" fontId="0" fillId="0" borderId="59" xfId="0" applyBorder="1" applyAlignment="1">
      <alignment horizontal="center" vertical="center"/>
    </xf>
    <xf numFmtId="0" fontId="3" fillId="0" borderId="1" xfId="0" applyFont="1" applyFill="1" applyBorder="1" applyAlignment="1">
      <alignment horizontal="center" vertical="center"/>
    </xf>
    <xf numFmtId="0" fontId="3" fillId="0" borderId="84" xfId="0" applyFont="1" applyFill="1" applyBorder="1" applyAlignment="1">
      <alignment horizontal="center" vertical="center"/>
    </xf>
    <xf numFmtId="0" fontId="3" fillId="0" borderId="10" xfId="0" applyFont="1" applyFill="1" applyBorder="1" applyAlignment="1">
      <alignment horizontal="center" vertical="center"/>
    </xf>
    <xf numFmtId="0" fontId="0" fillId="0" borderId="1" xfId="0" applyFill="1" applyBorder="1" applyAlignment="1">
      <alignment horizontal="center" vertical="center"/>
    </xf>
    <xf numFmtId="0" fontId="0" fillId="0" borderId="84" xfId="0" applyFill="1" applyBorder="1" applyAlignment="1">
      <alignment horizontal="center" vertical="center"/>
    </xf>
    <xf numFmtId="0" fontId="0" fillId="0" borderId="10" xfId="0" applyFill="1" applyBorder="1" applyAlignment="1">
      <alignment horizontal="center" vertical="center"/>
    </xf>
    <xf numFmtId="0" fontId="0" fillId="0" borderId="3" xfId="0" applyFill="1" applyBorder="1" applyAlignment="1">
      <alignment horizontal="center" vertical="center"/>
    </xf>
    <xf numFmtId="0" fontId="0" fillId="0" borderId="57" xfId="0" applyFill="1" applyBorder="1" applyAlignment="1">
      <alignment horizontal="center" vertical="center"/>
    </xf>
    <xf numFmtId="0" fontId="0" fillId="0" borderId="59" xfId="0" applyFill="1" applyBorder="1" applyAlignment="1">
      <alignment horizontal="center" vertical="center"/>
    </xf>
    <xf numFmtId="182" fontId="2" fillId="0" borderId="0" xfId="0" applyNumberFormat="1" applyFont="1" applyBorder="1" applyAlignment="1">
      <alignment horizontal="left" vertical="center"/>
    </xf>
    <xf numFmtId="0" fontId="2" fillId="0" borderId="30" xfId="0" applyFont="1" applyBorder="1" applyAlignment="1">
      <alignment horizontal="center" vertical="center"/>
    </xf>
    <xf numFmtId="0" fontId="2" fillId="0" borderId="116" xfId="0" applyFont="1" applyBorder="1" applyAlignment="1">
      <alignment horizontal="center" vertical="center"/>
    </xf>
    <xf numFmtId="0" fontId="2" fillId="0" borderId="91" xfId="0" applyFont="1" applyBorder="1" applyAlignment="1">
      <alignment horizontal="center" vertical="center"/>
    </xf>
    <xf numFmtId="0" fontId="2" fillId="0" borderId="49" xfId="0" applyFont="1" applyBorder="1" applyAlignment="1">
      <alignment horizontal="center" vertical="center"/>
    </xf>
    <xf numFmtId="0" fontId="2" fillId="0" borderId="42" xfId="0" applyFont="1" applyBorder="1" applyAlignment="1">
      <alignment horizontal="center" vertical="center"/>
    </xf>
    <xf numFmtId="0" fontId="2" fillId="0" borderId="4" xfId="0" applyFont="1" applyBorder="1" applyAlignment="1">
      <alignment horizontal="center" vertical="center"/>
    </xf>
    <xf numFmtId="0" fontId="2" fillId="0" borderId="97" xfId="0" applyFont="1" applyBorder="1" applyAlignment="1">
      <alignment horizontal="center" vertical="center"/>
    </xf>
    <xf numFmtId="0" fontId="2" fillId="0" borderId="80" xfId="0" applyFont="1" applyBorder="1" applyAlignment="1">
      <alignment horizontal="center" vertical="center"/>
    </xf>
    <xf numFmtId="0" fontId="2" fillId="0" borderId="81" xfId="0" applyFont="1" applyBorder="1" applyAlignment="1">
      <alignment horizontal="center" vertical="center"/>
    </xf>
    <xf numFmtId="0" fontId="2" fillId="0" borderId="82" xfId="0" applyFont="1" applyBorder="1" applyAlignment="1">
      <alignment horizontal="center" vertical="center"/>
    </xf>
    <xf numFmtId="0" fontId="2" fillId="0" borderId="8" xfId="0" applyFont="1" applyBorder="1" applyAlignment="1">
      <alignment horizontal="center" vertical="center"/>
    </xf>
    <xf numFmtId="0" fontId="2" fillId="0" borderId="5" xfId="0" applyFont="1" applyBorder="1" applyAlignment="1">
      <alignment horizontal="center" vertical="center"/>
    </xf>
    <xf numFmtId="0" fontId="2" fillId="0" borderId="38" xfId="0" applyFont="1" applyBorder="1" applyAlignment="1">
      <alignment horizontal="center" vertical="center"/>
    </xf>
    <xf numFmtId="0" fontId="2" fillId="0" borderId="53" xfId="0" applyFont="1" applyBorder="1" applyAlignment="1">
      <alignment horizontal="center" vertical="center"/>
    </xf>
    <xf numFmtId="0" fontId="2" fillId="0" borderId="46" xfId="0" applyFont="1" applyBorder="1" applyAlignment="1">
      <alignment horizontal="center" vertical="center"/>
    </xf>
    <xf numFmtId="0" fontId="2" fillId="0" borderId="56" xfId="0" applyFont="1" applyBorder="1" applyAlignment="1">
      <alignment horizontal="center" vertical="center"/>
    </xf>
    <xf numFmtId="0" fontId="2" fillId="0" borderId="71" xfId="0" applyFont="1" applyBorder="1" applyAlignment="1">
      <alignment horizontal="center" vertical="center"/>
    </xf>
    <xf numFmtId="0" fontId="2" fillId="0" borderId="119" xfId="0" applyFont="1" applyBorder="1" applyAlignment="1">
      <alignment horizontal="center" vertical="center"/>
    </xf>
    <xf numFmtId="0" fontId="2" fillId="0" borderId="120" xfId="0" applyFont="1" applyBorder="1" applyAlignment="1">
      <alignment horizontal="center" vertical="center"/>
    </xf>
    <xf numFmtId="0" fontId="2" fillId="0" borderId="121" xfId="0" applyFont="1" applyBorder="1" applyAlignment="1">
      <alignment horizontal="center" vertical="center"/>
    </xf>
    <xf numFmtId="0" fontId="2" fillId="0" borderId="3" xfId="0" applyFont="1" applyFill="1" applyBorder="1" applyAlignment="1">
      <alignment horizontal="center" vertical="center"/>
    </xf>
    <xf numFmtId="0" fontId="2" fillId="0" borderId="57" xfId="0" applyFont="1" applyFill="1" applyBorder="1" applyAlignment="1">
      <alignment horizontal="center" vertical="center"/>
    </xf>
    <xf numFmtId="0" fontId="2" fillId="0" borderId="99" xfId="0" applyFont="1" applyBorder="1" applyAlignment="1">
      <alignment horizontal="center" vertical="center"/>
    </xf>
    <xf numFmtId="0" fontId="2" fillId="0" borderId="39" xfId="0" applyFont="1" applyBorder="1" applyAlignment="1">
      <alignment horizontal="center" vertical="center"/>
    </xf>
    <xf numFmtId="0" fontId="2" fillId="0" borderId="40" xfId="0" applyFont="1" applyBorder="1" applyAlignment="1">
      <alignment horizontal="center" vertical="center"/>
    </xf>
    <xf numFmtId="0" fontId="2" fillId="0" borderId="96" xfId="0" applyFont="1" applyBorder="1" applyAlignment="1">
      <alignment horizontal="center" vertical="center"/>
    </xf>
    <xf numFmtId="0" fontId="2" fillId="0" borderId="7" xfId="0" applyFont="1" applyBorder="1" applyAlignment="1">
      <alignment horizontal="center" vertical="center"/>
    </xf>
    <xf numFmtId="0" fontId="2" fillId="0" borderId="69" xfId="0" applyFont="1" applyBorder="1" applyAlignment="1">
      <alignment horizontal="center" vertical="center"/>
    </xf>
    <xf numFmtId="0" fontId="2" fillId="0" borderId="47" xfId="0" applyFont="1" applyBorder="1" applyAlignment="1">
      <alignment horizontal="center" vertical="center"/>
    </xf>
    <xf numFmtId="0" fontId="2" fillId="0" borderId="31" xfId="0" applyFont="1" applyBorder="1" applyAlignment="1">
      <alignment horizontal="center" vertical="center"/>
    </xf>
    <xf numFmtId="0" fontId="2" fillId="0" borderId="32" xfId="0" applyFont="1" applyBorder="1" applyAlignment="1">
      <alignment horizontal="center" vertical="center"/>
    </xf>
    <xf numFmtId="0" fontId="2" fillId="0" borderId="19" xfId="0" applyFont="1" applyBorder="1" applyAlignment="1">
      <alignment horizontal="center" vertical="center"/>
    </xf>
    <xf numFmtId="0" fontId="2" fillId="0" borderId="84" xfId="0" applyFont="1" applyBorder="1" applyAlignment="1">
      <alignment vertical="top"/>
    </xf>
    <xf numFmtId="0" fontId="2" fillId="0" borderId="0" xfId="0" applyFont="1" applyBorder="1" applyAlignment="1">
      <alignment vertical="top"/>
    </xf>
    <xf numFmtId="0" fontId="2" fillId="0" borderId="57" xfId="0" applyFont="1" applyBorder="1" applyAlignment="1">
      <alignment vertical="top"/>
    </xf>
    <xf numFmtId="0" fontId="2" fillId="0" borderId="84" xfId="0" applyFont="1" applyBorder="1" applyAlignment="1">
      <alignment vertical="center"/>
    </xf>
    <xf numFmtId="0" fontId="2" fillId="0" borderId="10" xfId="0" applyFont="1" applyBorder="1" applyAlignment="1">
      <alignment vertical="center"/>
    </xf>
    <xf numFmtId="0" fontId="2" fillId="0" borderId="16" xfId="0" applyFont="1" applyBorder="1" applyAlignment="1">
      <alignment vertical="center"/>
    </xf>
    <xf numFmtId="0" fontId="2" fillId="0" borderId="2" xfId="0" applyFont="1" applyBorder="1" applyAlignment="1">
      <alignment vertical="center"/>
    </xf>
    <xf numFmtId="0" fontId="2" fillId="0" borderId="87" xfId="0" applyFont="1" applyBorder="1" applyAlignment="1">
      <alignment vertical="center"/>
    </xf>
    <xf numFmtId="0" fontId="2" fillId="0" borderId="34" xfId="0" applyFont="1" applyBorder="1" applyAlignment="1">
      <alignment horizontal="center" vertical="center"/>
    </xf>
    <xf numFmtId="0" fontId="2" fillId="0" borderId="35" xfId="0" applyFont="1" applyBorder="1" applyAlignment="1">
      <alignment horizontal="center" vertical="center"/>
    </xf>
    <xf numFmtId="0" fontId="2" fillId="0" borderId="86" xfId="0" applyFont="1" applyBorder="1" applyAlignment="1">
      <alignment horizontal="center" vertical="center"/>
    </xf>
    <xf numFmtId="0" fontId="2" fillId="0" borderId="9" xfId="0" applyFont="1" applyBorder="1" applyAlignment="1">
      <alignment horizontal="center" vertical="center"/>
    </xf>
    <xf numFmtId="0" fontId="2" fillId="0" borderId="12" xfId="0" applyFont="1" applyBorder="1" applyAlignment="1">
      <alignment horizontal="center" vertical="center"/>
    </xf>
    <xf numFmtId="0" fontId="2" fillId="0" borderId="41" xfId="0" applyFont="1" applyBorder="1" applyAlignment="1">
      <alignment horizontal="center" vertical="center"/>
    </xf>
    <xf numFmtId="0" fontId="2" fillId="0" borderId="59" xfId="0" applyFont="1" applyFill="1" applyBorder="1" applyAlignment="1">
      <alignment horizontal="center" vertical="center"/>
    </xf>
    <xf numFmtId="0" fontId="2" fillId="0" borderId="78" xfId="0" applyFont="1" applyBorder="1" applyAlignment="1">
      <alignment horizontal="center" vertical="center"/>
    </xf>
    <xf numFmtId="0" fontId="0" fillId="0" borderId="119" xfId="0" applyBorder="1" applyAlignment="1">
      <alignment horizontal="center" vertical="center"/>
    </xf>
    <xf numFmtId="0" fontId="0" fillId="0" borderId="120" xfId="0" applyBorder="1" applyAlignment="1">
      <alignment horizontal="center" vertical="center"/>
    </xf>
    <xf numFmtId="0" fontId="0" fillId="0" borderId="121" xfId="0" applyBorder="1" applyAlignment="1">
      <alignment horizontal="center" vertical="center"/>
    </xf>
    <xf numFmtId="0" fontId="0" fillId="0" borderId="1" xfId="0" applyBorder="1" applyAlignment="1">
      <alignment horizontal="left" vertical="center"/>
    </xf>
    <xf numFmtId="0" fontId="0" fillId="0" borderId="84" xfId="0" applyBorder="1" applyAlignment="1">
      <alignment horizontal="left" vertical="center"/>
    </xf>
    <xf numFmtId="0" fontId="0" fillId="0" borderId="10" xfId="0" applyBorder="1" applyAlignment="1">
      <alignment horizontal="left" vertical="center"/>
    </xf>
    <xf numFmtId="0" fontId="0" fillId="0" borderId="49" xfId="0" applyBorder="1" applyAlignment="1">
      <alignment horizontal="center" vertical="center"/>
    </xf>
    <xf numFmtId="0" fontId="0" fillId="0" borderId="42" xfId="0" applyBorder="1" applyAlignment="1">
      <alignment horizontal="center" vertical="center"/>
    </xf>
    <xf numFmtId="0" fontId="0" fillId="0" borderId="4" xfId="0" applyBorder="1" applyAlignment="1">
      <alignment horizontal="center" vertical="center"/>
    </xf>
    <xf numFmtId="0" fontId="0" fillId="0" borderId="122" xfId="0" applyBorder="1" applyAlignment="1">
      <alignment horizontal="center" vertical="center"/>
    </xf>
    <xf numFmtId="0" fontId="0" fillId="0" borderId="34" xfId="0" applyBorder="1" applyAlignment="1">
      <alignment horizontal="center" vertical="center"/>
    </xf>
    <xf numFmtId="0" fontId="0" fillId="0" borderId="35" xfId="0" applyBorder="1" applyAlignment="1">
      <alignment horizontal="center" vertical="center"/>
    </xf>
    <xf numFmtId="0" fontId="0" fillId="0" borderId="86" xfId="0" applyBorder="1" applyAlignment="1">
      <alignment horizontal="center" vertical="center"/>
    </xf>
    <xf numFmtId="0" fontId="0" fillId="0" borderId="9" xfId="0" applyBorder="1" applyAlignment="1">
      <alignment horizontal="center" vertical="center"/>
    </xf>
    <xf numFmtId="0" fontId="0" fillId="0" borderId="12" xfId="0" applyBorder="1" applyAlignment="1">
      <alignment horizontal="center" vertical="center"/>
    </xf>
    <xf numFmtId="0" fontId="0" fillId="0" borderId="41" xfId="0" applyBorder="1" applyAlignment="1">
      <alignment horizontal="center" vertical="center"/>
    </xf>
    <xf numFmtId="0" fontId="0" fillId="0" borderId="8" xfId="0" applyBorder="1" applyAlignment="1">
      <alignment horizontal="center" vertical="center"/>
    </xf>
    <xf numFmtId="0" fontId="0" fillId="0" borderId="5" xfId="0" applyBorder="1" applyAlignment="1">
      <alignment horizontal="center" vertical="center"/>
    </xf>
    <xf numFmtId="0" fontId="0" fillId="0" borderId="38" xfId="0" applyBorder="1" applyAlignment="1">
      <alignment horizontal="center" vertical="center"/>
    </xf>
    <xf numFmtId="0" fontId="0" fillId="0" borderId="53" xfId="0" applyBorder="1" applyAlignment="1">
      <alignment horizontal="center" vertical="center"/>
    </xf>
    <xf numFmtId="0" fontId="0" fillId="0" borderId="46" xfId="0" applyBorder="1" applyAlignment="1">
      <alignment horizontal="center" vertical="center"/>
    </xf>
    <xf numFmtId="0" fontId="0" fillId="0" borderId="48" xfId="0" applyBorder="1" applyAlignment="1">
      <alignment horizontal="center" vertical="center"/>
    </xf>
    <xf numFmtId="0" fontId="0" fillId="0" borderId="30" xfId="0" applyBorder="1" applyAlignment="1">
      <alignment horizontal="center" vertical="center"/>
    </xf>
    <xf numFmtId="0" fontId="0" fillId="0" borderId="97" xfId="0" applyBorder="1" applyAlignment="1">
      <alignment horizontal="center" vertical="center"/>
    </xf>
    <xf numFmtId="0" fontId="0" fillId="0" borderId="80" xfId="0" applyBorder="1" applyAlignment="1">
      <alignment horizontal="center" vertical="center"/>
    </xf>
    <xf numFmtId="0" fontId="0" fillId="0" borderId="27" xfId="0" applyBorder="1" applyAlignment="1">
      <alignment horizontal="center" vertical="center"/>
    </xf>
    <xf numFmtId="0" fontId="0" fillId="0" borderId="7" xfId="0" applyBorder="1" applyAlignment="1">
      <alignment horizontal="center" vertical="center"/>
    </xf>
    <xf numFmtId="0" fontId="0" fillId="0" borderId="14" xfId="0" applyBorder="1" applyAlignment="1">
      <alignment horizontal="center" vertical="center"/>
    </xf>
    <xf numFmtId="0" fontId="0" fillId="0" borderId="56" xfId="0" applyBorder="1" applyAlignment="1">
      <alignment horizontal="center" vertical="center"/>
    </xf>
    <xf numFmtId="0" fontId="0" fillId="0" borderId="71" xfId="0" applyBorder="1" applyAlignment="1">
      <alignment horizontal="center" vertical="center"/>
    </xf>
  </cellXfs>
  <cellStyles count="5">
    <cellStyle name="桁区切り" xfId="1" builtinId="6"/>
    <cellStyle name="桁区切り 2" xfId="4"/>
    <cellStyle name="標準" xfId="0" builtinId="0"/>
    <cellStyle name="標準 2" xfId="3"/>
    <cellStyle name="標準_Sheet1" xfId="2"/>
  </cellStyles>
  <dxfs count="0"/>
  <tableStyles count="0" defaultTableStyle="TableStyleMedium9"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worksheet" Target="worksheets/sheet13.xml"/><Relationship Id="rId18" Type="http://schemas.openxmlformats.org/officeDocument/2006/relationships/worksheet" Target="worksheets/sheet18.xml"/><Relationship Id="rId26" Type="http://schemas.openxmlformats.org/officeDocument/2006/relationships/theme" Target="theme/theme1.xml"/><Relationship Id="rId3" Type="http://schemas.openxmlformats.org/officeDocument/2006/relationships/worksheet" Target="worksheets/sheet3.xml"/><Relationship Id="rId21" Type="http://schemas.openxmlformats.org/officeDocument/2006/relationships/worksheet" Target="worksheets/sheet21.xml"/><Relationship Id="rId7" Type="http://schemas.openxmlformats.org/officeDocument/2006/relationships/worksheet" Target="worksheets/sheet7.xml"/><Relationship Id="rId12" Type="http://schemas.openxmlformats.org/officeDocument/2006/relationships/worksheet" Target="worksheets/sheet12.xml"/><Relationship Id="rId17" Type="http://schemas.openxmlformats.org/officeDocument/2006/relationships/worksheet" Target="worksheets/sheet17.xml"/><Relationship Id="rId25" Type="http://schemas.openxmlformats.org/officeDocument/2006/relationships/worksheet" Target="worksheets/sheet25.xml"/><Relationship Id="rId2" Type="http://schemas.openxmlformats.org/officeDocument/2006/relationships/worksheet" Target="worksheets/sheet2.xml"/><Relationship Id="rId16" Type="http://schemas.openxmlformats.org/officeDocument/2006/relationships/worksheet" Target="worksheets/sheet16.xml"/><Relationship Id="rId20" Type="http://schemas.openxmlformats.org/officeDocument/2006/relationships/worksheet" Target="worksheets/sheet20.xml"/><Relationship Id="rId29" Type="http://schemas.openxmlformats.org/officeDocument/2006/relationships/calcChain" Target="calcChain.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24" Type="http://schemas.openxmlformats.org/officeDocument/2006/relationships/worksheet" Target="worksheets/sheet24.xml"/><Relationship Id="rId5" Type="http://schemas.openxmlformats.org/officeDocument/2006/relationships/worksheet" Target="worksheets/sheet5.xml"/><Relationship Id="rId15" Type="http://schemas.openxmlformats.org/officeDocument/2006/relationships/worksheet" Target="worksheets/sheet15.xml"/><Relationship Id="rId23" Type="http://schemas.openxmlformats.org/officeDocument/2006/relationships/worksheet" Target="worksheets/sheet23.xml"/><Relationship Id="rId28" Type="http://schemas.openxmlformats.org/officeDocument/2006/relationships/sharedStrings" Target="sharedStrings.xml"/><Relationship Id="rId10" Type="http://schemas.openxmlformats.org/officeDocument/2006/relationships/worksheet" Target="worksheets/sheet10.xml"/><Relationship Id="rId19" Type="http://schemas.openxmlformats.org/officeDocument/2006/relationships/worksheet" Target="worksheets/sheet19.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worksheet" Target="worksheets/sheet14.xml"/><Relationship Id="rId22" Type="http://schemas.openxmlformats.org/officeDocument/2006/relationships/worksheet" Target="worksheets/sheet22.xml"/><Relationship Id="rId27" Type="http://schemas.openxmlformats.org/officeDocument/2006/relationships/styles" Target="styles.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1" Type="http://schemas.openxmlformats.org/officeDocument/2006/relationships/printerSettings" Target="../printerSettings/printerSettings10.bin"/></Relationships>
</file>

<file path=xl/worksheets/_rels/sheet11.xml.rels><?xml version="1.0" encoding="UTF-8" standalone="yes"?>
<Relationships xmlns="http://schemas.openxmlformats.org/package/2006/relationships"><Relationship Id="rId1" Type="http://schemas.openxmlformats.org/officeDocument/2006/relationships/printerSettings" Target="../printerSettings/printerSettings11.bin"/></Relationships>
</file>

<file path=xl/worksheets/_rels/sheet12.xml.rels><?xml version="1.0" encoding="UTF-8" standalone="yes"?>
<Relationships xmlns="http://schemas.openxmlformats.org/package/2006/relationships"><Relationship Id="rId1" Type="http://schemas.openxmlformats.org/officeDocument/2006/relationships/printerSettings" Target="../printerSettings/printerSettings12.bin"/></Relationships>
</file>

<file path=xl/worksheets/_rels/sheet13.xml.rels><?xml version="1.0" encoding="UTF-8" standalone="yes"?>
<Relationships xmlns="http://schemas.openxmlformats.org/package/2006/relationships"><Relationship Id="rId1" Type="http://schemas.openxmlformats.org/officeDocument/2006/relationships/printerSettings" Target="../printerSettings/printerSettings13.bin"/></Relationships>
</file>

<file path=xl/worksheets/_rels/sheet14.xml.rels><?xml version="1.0" encoding="UTF-8" standalone="yes"?>
<Relationships xmlns="http://schemas.openxmlformats.org/package/2006/relationships"><Relationship Id="rId1" Type="http://schemas.openxmlformats.org/officeDocument/2006/relationships/printerSettings" Target="../printerSettings/printerSettings14.bin"/></Relationships>
</file>

<file path=xl/worksheets/_rels/sheet15.xml.rels><?xml version="1.0" encoding="UTF-8" standalone="yes"?>
<Relationships xmlns="http://schemas.openxmlformats.org/package/2006/relationships"><Relationship Id="rId1" Type="http://schemas.openxmlformats.org/officeDocument/2006/relationships/printerSettings" Target="../printerSettings/printerSettings15.bin"/></Relationships>
</file>

<file path=xl/worksheets/_rels/sheet16.xml.rels><?xml version="1.0" encoding="UTF-8" standalone="yes"?>
<Relationships xmlns="http://schemas.openxmlformats.org/package/2006/relationships"><Relationship Id="rId1" Type="http://schemas.openxmlformats.org/officeDocument/2006/relationships/printerSettings" Target="../printerSettings/printerSettings16.bin"/></Relationships>
</file>

<file path=xl/worksheets/_rels/sheet17.xml.rels><?xml version="1.0" encoding="UTF-8" standalone="yes"?>
<Relationships xmlns="http://schemas.openxmlformats.org/package/2006/relationships"><Relationship Id="rId1" Type="http://schemas.openxmlformats.org/officeDocument/2006/relationships/printerSettings" Target="../printerSettings/printerSettings17.bin"/></Relationships>
</file>

<file path=xl/worksheets/_rels/sheet18.xml.rels><?xml version="1.0" encoding="UTF-8" standalone="yes"?>
<Relationships xmlns="http://schemas.openxmlformats.org/package/2006/relationships"><Relationship Id="rId1" Type="http://schemas.openxmlformats.org/officeDocument/2006/relationships/printerSettings" Target="../printerSettings/printerSettings18.bin"/></Relationships>
</file>

<file path=xl/worksheets/_rels/sheet19.xml.rels><?xml version="1.0" encoding="UTF-8" standalone="yes"?>
<Relationships xmlns="http://schemas.openxmlformats.org/package/2006/relationships"><Relationship Id="rId1" Type="http://schemas.openxmlformats.org/officeDocument/2006/relationships/printerSettings" Target="../printerSettings/printerSettings19.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20.xml.rels><?xml version="1.0" encoding="UTF-8" standalone="yes"?>
<Relationships xmlns="http://schemas.openxmlformats.org/package/2006/relationships"><Relationship Id="rId1" Type="http://schemas.openxmlformats.org/officeDocument/2006/relationships/printerSettings" Target="../printerSettings/printerSettings20.bin"/></Relationships>
</file>

<file path=xl/worksheets/_rels/sheet21.xml.rels><?xml version="1.0" encoding="UTF-8" standalone="yes"?>
<Relationships xmlns="http://schemas.openxmlformats.org/package/2006/relationships"><Relationship Id="rId1" Type="http://schemas.openxmlformats.org/officeDocument/2006/relationships/printerSettings" Target="../printerSettings/printerSettings21.bin"/></Relationships>
</file>

<file path=xl/worksheets/_rels/sheet22.xml.rels><?xml version="1.0" encoding="UTF-8" standalone="yes"?>
<Relationships xmlns="http://schemas.openxmlformats.org/package/2006/relationships"><Relationship Id="rId1" Type="http://schemas.openxmlformats.org/officeDocument/2006/relationships/printerSettings" Target="../printerSettings/printerSettings22.bin"/></Relationships>
</file>

<file path=xl/worksheets/_rels/sheet23.xml.rels><?xml version="1.0" encoding="UTF-8" standalone="yes"?>
<Relationships xmlns="http://schemas.openxmlformats.org/package/2006/relationships"><Relationship Id="rId1" Type="http://schemas.openxmlformats.org/officeDocument/2006/relationships/printerSettings" Target="../printerSettings/printerSettings23.bin"/></Relationships>
</file>

<file path=xl/worksheets/_rels/sheet24.xml.rels><?xml version="1.0" encoding="UTF-8" standalone="yes"?>
<Relationships xmlns="http://schemas.openxmlformats.org/package/2006/relationships"><Relationship Id="rId1" Type="http://schemas.openxmlformats.org/officeDocument/2006/relationships/printerSettings" Target="../printerSettings/printerSettings24.bin"/></Relationships>
</file>

<file path=xl/worksheets/_rels/sheet25.xml.rels><?xml version="1.0" encoding="UTF-8" standalone="yes"?>
<Relationships xmlns="http://schemas.openxmlformats.org/package/2006/relationships"><Relationship Id="rId1" Type="http://schemas.openxmlformats.org/officeDocument/2006/relationships/printerSettings" Target="../printerSettings/printerSettings25.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1" Type="http://schemas.openxmlformats.org/officeDocument/2006/relationships/printerSettings" Target="../printerSettings/printerSettings8.bin"/></Relationships>
</file>

<file path=xl/worksheets/_rels/sheet9.xml.rels><?xml version="1.0" encoding="UTF-8" standalone="yes"?>
<Relationships xmlns="http://schemas.openxmlformats.org/package/2006/relationships"><Relationship Id="rId1" Type="http://schemas.openxmlformats.org/officeDocument/2006/relationships/printerSettings" Target="../printerSettings/printerSettings9.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6"/>
  </sheetPr>
  <dimension ref="A1:M41"/>
  <sheetViews>
    <sheetView tabSelected="1" zoomScaleNormal="100" workbookViewId="0">
      <pane xSplit="5" ySplit="8" topLeftCell="F9" activePane="bottomRight" state="frozen"/>
      <selection activeCell="F37" sqref="F37"/>
      <selection pane="topRight" activeCell="F37" sqref="F37"/>
      <selection pane="bottomLeft" activeCell="F37" sqref="F37"/>
      <selection pane="bottomRight" activeCell="E1" sqref="E1:H1"/>
    </sheetView>
  </sheetViews>
  <sheetFormatPr defaultColWidth="9" defaultRowHeight="13.2" x14ac:dyDescent="0.2"/>
  <cols>
    <col min="1" max="1" width="3.88671875" style="1" customWidth="1"/>
    <col min="2" max="2" width="3.109375" style="1" customWidth="1"/>
    <col min="3" max="3" width="3" style="1" customWidth="1"/>
    <col min="4" max="4" width="6.77734375" style="1" customWidth="1"/>
    <col min="5" max="5" width="11.6640625" style="1" customWidth="1"/>
    <col min="6" max="6" width="13.109375" style="1" customWidth="1"/>
    <col min="7" max="9" width="12.44140625" style="1" customWidth="1"/>
    <col min="10" max="10" width="9.77734375" style="1" customWidth="1"/>
    <col min="11" max="16384" width="9" style="1"/>
  </cols>
  <sheetData>
    <row r="1" spans="1:13" ht="24" customHeight="1" x14ac:dyDescent="0.2">
      <c r="B1" s="2"/>
      <c r="C1" s="2"/>
      <c r="D1" s="2"/>
      <c r="E1" s="502" t="s">
        <v>0</v>
      </c>
      <c r="F1" s="502"/>
      <c r="G1" s="502"/>
      <c r="H1" s="502"/>
      <c r="I1" s="2"/>
      <c r="J1" s="2"/>
      <c r="K1" s="2"/>
      <c r="L1" s="2"/>
    </row>
    <row r="2" spans="1:13" ht="24" customHeight="1" x14ac:dyDescent="0.2">
      <c r="A2" s="2"/>
      <c r="B2" s="2"/>
      <c r="C2" s="2"/>
      <c r="D2" s="2"/>
      <c r="E2" s="2"/>
      <c r="F2" s="366">
        <v>5</v>
      </c>
      <c r="G2" s="246">
        <v>2</v>
      </c>
      <c r="H2" s="2"/>
      <c r="I2" s="2"/>
      <c r="J2" s="2"/>
      <c r="K2" s="2"/>
      <c r="L2" s="2"/>
      <c r="M2" s="2"/>
    </row>
    <row r="3" spans="1:13" ht="24" customHeight="1" x14ac:dyDescent="0.2"/>
    <row r="4" spans="1:13" ht="20.25" customHeight="1" x14ac:dyDescent="0.2">
      <c r="D4" s="3"/>
      <c r="E4" s="4" t="s">
        <v>1</v>
      </c>
      <c r="F4" s="3"/>
      <c r="H4" s="253">
        <f>G2</f>
        <v>2</v>
      </c>
    </row>
    <row r="5" spans="1:13" ht="10.5" customHeight="1" thickBot="1" x14ac:dyDescent="0.25">
      <c r="E5" s="5"/>
    </row>
    <row r="6" spans="1:13" ht="21" customHeight="1" x14ac:dyDescent="0.2">
      <c r="E6" s="342"/>
      <c r="F6" s="503" t="s">
        <v>2</v>
      </c>
      <c r="G6" s="504"/>
      <c r="H6" s="504"/>
      <c r="I6" s="505"/>
    </row>
    <row r="7" spans="1:13" ht="21" customHeight="1" x14ac:dyDescent="0.2">
      <c r="E7" s="7"/>
      <c r="F7" s="8"/>
      <c r="G7" s="9" t="s">
        <v>3</v>
      </c>
      <c r="H7" s="345" t="s">
        <v>150</v>
      </c>
      <c r="I7" s="346" t="s">
        <v>149</v>
      </c>
    </row>
    <row r="8" spans="1:13" ht="21" customHeight="1" x14ac:dyDescent="0.2">
      <c r="E8" s="343" t="s">
        <v>4</v>
      </c>
      <c r="F8" s="373">
        <v>2340942</v>
      </c>
      <c r="G8" s="373">
        <v>1048978</v>
      </c>
      <c r="H8" s="373">
        <v>892175</v>
      </c>
      <c r="I8" s="374">
        <v>399789</v>
      </c>
    </row>
    <row r="9" spans="1:13" ht="21" customHeight="1" x14ac:dyDescent="0.2">
      <c r="E9" s="10" t="s">
        <v>5</v>
      </c>
      <c r="F9" s="375">
        <v>934259</v>
      </c>
      <c r="G9" s="375">
        <v>416720</v>
      </c>
      <c r="H9" s="375">
        <v>351621</v>
      </c>
      <c r="I9" s="376">
        <v>165918</v>
      </c>
    </row>
    <row r="10" spans="1:13" ht="21" customHeight="1" x14ac:dyDescent="0.2">
      <c r="E10" s="10" t="s">
        <v>6</v>
      </c>
      <c r="F10" s="375">
        <v>307301</v>
      </c>
      <c r="G10" s="375">
        <v>143428</v>
      </c>
      <c r="H10" s="375">
        <v>111554</v>
      </c>
      <c r="I10" s="376">
        <v>52319</v>
      </c>
    </row>
    <row r="11" spans="1:13" ht="21" customHeight="1" x14ac:dyDescent="0.2">
      <c r="E11" s="10" t="s">
        <v>14</v>
      </c>
      <c r="F11" s="375">
        <v>188119</v>
      </c>
      <c r="G11" s="375">
        <v>85591</v>
      </c>
      <c r="H11" s="375">
        <v>74121</v>
      </c>
      <c r="I11" s="376">
        <v>28407</v>
      </c>
    </row>
    <row r="12" spans="1:13" ht="21" customHeight="1" x14ac:dyDescent="0.2">
      <c r="E12" s="10" t="s">
        <v>7</v>
      </c>
      <c r="F12" s="375">
        <v>125435</v>
      </c>
      <c r="G12" s="375">
        <v>53384</v>
      </c>
      <c r="H12" s="375">
        <v>49656</v>
      </c>
      <c r="I12" s="376">
        <v>22395</v>
      </c>
    </row>
    <row r="13" spans="1:13" ht="21" customHeight="1" x14ac:dyDescent="0.2">
      <c r="E13" s="10" t="s">
        <v>8</v>
      </c>
      <c r="F13" s="375">
        <v>73281</v>
      </c>
      <c r="G13" s="375">
        <v>33582</v>
      </c>
      <c r="H13" s="375">
        <v>27931</v>
      </c>
      <c r="I13" s="376">
        <v>11768</v>
      </c>
    </row>
    <row r="14" spans="1:13" ht="21" customHeight="1" x14ac:dyDescent="0.2">
      <c r="E14" s="10" t="s">
        <v>9</v>
      </c>
      <c r="F14" s="375">
        <v>53531</v>
      </c>
      <c r="G14" s="375">
        <v>20875</v>
      </c>
      <c r="H14" s="375">
        <v>20899</v>
      </c>
      <c r="I14" s="376">
        <v>11757</v>
      </c>
    </row>
    <row r="15" spans="1:13" ht="21" customHeight="1" x14ac:dyDescent="0.2">
      <c r="E15" s="10" t="s">
        <v>10</v>
      </c>
      <c r="F15" s="375">
        <v>108193</v>
      </c>
      <c r="G15" s="375">
        <v>47397</v>
      </c>
      <c r="H15" s="375">
        <v>41520</v>
      </c>
      <c r="I15" s="376">
        <v>19276</v>
      </c>
    </row>
    <row r="16" spans="1:13" ht="21" customHeight="1" x14ac:dyDescent="0.2">
      <c r="E16" s="10" t="s">
        <v>11</v>
      </c>
      <c r="F16" s="375">
        <v>57283</v>
      </c>
      <c r="G16" s="375">
        <v>25804</v>
      </c>
      <c r="H16" s="375">
        <v>21453</v>
      </c>
      <c r="I16" s="376">
        <v>10026</v>
      </c>
    </row>
    <row r="17" spans="5:13" ht="21" customHeight="1" x14ac:dyDescent="0.2">
      <c r="E17" s="10" t="s">
        <v>12</v>
      </c>
      <c r="F17" s="375">
        <v>65544</v>
      </c>
      <c r="G17" s="375">
        <v>28613</v>
      </c>
      <c r="H17" s="375">
        <v>25342</v>
      </c>
      <c r="I17" s="376">
        <v>11589</v>
      </c>
    </row>
    <row r="18" spans="5:13" ht="21" customHeight="1" x14ac:dyDescent="0.2">
      <c r="E18" s="10" t="s">
        <v>13</v>
      </c>
      <c r="F18" s="375">
        <v>18588</v>
      </c>
      <c r="G18" s="375">
        <v>7214</v>
      </c>
      <c r="H18" s="375">
        <v>7281</v>
      </c>
      <c r="I18" s="376">
        <v>4093</v>
      </c>
      <c r="M18" s="1" t="s">
        <v>87</v>
      </c>
    </row>
    <row r="19" spans="5:13" ht="21" customHeight="1" x14ac:dyDescent="0.2">
      <c r="E19" s="10" t="s">
        <v>15</v>
      </c>
      <c r="F19" s="375">
        <v>16238</v>
      </c>
      <c r="G19" s="375">
        <v>7232</v>
      </c>
      <c r="H19" s="375">
        <v>6124</v>
      </c>
      <c r="I19" s="376">
        <v>2882</v>
      </c>
    </row>
    <row r="20" spans="5:13" ht="21" customHeight="1" x14ac:dyDescent="0.2">
      <c r="E20" s="10" t="s">
        <v>16</v>
      </c>
      <c r="F20" s="375">
        <v>49382</v>
      </c>
      <c r="G20" s="375">
        <v>23577</v>
      </c>
      <c r="H20" s="375">
        <v>18795</v>
      </c>
      <c r="I20" s="376">
        <v>7010</v>
      </c>
    </row>
    <row r="21" spans="5:13" ht="21" customHeight="1" x14ac:dyDescent="0.2">
      <c r="E21" s="10" t="s">
        <v>17</v>
      </c>
      <c r="F21" s="375">
        <v>58590</v>
      </c>
      <c r="G21" s="375">
        <v>27609</v>
      </c>
      <c r="H21" s="375">
        <v>22979</v>
      </c>
      <c r="I21" s="376">
        <v>8002</v>
      </c>
    </row>
    <row r="22" spans="5:13" ht="21" customHeight="1" x14ac:dyDescent="0.2">
      <c r="E22" s="10" t="s">
        <v>18</v>
      </c>
      <c r="F22" s="375">
        <v>58183</v>
      </c>
      <c r="G22" s="375">
        <v>26092</v>
      </c>
      <c r="H22" s="375">
        <v>23145</v>
      </c>
      <c r="I22" s="376">
        <v>8946</v>
      </c>
    </row>
    <row r="23" spans="5:13" ht="21" customHeight="1" x14ac:dyDescent="0.2">
      <c r="E23" s="10" t="s">
        <v>19</v>
      </c>
      <c r="F23" s="375">
        <v>26671</v>
      </c>
      <c r="G23" s="375">
        <v>12138</v>
      </c>
      <c r="H23" s="375">
        <v>10405</v>
      </c>
      <c r="I23" s="376">
        <v>4128</v>
      </c>
    </row>
    <row r="24" spans="5:13" ht="21" customHeight="1" x14ac:dyDescent="0.2">
      <c r="E24" s="10" t="s">
        <v>20</v>
      </c>
      <c r="F24" s="375">
        <v>34060</v>
      </c>
      <c r="G24" s="375">
        <v>15751</v>
      </c>
      <c r="H24" s="375">
        <v>13403</v>
      </c>
      <c r="I24" s="376">
        <v>4906</v>
      </c>
    </row>
    <row r="25" spans="5:13" ht="21" customHeight="1" x14ac:dyDescent="0.2">
      <c r="E25" s="10" t="s">
        <v>21</v>
      </c>
      <c r="F25" s="375">
        <v>34274</v>
      </c>
      <c r="G25" s="375">
        <v>15693</v>
      </c>
      <c r="H25" s="375">
        <v>13532</v>
      </c>
      <c r="I25" s="376">
        <v>5049</v>
      </c>
    </row>
    <row r="26" spans="5:13" ht="21" customHeight="1" x14ac:dyDescent="0.2">
      <c r="E26" s="10" t="s">
        <v>22</v>
      </c>
      <c r="F26" s="375">
        <v>13630</v>
      </c>
      <c r="G26" s="375">
        <v>5856</v>
      </c>
      <c r="H26" s="375">
        <v>5423</v>
      </c>
      <c r="I26" s="376">
        <v>2351</v>
      </c>
    </row>
    <row r="27" spans="5:13" ht="21" customHeight="1" x14ac:dyDescent="0.2">
      <c r="E27" s="10" t="s">
        <v>23</v>
      </c>
      <c r="F27" s="375">
        <v>22841</v>
      </c>
      <c r="G27" s="375">
        <v>9876</v>
      </c>
      <c r="H27" s="375">
        <v>9803</v>
      </c>
      <c r="I27" s="376">
        <v>3162</v>
      </c>
    </row>
    <row r="28" spans="5:13" ht="21" customHeight="1" x14ac:dyDescent="0.2">
      <c r="E28" s="10" t="s">
        <v>24</v>
      </c>
      <c r="F28" s="375">
        <v>10189</v>
      </c>
      <c r="G28" s="375">
        <v>4008</v>
      </c>
      <c r="H28" s="375">
        <v>4140</v>
      </c>
      <c r="I28" s="376">
        <v>2041</v>
      </c>
    </row>
    <row r="29" spans="5:13" ht="21" customHeight="1" x14ac:dyDescent="0.2">
      <c r="E29" s="10" t="s">
        <v>25</v>
      </c>
      <c r="F29" s="375">
        <v>13403</v>
      </c>
      <c r="G29" s="375">
        <v>6329</v>
      </c>
      <c r="H29" s="375">
        <v>5244</v>
      </c>
      <c r="I29" s="376">
        <v>1830</v>
      </c>
    </row>
    <row r="30" spans="5:13" ht="21" customHeight="1" x14ac:dyDescent="0.2">
      <c r="E30" s="10" t="s">
        <v>26</v>
      </c>
      <c r="F30" s="375">
        <v>11101</v>
      </c>
      <c r="G30" s="375">
        <v>4783</v>
      </c>
      <c r="H30" s="375">
        <v>4423</v>
      </c>
      <c r="I30" s="376">
        <v>1895</v>
      </c>
    </row>
    <row r="31" spans="5:13" ht="21" customHeight="1" x14ac:dyDescent="0.2">
      <c r="E31" s="10" t="s">
        <v>27</v>
      </c>
      <c r="F31" s="375">
        <v>9827</v>
      </c>
      <c r="G31" s="375">
        <v>4002</v>
      </c>
      <c r="H31" s="375">
        <v>3933</v>
      </c>
      <c r="I31" s="376">
        <v>1892</v>
      </c>
    </row>
    <row r="32" spans="5:13" ht="21" customHeight="1" x14ac:dyDescent="0.2">
      <c r="E32" s="10" t="s">
        <v>28</v>
      </c>
      <c r="F32" s="375">
        <v>3217</v>
      </c>
      <c r="G32" s="375">
        <v>1530</v>
      </c>
      <c r="H32" s="375">
        <v>1248</v>
      </c>
      <c r="I32" s="376">
        <v>439</v>
      </c>
    </row>
    <row r="33" spans="5:9" ht="21" customHeight="1" x14ac:dyDescent="0.2">
      <c r="E33" s="10" t="s">
        <v>29</v>
      </c>
      <c r="F33" s="375">
        <v>4995</v>
      </c>
      <c r="G33" s="375">
        <v>2276</v>
      </c>
      <c r="H33" s="375">
        <v>1965</v>
      </c>
      <c r="I33" s="376">
        <v>754</v>
      </c>
    </row>
    <row r="34" spans="5:9" ht="21" customHeight="1" x14ac:dyDescent="0.2">
      <c r="E34" s="10" t="s">
        <v>30</v>
      </c>
      <c r="F34" s="375">
        <v>3725</v>
      </c>
      <c r="G34" s="375">
        <v>1618</v>
      </c>
      <c r="H34" s="375">
        <v>1394</v>
      </c>
      <c r="I34" s="376">
        <v>713</v>
      </c>
    </row>
    <row r="35" spans="5:9" ht="21" customHeight="1" x14ac:dyDescent="0.2">
      <c r="E35" s="10" t="s">
        <v>31</v>
      </c>
      <c r="F35" s="375">
        <v>4006</v>
      </c>
      <c r="G35" s="375">
        <v>1889</v>
      </c>
      <c r="H35" s="375">
        <v>1372</v>
      </c>
      <c r="I35" s="376">
        <v>745</v>
      </c>
    </row>
    <row r="36" spans="5:9" ht="21" customHeight="1" x14ac:dyDescent="0.2">
      <c r="E36" s="10" t="s">
        <v>32</v>
      </c>
      <c r="F36" s="375">
        <v>4651</v>
      </c>
      <c r="G36" s="375">
        <v>2093</v>
      </c>
      <c r="H36" s="375">
        <v>1783</v>
      </c>
      <c r="I36" s="376">
        <v>775</v>
      </c>
    </row>
    <row r="37" spans="5:9" ht="21" customHeight="1" x14ac:dyDescent="0.2">
      <c r="E37" s="10" t="s">
        <v>33</v>
      </c>
      <c r="F37" s="375">
        <v>4136</v>
      </c>
      <c r="G37" s="375">
        <v>1838</v>
      </c>
      <c r="H37" s="375">
        <v>1606</v>
      </c>
      <c r="I37" s="376">
        <v>692</v>
      </c>
    </row>
    <row r="38" spans="5:9" ht="21" customHeight="1" x14ac:dyDescent="0.2">
      <c r="E38" s="10" t="s">
        <v>34</v>
      </c>
      <c r="F38" s="375">
        <v>3022</v>
      </c>
      <c r="G38" s="375">
        <v>1316</v>
      </c>
      <c r="H38" s="375">
        <v>1159</v>
      </c>
      <c r="I38" s="376">
        <v>547</v>
      </c>
    </row>
    <row r="39" spans="5:9" ht="21" customHeight="1" x14ac:dyDescent="0.2">
      <c r="E39" s="10" t="s">
        <v>35</v>
      </c>
      <c r="F39" s="375">
        <v>9850</v>
      </c>
      <c r="G39" s="375">
        <v>4179</v>
      </c>
      <c r="H39" s="375">
        <v>3893</v>
      </c>
      <c r="I39" s="376">
        <v>1778</v>
      </c>
    </row>
    <row r="40" spans="5:9" ht="21" customHeight="1" x14ac:dyDescent="0.2">
      <c r="E40" s="10" t="s">
        <v>36</v>
      </c>
      <c r="F40" s="375">
        <v>12352</v>
      </c>
      <c r="G40" s="375">
        <v>6134</v>
      </c>
      <c r="H40" s="375">
        <v>4667</v>
      </c>
      <c r="I40" s="376">
        <v>1551</v>
      </c>
    </row>
    <row r="41" spans="5:9" ht="21" customHeight="1" thickBot="1" x14ac:dyDescent="0.25">
      <c r="E41" s="11" t="s">
        <v>37</v>
      </c>
      <c r="F41" s="377">
        <v>1065</v>
      </c>
      <c r="G41" s="377">
        <v>551</v>
      </c>
      <c r="H41" s="377">
        <v>361</v>
      </c>
      <c r="I41" s="378">
        <v>153</v>
      </c>
    </row>
  </sheetData>
  <mergeCells count="2">
    <mergeCell ref="E1:H1"/>
    <mergeCell ref="F6:I6"/>
  </mergeCells>
  <phoneticPr fontId="4"/>
  <pageMargins left="0.78740157480314965" right="0.78740157480314965" top="0.98425196850393704" bottom="0.98425196850393704" header="0.51181102362204722" footer="0.51181102362204722"/>
  <pageSetup paperSize="9" orientation="portrait" r:id="rId1"/>
  <headerFooter alignWithMargins="0">
    <oddFooter>&amp;L&amp;A</oddFooter>
  </headerFooter>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sheetPr>
  <dimension ref="A1:DH40"/>
  <sheetViews>
    <sheetView zoomScaleNormal="100" workbookViewId="0">
      <pane xSplit="2" ySplit="6" topLeftCell="C7" activePane="bottomRight" state="frozen"/>
      <selection pane="topRight" activeCell="B1" sqref="B1"/>
      <selection pane="bottomLeft" activeCell="A7" sqref="A7"/>
      <selection pane="bottomRight" activeCell="B1" sqref="B1"/>
    </sheetView>
  </sheetViews>
  <sheetFormatPr defaultColWidth="9" defaultRowHeight="13.2" x14ac:dyDescent="0.2"/>
  <cols>
    <col min="1" max="1" width="2.77734375" style="44" customWidth="1"/>
    <col min="2" max="5" width="9" style="255"/>
    <col min="6" max="6" width="7.77734375" style="255" customWidth="1"/>
    <col min="7" max="7" width="9" style="255"/>
    <col min="8" max="8" width="10.6640625" style="255" customWidth="1"/>
    <col min="9" max="16" width="9" style="255"/>
    <col min="17" max="17" width="7.88671875" style="255" customWidth="1"/>
    <col min="18" max="27" width="9" style="255"/>
    <col min="28" max="28" width="7.77734375" style="255" customWidth="1"/>
    <col min="29" max="38" width="9" style="255"/>
    <col min="39" max="39" width="6.77734375" style="255" customWidth="1"/>
    <col min="40" max="49" width="9" style="255"/>
    <col min="50" max="50" width="7.77734375" style="255" customWidth="1"/>
    <col min="51" max="60" width="9" style="255"/>
    <col min="61" max="61" width="7.44140625" style="255" customWidth="1"/>
    <col min="62" max="71" width="9" style="255"/>
    <col min="72" max="72" width="7.33203125" style="255" customWidth="1"/>
    <col min="73" max="82" width="9" style="255"/>
    <col min="83" max="83" width="7.44140625" style="255" customWidth="1"/>
    <col min="84" max="93" width="9" style="255"/>
    <col min="94" max="94" width="7.6640625" style="255" customWidth="1"/>
    <col min="95" max="16384" width="9" style="255"/>
  </cols>
  <sheetData>
    <row r="1" spans="2:112" ht="24" customHeight="1" x14ac:dyDescent="0.2">
      <c r="B1" s="290" t="s">
        <v>123</v>
      </c>
      <c r="J1" s="524">
        <f>第１表!F2</f>
        <v>5</v>
      </c>
      <c r="K1" s="524"/>
      <c r="L1" s="248">
        <f>第１表!G2</f>
        <v>2</v>
      </c>
      <c r="M1" s="529">
        <f>IF(L1&lt;3,L1+12-2,L1-2)</f>
        <v>12</v>
      </c>
      <c r="N1" s="529"/>
    </row>
    <row r="2" spans="2:112" ht="24" customHeight="1" thickBot="1" x14ac:dyDescent="0.25">
      <c r="B2" s="290" t="s">
        <v>131</v>
      </c>
    </row>
    <row r="3" spans="2:112" ht="21" customHeight="1" thickBot="1" x14ac:dyDescent="0.25">
      <c r="B3" s="549"/>
      <c r="C3" s="552" t="s">
        <v>112</v>
      </c>
      <c r="D3" s="552"/>
      <c r="E3" s="552"/>
      <c r="F3" s="552"/>
      <c r="G3" s="552"/>
      <c r="H3" s="552"/>
      <c r="I3" s="552"/>
      <c r="J3" s="552"/>
      <c r="K3" s="552"/>
      <c r="L3" s="552"/>
      <c r="M3" s="553"/>
      <c r="N3" s="547" t="s">
        <v>111</v>
      </c>
      <c r="O3" s="547"/>
      <c r="P3" s="547"/>
      <c r="Q3" s="547"/>
      <c r="R3" s="547"/>
      <c r="S3" s="547"/>
      <c r="T3" s="547"/>
      <c r="U3" s="547"/>
      <c r="V3" s="547"/>
      <c r="W3" s="547"/>
      <c r="X3" s="548"/>
      <c r="Y3" s="546" t="s">
        <v>110</v>
      </c>
      <c r="Z3" s="547"/>
      <c r="AA3" s="547"/>
      <c r="AB3" s="547"/>
      <c r="AC3" s="547"/>
      <c r="AD3" s="547"/>
      <c r="AE3" s="547"/>
      <c r="AF3" s="547"/>
      <c r="AG3" s="547"/>
      <c r="AH3" s="547"/>
      <c r="AI3" s="548"/>
      <c r="AJ3" s="546" t="s">
        <v>109</v>
      </c>
      <c r="AK3" s="547"/>
      <c r="AL3" s="547"/>
      <c r="AM3" s="547"/>
      <c r="AN3" s="547"/>
      <c r="AO3" s="547"/>
      <c r="AP3" s="547"/>
      <c r="AQ3" s="547"/>
      <c r="AR3" s="547"/>
      <c r="AS3" s="547"/>
      <c r="AT3" s="548"/>
      <c r="AU3" s="546" t="s">
        <v>108</v>
      </c>
      <c r="AV3" s="547"/>
      <c r="AW3" s="547"/>
      <c r="AX3" s="547"/>
      <c r="AY3" s="547"/>
      <c r="AZ3" s="547"/>
      <c r="BA3" s="547"/>
      <c r="BB3" s="547"/>
      <c r="BC3" s="547"/>
      <c r="BD3" s="547"/>
      <c r="BE3" s="548"/>
      <c r="BF3" s="546" t="s">
        <v>107</v>
      </c>
      <c r="BG3" s="547"/>
      <c r="BH3" s="547"/>
      <c r="BI3" s="547"/>
      <c r="BJ3" s="547"/>
      <c r="BK3" s="547"/>
      <c r="BL3" s="547"/>
      <c r="BM3" s="547"/>
      <c r="BN3" s="547"/>
      <c r="BO3" s="547"/>
      <c r="BP3" s="548"/>
      <c r="BQ3" s="546" t="s">
        <v>106</v>
      </c>
      <c r="BR3" s="547"/>
      <c r="BS3" s="547"/>
      <c r="BT3" s="547"/>
      <c r="BU3" s="547"/>
      <c r="BV3" s="547"/>
      <c r="BW3" s="547"/>
      <c r="BX3" s="547"/>
      <c r="BY3" s="547"/>
      <c r="BZ3" s="547"/>
      <c r="CA3" s="548"/>
      <c r="CB3" s="546" t="s">
        <v>128</v>
      </c>
      <c r="CC3" s="547"/>
      <c r="CD3" s="547"/>
      <c r="CE3" s="547"/>
      <c r="CF3" s="547"/>
      <c r="CG3" s="547"/>
      <c r="CH3" s="547"/>
      <c r="CI3" s="547"/>
      <c r="CJ3" s="547"/>
      <c r="CK3" s="547"/>
      <c r="CL3" s="548"/>
      <c r="CM3" s="546" t="s">
        <v>161</v>
      </c>
      <c r="CN3" s="547"/>
      <c r="CO3" s="547"/>
      <c r="CP3" s="547"/>
      <c r="CQ3" s="547"/>
      <c r="CR3" s="547"/>
      <c r="CS3" s="547"/>
      <c r="CT3" s="547"/>
      <c r="CU3" s="547"/>
      <c r="CV3" s="547"/>
      <c r="CW3" s="548"/>
      <c r="CX3" s="546" t="s">
        <v>157</v>
      </c>
      <c r="CY3" s="547"/>
      <c r="CZ3" s="547"/>
      <c r="DA3" s="547"/>
      <c r="DB3" s="547"/>
      <c r="DC3" s="547"/>
      <c r="DD3" s="547"/>
      <c r="DE3" s="547"/>
      <c r="DF3" s="547"/>
      <c r="DG3" s="547"/>
      <c r="DH3" s="548"/>
    </row>
    <row r="4" spans="2:112" ht="21" customHeight="1" x14ac:dyDescent="0.2">
      <c r="B4" s="550"/>
      <c r="C4" s="554" t="s">
        <v>61</v>
      </c>
      <c r="D4" s="533"/>
      <c r="E4" s="534"/>
      <c r="F4" s="535" t="s">
        <v>62</v>
      </c>
      <c r="G4" s="533"/>
      <c r="H4" s="533"/>
      <c r="I4" s="533"/>
      <c r="J4" s="533"/>
      <c r="K4" s="533"/>
      <c r="L4" s="536"/>
      <c r="M4" s="530" t="s">
        <v>52</v>
      </c>
      <c r="N4" s="554" t="s">
        <v>61</v>
      </c>
      <c r="O4" s="533"/>
      <c r="P4" s="534"/>
      <c r="Q4" s="535" t="s">
        <v>62</v>
      </c>
      <c r="R4" s="533"/>
      <c r="S4" s="533"/>
      <c r="T4" s="533"/>
      <c r="U4" s="533"/>
      <c r="V4" s="533"/>
      <c r="W4" s="534"/>
      <c r="X4" s="530" t="s">
        <v>52</v>
      </c>
      <c r="Y4" s="532" t="s">
        <v>61</v>
      </c>
      <c r="Z4" s="533"/>
      <c r="AA4" s="536"/>
      <c r="AB4" s="535" t="s">
        <v>62</v>
      </c>
      <c r="AC4" s="533"/>
      <c r="AD4" s="533"/>
      <c r="AE4" s="533"/>
      <c r="AF4" s="533"/>
      <c r="AG4" s="533"/>
      <c r="AH4" s="534"/>
      <c r="AI4" s="530" t="s">
        <v>52</v>
      </c>
      <c r="AJ4" s="532" t="s">
        <v>61</v>
      </c>
      <c r="AK4" s="533"/>
      <c r="AL4" s="534"/>
      <c r="AM4" s="535" t="s">
        <v>62</v>
      </c>
      <c r="AN4" s="533"/>
      <c r="AO4" s="533"/>
      <c r="AP4" s="533"/>
      <c r="AQ4" s="533"/>
      <c r="AR4" s="533"/>
      <c r="AS4" s="534"/>
      <c r="AT4" s="530" t="s">
        <v>52</v>
      </c>
      <c r="AU4" s="532" t="s">
        <v>61</v>
      </c>
      <c r="AV4" s="533"/>
      <c r="AW4" s="536"/>
      <c r="AX4" s="535" t="s">
        <v>62</v>
      </c>
      <c r="AY4" s="533"/>
      <c r="AZ4" s="533"/>
      <c r="BA4" s="533"/>
      <c r="BB4" s="533"/>
      <c r="BC4" s="533"/>
      <c r="BD4" s="536"/>
      <c r="BE4" s="530" t="s">
        <v>52</v>
      </c>
      <c r="BF4" s="532" t="s">
        <v>61</v>
      </c>
      <c r="BG4" s="533"/>
      <c r="BH4" s="534"/>
      <c r="BI4" s="535" t="s">
        <v>62</v>
      </c>
      <c r="BJ4" s="533"/>
      <c r="BK4" s="533"/>
      <c r="BL4" s="533"/>
      <c r="BM4" s="533"/>
      <c r="BN4" s="533"/>
      <c r="BO4" s="534"/>
      <c r="BP4" s="530" t="s">
        <v>52</v>
      </c>
      <c r="BQ4" s="532" t="s">
        <v>61</v>
      </c>
      <c r="BR4" s="533"/>
      <c r="BS4" s="534"/>
      <c r="BT4" s="535" t="s">
        <v>62</v>
      </c>
      <c r="BU4" s="533"/>
      <c r="BV4" s="533"/>
      <c r="BW4" s="533"/>
      <c r="BX4" s="533"/>
      <c r="BY4" s="533"/>
      <c r="BZ4" s="534"/>
      <c r="CA4" s="530" t="s">
        <v>52</v>
      </c>
      <c r="CB4" s="532" t="s">
        <v>61</v>
      </c>
      <c r="CC4" s="533"/>
      <c r="CD4" s="534"/>
      <c r="CE4" s="535" t="s">
        <v>62</v>
      </c>
      <c r="CF4" s="533"/>
      <c r="CG4" s="533"/>
      <c r="CH4" s="533"/>
      <c r="CI4" s="533"/>
      <c r="CJ4" s="533"/>
      <c r="CK4" s="534"/>
      <c r="CL4" s="530" t="s">
        <v>52</v>
      </c>
      <c r="CM4" s="532" t="s">
        <v>61</v>
      </c>
      <c r="CN4" s="533"/>
      <c r="CO4" s="534"/>
      <c r="CP4" s="535" t="s">
        <v>62</v>
      </c>
      <c r="CQ4" s="533"/>
      <c r="CR4" s="533"/>
      <c r="CS4" s="533"/>
      <c r="CT4" s="533"/>
      <c r="CU4" s="533"/>
      <c r="CV4" s="534"/>
      <c r="CW4" s="530" t="s">
        <v>52</v>
      </c>
      <c r="CX4" s="532" t="s">
        <v>61</v>
      </c>
      <c r="CY4" s="533"/>
      <c r="CZ4" s="534"/>
      <c r="DA4" s="535" t="s">
        <v>62</v>
      </c>
      <c r="DB4" s="533"/>
      <c r="DC4" s="533"/>
      <c r="DD4" s="533"/>
      <c r="DE4" s="533"/>
      <c r="DF4" s="533"/>
      <c r="DG4" s="534"/>
      <c r="DH4" s="530" t="s">
        <v>52</v>
      </c>
    </row>
    <row r="5" spans="2:112" ht="30" customHeight="1" thickBot="1" x14ac:dyDescent="0.25">
      <c r="B5" s="551"/>
      <c r="C5" s="264" t="s">
        <v>43</v>
      </c>
      <c r="D5" s="259" t="s">
        <v>44</v>
      </c>
      <c r="E5" s="382" t="s">
        <v>45</v>
      </c>
      <c r="F5" s="267" t="s">
        <v>83</v>
      </c>
      <c r="G5" s="259" t="s">
        <v>47</v>
      </c>
      <c r="H5" s="259" t="s">
        <v>48</v>
      </c>
      <c r="I5" s="259" t="s">
        <v>49</v>
      </c>
      <c r="J5" s="259" t="s">
        <v>50</v>
      </c>
      <c r="K5" s="259" t="s">
        <v>51</v>
      </c>
      <c r="L5" s="268" t="s">
        <v>45</v>
      </c>
      <c r="M5" s="531"/>
      <c r="N5" s="264" t="s">
        <v>43</v>
      </c>
      <c r="O5" s="259" t="s">
        <v>44</v>
      </c>
      <c r="P5" s="265" t="s">
        <v>45</v>
      </c>
      <c r="Q5" s="267" t="s">
        <v>83</v>
      </c>
      <c r="R5" s="259" t="s">
        <v>47</v>
      </c>
      <c r="S5" s="259" t="s">
        <v>48</v>
      </c>
      <c r="T5" s="259" t="s">
        <v>49</v>
      </c>
      <c r="U5" s="259" t="s">
        <v>50</v>
      </c>
      <c r="V5" s="259" t="s">
        <v>51</v>
      </c>
      <c r="W5" s="265" t="s">
        <v>45</v>
      </c>
      <c r="X5" s="531"/>
      <c r="Y5" s="323" t="s">
        <v>43</v>
      </c>
      <c r="Z5" s="259" t="s">
        <v>44</v>
      </c>
      <c r="AA5" s="268" t="s">
        <v>45</v>
      </c>
      <c r="AB5" s="267" t="s">
        <v>83</v>
      </c>
      <c r="AC5" s="259" t="s">
        <v>47</v>
      </c>
      <c r="AD5" s="259" t="s">
        <v>48</v>
      </c>
      <c r="AE5" s="259" t="s">
        <v>49</v>
      </c>
      <c r="AF5" s="259" t="s">
        <v>50</v>
      </c>
      <c r="AG5" s="259" t="s">
        <v>51</v>
      </c>
      <c r="AH5" s="265" t="s">
        <v>45</v>
      </c>
      <c r="AI5" s="531"/>
      <c r="AJ5" s="323" t="s">
        <v>43</v>
      </c>
      <c r="AK5" s="259" t="s">
        <v>44</v>
      </c>
      <c r="AL5" s="265" t="s">
        <v>45</v>
      </c>
      <c r="AM5" s="267" t="s">
        <v>83</v>
      </c>
      <c r="AN5" s="259" t="s">
        <v>47</v>
      </c>
      <c r="AO5" s="259" t="s">
        <v>48</v>
      </c>
      <c r="AP5" s="259" t="s">
        <v>49</v>
      </c>
      <c r="AQ5" s="259" t="s">
        <v>50</v>
      </c>
      <c r="AR5" s="259" t="s">
        <v>51</v>
      </c>
      <c r="AS5" s="265" t="s">
        <v>45</v>
      </c>
      <c r="AT5" s="531"/>
      <c r="AU5" s="323" t="s">
        <v>43</v>
      </c>
      <c r="AV5" s="259" t="s">
        <v>44</v>
      </c>
      <c r="AW5" s="268" t="s">
        <v>45</v>
      </c>
      <c r="AX5" s="267" t="s">
        <v>83</v>
      </c>
      <c r="AY5" s="259" t="s">
        <v>47</v>
      </c>
      <c r="AZ5" s="259" t="s">
        <v>48</v>
      </c>
      <c r="BA5" s="259" t="s">
        <v>49</v>
      </c>
      <c r="BB5" s="259" t="s">
        <v>50</v>
      </c>
      <c r="BC5" s="259" t="s">
        <v>51</v>
      </c>
      <c r="BD5" s="268" t="s">
        <v>45</v>
      </c>
      <c r="BE5" s="531"/>
      <c r="BF5" s="323" t="s">
        <v>43</v>
      </c>
      <c r="BG5" s="259" t="s">
        <v>44</v>
      </c>
      <c r="BH5" s="265" t="s">
        <v>45</v>
      </c>
      <c r="BI5" s="267" t="s">
        <v>83</v>
      </c>
      <c r="BJ5" s="259" t="s">
        <v>47</v>
      </c>
      <c r="BK5" s="259" t="s">
        <v>48</v>
      </c>
      <c r="BL5" s="259" t="s">
        <v>49</v>
      </c>
      <c r="BM5" s="259" t="s">
        <v>50</v>
      </c>
      <c r="BN5" s="259" t="s">
        <v>51</v>
      </c>
      <c r="BO5" s="265" t="s">
        <v>45</v>
      </c>
      <c r="BP5" s="531"/>
      <c r="BQ5" s="323" t="s">
        <v>43</v>
      </c>
      <c r="BR5" s="259" t="s">
        <v>44</v>
      </c>
      <c r="BS5" s="265" t="s">
        <v>45</v>
      </c>
      <c r="BT5" s="267" t="s">
        <v>83</v>
      </c>
      <c r="BU5" s="259" t="s">
        <v>47</v>
      </c>
      <c r="BV5" s="259" t="s">
        <v>48</v>
      </c>
      <c r="BW5" s="259" t="s">
        <v>49</v>
      </c>
      <c r="BX5" s="259" t="s">
        <v>50</v>
      </c>
      <c r="BY5" s="259" t="s">
        <v>51</v>
      </c>
      <c r="BZ5" s="265" t="s">
        <v>45</v>
      </c>
      <c r="CA5" s="531"/>
      <c r="CB5" s="323" t="s">
        <v>43</v>
      </c>
      <c r="CC5" s="259" t="s">
        <v>44</v>
      </c>
      <c r="CD5" s="265" t="s">
        <v>45</v>
      </c>
      <c r="CE5" s="267" t="s">
        <v>83</v>
      </c>
      <c r="CF5" s="259" t="s">
        <v>47</v>
      </c>
      <c r="CG5" s="259" t="s">
        <v>48</v>
      </c>
      <c r="CH5" s="259" t="s">
        <v>49</v>
      </c>
      <c r="CI5" s="259" t="s">
        <v>50</v>
      </c>
      <c r="CJ5" s="259" t="s">
        <v>51</v>
      </c>
      <c r="CK5" s="265" t="s">
        <v>45</v>
      </c>
      <c r="CL5" s="531"/>
      <c r="CM5" s="323" t="s">
        <v>43</v>
      </c>
      <c r="CN5" s="259" t="s">
        <v>44</v>
      </c>
      <c r="CO5" s="265" t="s">
        <v>45</v>
      </c>
      <c r="CP5" s="267" t="s">
        <v>83</v>
      </c>
      <c r="CQ5" s="259" t="s">
        <v>47</v>
      </c>
      <c r="CR5" s="259" t="s">
        <v>48</v>
      </c>
      <c r="CS5" s="259" t="s">
        <v>49</v>
      </c>
      <c r="CT5" s="259" t="s">
        <v>50</v>
      </c>
      <c r="CU5" s="259" t="s">
        <v>51</v>
      </c>
      <c r="CV5" s="265" t="s">
        <v>45</v>
      </c>
      <c r="CW5" s="531"/>
      <c r="CX5" s="365" t="s">
        <v>43</v>
      </c>
      <c r="CY5" s="259" t="s">
        <v>44</v>
      </c>
      <c r="CZ5" s="265" t="s">
        <v>45</v>
      </c>
      <c r="DA5" s="267" t="s">
        <v>83</v>
      </c>
      <c r="DB5" s="259" t="s">
        <v>47</v>
      </c>
      <c r="DC5" s="259" t="s">
        <v>48</v>
      </c>
      <c r="DD5" s="259" t="s">
        <v>49</v>
      </c>
      <c r="DE5" s="259" t="s">
        <v>50</v>
      </c>
      <c r="DF5" s="259" t="s">
        <v>51</v>
      </c>
      <c r="DG5" s="265" t="s">
        <v>45</v>
      </c>
      <c r="DH5" s="531"/>
    </row>
    <row r="6" spans="2:112" ht="21" customHeight="1" x14ac:dyDescent="0.2">
      <c r="B6" s="260" t="s">
        <v>4</v>
      </c>
      <c r="C6" s="269">
        <v>0</v>
      </c>
      <c r="D6" s="273">
        <v>0</v>
      </c>
      <c r="E6" s="383">
        <v>0</v>
      </c>
      <c r="F6" s="272">
        <v>0</v>
      </c>
      <c r="G6" s="273">
        <v>13824</v>
      </c>
      <c r="H6" s="273">
        <v>18891</v>
      </c>
      <c r="I6" s="273">
        <v>20983</v>
      </c>
      <c r="J6" s="273">
        <v>23314</v>
      </c>
      <c r="K6" s="273">
        <v>19497</v>
      </c>
      <c r="L6" s="274">
        <v>96509</v>
      </c>
      <c r="M6" s="275">
        <v>96509</v>
      </c>
      <c r="N6" s="269">
        <v>1</v>
      </c>
      <c r="O6" s="273">
        <v>5</v>
      </c>
      <c r="P6" s="270">
        <v>6</v>
      </c>
      <c r="Q6" s="272">
        <v>0</v>
      </c>
      <c r="R6" s="273">
        <v>30</v>
      </c>
      <c r="S6" s="273">
        <v>143</v>
      </c>
      <c r="T6" s="273">
        <v>259</v>
      </c>
      <c r="U6" s="273">
        <v>596</v>
      </c>
      <c r="V6" s="273">
        <v>1113</v>
      </c>
      <c r="W6" s="270">
        <v>2141</v>
      </c>
      <c r="X6" s="275">
        <v>2147</v>
      </c>
      <c r="Y6" s="269">
        <v>1007</v>
      </c>
      <c r="Z6" s="273">
        <v>2774</v>
      </c>
      <c r="AA6" s="270">
        <v>3781</v>
      </c>
      <c r="AB6" s="272">
        <v>0</v>
      </c>
      <c r="AC6" s="273">
        <v>8322</v>
      </c>
      <c r="AD6" s="273">
        <v>12210</v>
      </c>
      <c r="AE6" s="273">
        <v>7956</v>
      </c>
      <c r="AF6" s="273">
        <v>6890</v>
      </c>
      <c r="AG6" s="273">
        <v>5058</v>
      </c>
      <c r="AH6" s="270">
        <v>40436</v>
      </c>
      <c r="AI6" s="275">
        <v>44217</v>
      </c>
      <c r="AJ6" s="269">
        <v>101</v>
      </c>
      <c r="AK6" s="273">
        <v>603</v>
      </c>
      <c r="AL6" s="270">
        <v>704</v>
      </c>
      <c r="AM6" s="272">
        <v>0</v>
      </c>
      <c r="AN6" s="273">
        <v>705</v>
      </c>
      <c r="AO6" s="273">
        <v>1663</v>
      </c>
      <c r="AP6" s="273">
        <v>931</v>
      </c>
      <c r="AQ6" s="273">
        <v>1072</v>
      </c>
      <c r="AR6" s="273">
        <v>285</v>
      </c>
      <c r="AS6" s="270">
        <v>4656</v>
      </c>
      <c r="AT6" s="275">
        <v>5360</v>
      </c>
      <c r="AU6" s="269">
        <v>0</v>
      </c>
      <c r="AV6" s="273">
        <v>0</v>
      </c>
      <c r="AW6" s="270">
        <v>0</v>
      </c>
      <c r="AX6" s="272">
        <v>0</v>
      </c>
      <c r="AY6" s="273">
        <v>12716</v>
      </c>
      <c r="AZ6" s="273">
        <v>11219</v>
      </c>
      <c r="BA6" s="273">
        <v>7566</v>
      </c>
      <c r="BB6" s="273">
        <v>3676</v>
      </c>
      <c r="BC6" s="273">
        <v>1385</v>
      </c>
      <c r="BD6" s="274">
        <v>36562</v>
      </c>
      <c r="BE6" s="275">
        <v>36562</v>
      </c>
      <c r="BF6" s="269">
        <v>0</v>
      </c>
      <c r="BG6" s="273">
        <v>0</v>
      </c>
      <c r="BH6" s="270">
        <v>0</v>
      </c>
      <c r="BI6" s="272">
        <v>0</v>
      </c>
      <c r="BJ6" s="273">
        <v>2580</v>
      </c>
      <c r="BK6" s="273">
        <v>3565</v>
      </c>
      <c r="BL6" s="273">
        <v>2300</v>
      </c>
      <c r="BM6" s="273">
        <v>1275</v>
      </c>
      <c r="BN6" s="273">
        <v>356</v>
      </c>
      <c r="BO6" s="270">
        <v>10076</v>
      </c>
      <c r="BP6" s="275">
        <v>10076</v>
      </c>
      <c r="BQ6" s="269">
        <v>32</v>
      </c>
      <c r="BR6" s="273">
        <v>102</v>
      </c>
      <c r="BS6" s="270">
        <v>134</v>
      </c>
      <c r="BT6" s="272">
        <v>0</v>
      </c>
      <c r="BU6" s="273">
        <v>1099</v>
      </c>
      <c r="BV6" s="273">
        <v>1847</v>
      </c>
      <c r="BW6" s="273">
        <v>3030</v>
      </c>
      <c r="BX6" s="273">
        <v>2512</v>
      </c>
      <c r="BY6" s="273">
        <v>894</v>
      </c>
      <c r="BZ6" s="270">
        <v>9382</v>
      </c>
      <c r="CA6" s="275">
        <v>9516</v>
      </c>
      <c r="CB6" s="269">
        <v>0</v>
      </c>
      <c r="CC6" s="273">
        <v>7</v>
      </c>
      <c r="CD6" s="270">
        <v>7</v>
      </c>
      <c r="CE6" s="272">
        <v>0</v>
      </c>
      <c r="CF6" s="273">
        <v>72</v>
      </c>
      <c r="CG6" s="273">
        <v>281</v>
      </c>
      <c r="CH6" s="273">
        <v>374</v>
      </c>
      <c r="CI6" s="273">
        <v>381</v>
      </c>
      <c r="CJ6" s="273">
        <v>140</v>
      </c>
      <c r="CK6" s="270">
        <v>1248</v>
      </c>
      <c r="CL6" s="275">
        <v>1255</v>
      </c>
      <c r="CM6" s="269">
        <v>0</v>
      </c>
      <c r="CN6" s="273">
        <v>0</v>
      </c>
      <c r="CO6" s="270">
        <v>0</v>
      </c>
      <c r="CP6" s="272">
        <v>0</v>
      </c>
      <c r="CQ6" s="273">
        <v>0</v>
      </c>
      <c r="CR6" s="273">
        <v>0</v>
      </c>
      <c r="CS6" s="273">
        <v>0</v>
      </c>
      <c r="CT6" s="273">
        <v>0</v>
      </c>
      <c r="CU6" s="273">
        <v>0</v>
      </c>
      <c r="CV6" s="270">
        <v>0</v>
      </c>
      <c r="CW6" s="275">
        <v>0</v>
      </c>
      <c r="CX6" s="269">
        <v>0</v>
      </c>
      <c r="CY6" s="273">
        <v>0</v>
      </c>
      <c r="CZ6" s="270">
        <v>0</v>
      </c>
      <c r="DA6" s="272">
        <v>0</v>
      </c>
      <c r="DB6" s="273">
        <v>0</v>
      </c>
      <c r="DC6" s="273">
        <v>0</v>
      </c>
      <c r="DD6" s="273">
        <v>0</v>
      </c>
      <c r="DE6" s="273">
        <v>0</v>
      </c>
      <c r="DF6" s="273">
        <v>0</v>
      </c>
      <c r="DG6" s="270">
        <v>0</v>
      </c>
      <c r="DH6" s="275">
        <v>0</v>
      </c>
    </row>
    <row r="7" spans="2:112" ht="21" customHeight="1" x14ac:dyDescent="0.2">
      <c r="B7" s="261" t="s">
        <v>5</v>
      </c>
      <c r="C7" s="276">
        <v>0</v>
      </c>
      <c r="D7" s="280">
        <v>0</v>
      </c>
      <c r="E7" s="384">
        <v>0</v>
      </c>
      <c r="F7" s="279">
        <v>0</v>
      </c>
      <c r="G7" s="280">
        <v>5101</v>
      </c>
      <c r="H7" s="280">
        <v>8324</v>
      </c>
      <c r="I7" s="280">
        <v>8866</v>
      </c>
      <c r="J7" s="280">
        <v>8886</v>
      </c>
      <c r="K7" s="280">
        <v>7838</v>
      </c>
      <c r="L7" s="281">
        <v>39015</v>
      </c>
      <c r="M7" s="282">
        <v>39015</v>
      </c>
      <c r="N7" s="276">
        <v>1</v>
      </c>
      <c r="O7" s="280">
        <v>5</v>
      </c>
      <c r="P7" s="277">
        <v>6</v>
      </c>
      <c r="Q7" s="279">
        <v>0</v>
      </c>
      <c r="R7" s="280">
        <v>9</v>
      </c>
      <c r="S7" s="280">
        <v>60</v>
      </c>
      <c r="T7" s="280">
        <v>87</v>
      </c>
      <c r="U7" s="280">
        <v>270</v>
      </c>
      <c r="V7" s="280">
        <v>504</v>
      </c>
      <c r="W7" s="277">
        <v>930</v>
      </c>
      <c r="X7" s="282">
        <v>936</v>
      </c>
      <c r="Y7" s="276">
        <v>500</v>
      </c>
      <c r="Z7" s="280">
        <v>1625</v>
      </c>
      <c r="AA7" s="277">
        <v>2125</v>
      </c>
      <c r="AB7" s="279">
        <v>0</v>
      </c>
      <c r="AC7" s="280">
        <v>3232</v>
      </c>
      <c r="AD7" s="280">
        <v>6684</v>
      </c>
      <c r="AE7" s="280">
        <v>4225</v>
      </c>
      <c r="AF7" s="280">
        <v>3474</v>
      </c>
      <c r="AG7" s="280">
        <v>2401</v>
      </c>
      <c r="AH7" s="277">
        <v>20016</v>
      </c>
      <c r="AI7" s="282">
        <v>22141</v>
      </c>
      <c r="AJ7" s="276">
        <v>37</v>
      </c>
      <c r="AK7" s="280">
        <v>330</v>
      </c>
      <c r="AL7" s="277">
        <v>367</v>
      </c>
      <c r="AM7" s="279">
        <v>0</v>
      </c>
      <c r="AN7" s="280">
        <v>113</v>
      </c>
      <c r="AO7" s="280">
        <v>670</v>
      </c>
      <c r="AP7" s="280">
        <v>353</v>
      </c>
      <c r="AQ7" s="280">
        <v>401</v>
      </c>
      <c r="AR7" s="280">
        <v>104</v>
      </c>
      <c r="AS7" s="277">
        <v>1641</v>
      </c>
      <c r="AT7" s="282">
        <v>2008</v>
      </c>
      <c r="AU7" s="276">
        <v>0</v>
      </c>
      <c r="AV7" s="280">
        <v>0</v>
      </c>
      <c r="AW7" s="277">
        <v>0</v>
      </c>
      <c r="AX7" s="279">
        <v>0</v>
      </c>
      <c r="AY7" s="280">
        <v>4623</v>
      </c>
      <c r="AZ7" s="280">
        <v>4922</v>
      </c>
      <c r="BA7" s="280">
        <v>2960</v>
      </c>
      <c r="BB7" s="280">
        <v>1295</v>
      </c>
      <c r="BC7" s="280">
        <v>536</v>
      </c>
      <c r="BD7" s="281">
        <v>14336</v>
      </c>
      <c r="BE7" s="282">
        <v>14336</v>
      </c>
      <c r="BF7" s="276">
        <v>0</v>
      </c>
      <c r="BG7" s="280">
        <v>0</v>
      </c>
      <c r="BH7" s="277">
        <v>0</v>
      </c>
      <c r="BI7" s="279">
        <v>0</v>
      </c>
      <c r="BJ7" s="280">
        <v>893</v>
      </c>
      <c r="BK7" s="280">
        <v>1493</v>
      </c>
      <c r="BL7" s="280">
        <v>1100</v>
      </c>
      <c r="BM7" s="280">
        <v>648</v>
      </c>
      <c r="BN7" s="280">
        <v>164</v>
      </c>
      <c r="BO7" s="277">
        <v>4298</v>
      </c>
      <c r="BP7" s="282">
        <v>4298</v>
      </c>
      <c r="BQ7" s="276">
        <v>9</v>
      </c>
      <c r="BR7" s="280">
        <v>44</v>
      </c>
      <c r="BS7" s="277">
        <v>53</v>
      </c>
      <c r="BT7" s="279">
        <v>0</v>
      </c>
      <c r="BU7" s="280">
        <v>350</v>
      </c>
      <c r="BV7" s="280">
        <v>759</v>
      </c>
      <c r="BW7" s="280">
        <v>1528</v>
      </c>
      <c r="BX7" s="280">
        <v>1058</v>
      </c>
      <c r="BY7" s="280">
        <v>400</v>
      </c>
      <c r="BZ7" s="277">
        <v>4095</v>
      </c>
      <c r="CA7" s="282">
        <v>4148</v>
      </c>
      <c r="CB7" s="276">
        <v>0</v>
      </c>
      <c r="CC7" s="280">
        <v>4</v>
      </c>
      <c r="CD7" s="277">
        <v>4</v>
      </c>
      <c r="CE7" s="279">
        <v>0</v>
      </c>
      <c r="CF7" s="280">
        <v>49</v>
      </c>
      <c r="CG7" s="280">
        <v>158</v>
      </c>
      <c r="CH7" s="280">
        <v>240</v>
      </c>
      <c r="CI7" s="280">
        <v>218</v>
      </c>
      <c r="CJ7" s="280">
        <v>119</v>
      </c>
      <c r="CK7" s="277">
        <v>784</v>
      </c>
      <c r="CL7" s="282">
        <v>788</v>
      </c>
      <c r="CM7" s="276">
        <v>0</v>
      </c>
      <c r="CN7" s="280">
        <v>0</v>
      </c>
      <c r="CO7" s="277">
        <v>0</v>
      </c>
      <c r="CP7" s="279">
        <v>0</v>
      </c>
      <c r="CQ7" s="280">
        <v>0</v>
      </c>
      <c r="CR7" s="280">
        <v>0</v>
      </c>
      <c r="CS7" s="280">
        <v>0</v>
      </c>
      <c r="CT7" s="280">
        <v>0</v>
      </c>
      <c r="CU7" s="280">
        <v>0</v>
      </c>
      <c r="CV7" s="277">
        <v>0</v>
      </c>
      <c r="CW7" s="282">
        <v>0</v>
      </c>
      <c r="CX7" s="276">
        <v>0</v>
      </c>
      <c r="CY7" s="280">
        <v>0</v>
      </c>
      <c r="CZ7" s="277">
        <v>0</v>
      </c>
      <c r="DA7" s="279">
        <v>0</v>
      </c>
      <c r="DB7" s="280">
        <v>0</v>
      </c>
      <c r="DC7" s="280">
        <v>0</v>
      </c>
      <c r="DD7" s="280">
        <v>0</v>
      </c>
      <c r="DE7" s="280">
        <v>0</v>
      </c>
      <c r="DF7" s="280">
        <v>0</v>
      </c>
      <c r="DG7" s="277">
        <v>0</v>
      </c>
      <c r="DH7" s="282">
        <v>0</v>
      </c>
    </row>
    <row r="8" spans="2:112" ht="21" customHeight="1" x14ac:dyDescent="0.2">
      <c r="B8" s="261" t="s">
        <v>6</v>
      </c>
      <c r="C8" s="276">
        <v>0</v>
      </c>
      <c r="D8" s="280">
        <v>0</v>
      </c>
      <c r="E8" s="384">
        <v>0</v>
      </c>
      <c r="F8" s="279">
        <v>0</v>
      </c>
      <c r="G8" s="280">
        <v>1749</v>
      </c>
      <c r="H8" s="280">
        <v>1967</v>
      </c>
      <c r="I8" s="280">
        <v>2100</v>
      </c>
      <c r="J8" s="280">
        <v>3369</v>
      </c>
      <c r="K8" s="280">
        <v>3037</v>
      </c>
      <c r="L8" s="281">
        <v>12222</v>
      </c>
      <c r="M8" s="282">
        <v>12222</v>
      </c>
      <c r="N8" s="276">
        <v>0</v>
      </c>
      <c r="O8" s="280">
        <v>0</v>
      </c>
      <c r="P8" s="277">
        <v>0</v>
      </c>
      <c r="Q8" s="279">
        <v>0</v>
      </c>
      <c r="R8" s="280">
        <v>10</v>
      </c>
      <c r="S8" s="280">
        <v>7</v>
      </c>
      <c r="T8" s="280">
        <v>32</v>
      </c>
      <c r="U8" s="280">
        <v>46</v>
      </c>
      <c r="V8" s="280">
        <v>160</v>
      </c>
      <c r="W8" s="277">
        <v>255</v>
      </c>
      <c r="X8" s="282">
        <v>255</v>
      </c>
      <c r="Y8" s="276">
        <v>145</v>
      </c>
      <c r="Z8" s="280">
        <v>347</v>
      </c>
      <c r="AA8" s="277">
        <v>492</v>
      </c>
      <c r="AB8" s="279">
        <v>0</v>
      </c>
      <c r="AC8" s="280">
        <v>1372</v>
      </c>
      <c r="AD8" s="280">
        <v>1547</v>
      </c>
      <c r="AE8" s="280">
        <v>837</v>
      </c>
      <c r="AF8" s="280">
        <v>1204</v>
      </c>
      <c r="AG8" s="280">
        <v>976</v>
      </c>
      <c r="AH8" s="277">
        <v>5936</v>
      </c>
      <c r="AI8" s="282">
        <v>6428</v>
      </c>
      <c r="AJ8" s="276">
        <v>12</v>
      </c>
      <c r="AK8" s="280">
        <v>0</v>
      </c>
      <c r="AL8" s="277">
        <v>12</v>
      </c>
      <c r="AM8" s="279">
        <v>0</v>
      </c>
      <c r="AN8" s="280">
        <v>65</v>
      </c>
      <c r="AO8" s="280">
        <v>147</v>
      </c>
      <c r="AP8" s="280">
        <v>100</v>
      </c>
      <c r="AQ8" s="280">
        <v>133</v>
      </c>
      <c r="AR8" s="280">
        <v>40</v>
      </c>
      <c r="AS8" s="277">
        <v>485</v>
      </c>
      <c r="AT8" s="282">
        <v>497</v>
      </c>
      <c r="AU8" s="276">
        <v>0</v>
      </c>
      <c r="AV8" s="280">
        <v>0</v>
      </c>
      <c r="AW8" s="277">
        <v>0</v>
      </c>
      <c r="AX8" s="279">
        <v>0</v>
      </c>
      <c r="AY8" s="280">
        <v>1769</v>
      </c>
      <c r="AZ8" s="280">
        <v>1103</v>
      </c>
      <c r="BA8" s="280">
        <v>781</v>
      </c>
      <c r="BB8" s="280">
        <v>523</v>
      </c>
      <c r="BC8" s="280">
        <v>252</v>
      </c>
      <c r="BD8" s="281">
        <v>4428</v>
      </c>
      <c r="BE8" s="282">
        <v>4428</v>
      </c>
      <c r="BF8" s="276">
        <v>0</v>
      </c>
      <c r="BG8" s="280">
        <v>0</v>
      </c>
      <c r="BH8" s="277">
        <v>0</v>
      </c>
      <c r="BI8" s="279">
        <v>0</v>
      </c>
      <c r="BJ8" s="280">
        <v>291</v>
      </c>
      <c r="BK8" s="280">
        <v>406</v>
      </c>
      <c r="BL8" s="280">
        <v>290</v>
      </c>
      <c r="BM8" s="280">
        <v>147</v>
      </c>
      <c r="BN8" s="280">
        <v>66</v>
      </c>
      <c r="BO8" s="277">
        <v>1200</v>
      </c>
      <c r="BP8" s="282">
        <v>1200</v>
      </c>
      <c r="BQ8" s="276">
        <v>3</v>
      </c>
      <c r="BR8" s="280">
        <v>6</v>
      </c>
      <c r="BS8" s="277">
        <v>9</v>
      </c>
      <c r="BT8" s="279">
        <v>0</v>
      </c>
      <c r="BU8" s="280">
        <v>149</v>
      </c>
      <c r="BV8" s="280">
        <v>163</v>
      </c>
      <c r="BW8" s="280">
        <v>165</v>
      </c>
      <c r="BX8" s="280">
        <v>124</v>
      </c>
      <c r="BY8" s="280">
        <v>136</v>
      </c>
      <c r="BZ8" s="277">
        <v>737</v>
      </c>
      <c r="CA8" s="282">
        <v>746</v>
      </c>
      <c r="CB8" s="276">
        <v>0</v>
      </c>
      <c r="CC8" s="280">
        <v>0</v>
      </c>
      <c r="CD8" s="277">
        <v>0</v>
      </c>
      <c r="CE8" s="279">
        <v>0</v>
      </c>
      <c r="CF8" s="280">
        <v>20</v>
      </c>
      <c r="CG8" s="280">
        <v>16</v>
      </c>
      <c r="CH8" s="280">
        <v>36</v>
      </c>
      <c r="CI8" s="280">
        <v>116</v>
      </c>
      <c r="CJ8" s="280">
        <v>6</v>
      </c>
      <c r="CK8" s="277">
        <v>194</v>
      </c>
      <c r="CL8" s="282">
        <v>194</v>
      </c>
      <c r="CM8" s="276">
        <v>0</v>
      </c>
      <c r="CN8" s="280">
        <v>0</v>
      </c>
      <c r="CO8" s="277">
        <v>0</v>
      </c>
      <c r="CP8" s="279">
        <v>0</v>
      </c>
      <c r="CQ8" s="280">
        <v>0</v>
      </c>
      <c r="CR8" s="280">
        <v>0</v>
      </c>
      <c r="CS8" s="280">
        <v>0</v>
      </c>
      <c r="CT8" s="280">
        <v>0</v>
      </c>
      <c r="CU8" s="280">
        <v>0</v>
      </c>
      <c r="CV8" s="277">
        <v>0</v>
      </c>
      <c r="CW8" s="282">
        <v>0</v>
      </c>
      <c r="CX8" s="276">
        <v>0</v>
      </c>
      <c r="CY8" s="280">
        <v>0</v>
      </c>
      <c r="CZ8" s="277">
        <v>0</v>
      </c>
      <c r="DA8" s="279">
        <v>0</v>
      </c>
      <c r="DB8" s="280">
        <v>0</v>
      </c>
      <c r="DC8" s="280">
        <v>0</v>
      </c>
      <c r="DD8" s="280">
        <v>0</v>
      </c>
      <c r="DE8" s="280">
        <v>0</v>
      </c>
      <c r="DF8" s="280">
        <v>0</v>
      </c>
      <c r="DG8" s="277">
        <v>0</v>
      </c>
      <c r="DH8" s="282">
        <v>0</v>
      </c>
    </row>
    <row r="9" spans="2:112" ht="21" customHeight="1" x14ac:dyDescent="0.2">
      <c r="B9" s="261" t="s">
        <v>14</v>
      </c>
      <c r="C9" s="276">
        <v>0</v>
      </c>
      <c r="D9" s="280">
        <v>0</v>
      </c>
      <c r="E9" s="384">
        <v>0</v>
      </c>
      <c r="F9" s="279">
        <v>0</v>
      </c>
      <c r="G9" s="280">
        <v>943</v>
      </c>
      <c r="H9" s="280">
        <v>1530</v>
      </c>
      <c r="I9" s="280">
        <v>1770</v>
      </c>
      <c r="J9" s="280">
        <v>1184</v>
      </c>
      <c r="K9" s="280">
        <v>653</v>
      </c>
      <c r="L9" s="281">
        <v>6080</v>
      </c>
      <c r="M9" s="282">
        <v>6080</v>
      </c>
      <c r="N9" s="276">
        <v>0</v>
      </c>
      <c r="O9" s="280">
        <v>0</v>
      </c>
      <c r="P9" s="277">
        <v>0</v>
      </c>
      <c r="Q9" s="279">
        <v>0</v>
      </c>
      <c r="R9" s="280">
        <v>1</v>
      </c>
      <c r="S9" s="280">
        <v>0</v>
      </c>
      <c r="T9" s="280">
        <v>1</v>
      </c>
      <c r="U9" s="280">
        <v>16</v>
      </c>
      <c r="V9" s="280">
        <v>60</v>
      </c>
      <c r="W9" s="277">
        <v>78</v>
      </c>
      <c r="X9" s="282">
        <v>78</v>
      </c>
      <c r="Y9" s="276">
        <v>14</v>
      </c>
      <c r="Z9" s="280">
        <v>193</v>
      </c>
      <c r="AA9" s="277">
        <v>207</v>
      </c>
      <c r="AB9" s="279">
        <v>0</v>
      </c>
      <c r="AC9" s="280">
        <v>412</v>
      </c>
      <c r="AD9" s="280">
        <v>966</v>
      </c>
      <c r="AE9" s="280">
        <v>618</v>
      </c>
      <c r="AF9" s="280">
        <v>278</v>
      </c>
      <c r="AG9" s="280">
        <v>271</v>
      </c>
      <c r="AH9" s="277">
        <v>2545</v>
      </c>
      <c r="AI9" s="282">
        <v>2752</v>
      </c>
      <c r="AJ9" s="276">
        <v>0</v>
      </c>
      <c r="AK9" s="280">
        <v>32</v>
      </c>
      <c r="AL9" s="277">
        <v>32</v>
      </c>
      <c r="AM9" s="279">
        <v>0</v>
      </c>
      <c r="AN9" s="280">
        <v>16</v>
      </c>
      <c r="AO9" s="280">
        <v>19</v>
      </c>
      <c r="AP9" s="280">
        <v>30</v>
      </c>
      <c r="AQ9" s="280">
        <v>44</v>
      </c>
      <c r="AR9" s="280">
        <v>0</v>
      </c>
      <c r="AS9" s="277">
        <v>109</v>
      </c>
      <c r="AT9" s="282">
        <v>141</v>
      </c>
      <c r="AU9" s="276">
        <v>0</v>
      </c>
      <c r="AV9" s="280">
        <v>0</v>
      </c>
      <c r="AW9" s="277">
        <v>0</v>
      </c>
      <c r="AX9" s="279">
        <v>0</v>
      </c>
      <c r="AY9" s="280">
        <v>960</v>
      </c>
      <c r="AZ9" s="280">
        <v>1005</v>
      </c>
      <c r="BA9" s="280">
        <v>757</v>
      </c>
      <c r="BB9" s="280">
        <v>403</v>
      </c>
      <c r="BC9" s="280">
        <v>88</v>
      </c>
      <c r="BD9" s="281">
        <v>3213</v>
      </c>
      <c r="BE9" s="282">
        <v>3213</v>
      </c>
      <c r="BF9" s="276">
        <v>0</v>
      </c>
      <c r="BG9" s="280">
        <v>0</v>
      </c>
      <c r="BH9" s="277">
        <v>0</v>
      </c>
      <c r="BI9" s="279">
        <v>0</v>
      </c>
      <c r="BJ9" s="280">
        <v>92</v>
      </c>
      <c r="BK9" s="280">
        <v>228</v>
      </c>
      <c r="BL9" s="280">
        <v>133</v>
      </c>
      <c r="BM9" s="280">
        <v>105</v>
      </c>
      <c r="BN9" s="280">
        <v>0</v>
      </c>
      <c r="BO9" s="277">
        <v>558</v>
      </c>
      <c r="BP9" s="282">
        <v>558</v>
      </c>
      <c r="BQ9" s="276">
        <v>0</v>
      </c>
      <c r="BR9" s="280">
        <v>9</v>
      </c>
      <c r="BS9" s="277">
        <v>9</v>
      </c>
      <c r="BT9" s="279">
        <v>0</v>
      </c>
      <c r="BU9" s="280">
        <v>85</v>
      </c>
      <c r="BV9" s="280">
        <v>118</v>
      </c>
      <c r="BW9" s="280">
        <v>272</v>
      </c>
      <c r="BX9" s="280">
        <v>161</v>
      </c>
      <c r="BY9" s="280">
        <v>40</v>
      </c>
      <c r="BZ9" s="277">
        <v>676</v>
      </c>
      <c r="CA9" s="282">
        <v>685</v>
      </c>
      <c r="CB9" s="276">
        <v>0</v>
      </c>
      <c r="CC9" s="280">
        <v>0</v>
      </c>
      <c r="CD9" s="277">
        <v>0</v>
      </c>
      <c r="CE9" s="279">
        <v>0</v>
      </c>
      <c r="CF9" s="280">
        <v>0</v>
      </c>
      <c r="CG9" s="280">
        <v>15</v>
      </c>
      <c r="CH9" s="280">
        <v>5</v>
      </c>
      <c r="CI9" s="280">
        <v>0</v>
      </c>
      <c r="CJ9" s="280">
        <v>0</v>
      </c>
      <c r="CK9" s="277">
        <v>20</v>
      </c>
      <c r="CL9" s="282">
        <v>20</v>
      </c>
      <c r="CM9" s="276">
        <v>0</v>
      </c>
      <c r="CN9" s="280">
        <v>0</v>
      </c>
      <c r="CO9" s="277">
        <v>0</v>
      </c>
      <c r="CP9" s="279">
        <v>0</v>
      </c>
      <c r="CQ9" s="280">
        <v>0</v>
      </c>
      <c r="CR9" s="280">
        <v>0</v>
      </c>
      <c r="CS9" s="280">
        <v>0</v>
      </c>
      <c r="CT9" s="280">
        <v>0</v>
      </c>
      <c r="CU9" s="280">
        <v>0</v>
      </c>
      <c r="CV9" s="277">
        <v>0</v>
      </c>
      <c r="CW9" s="282">
        <v>0</v>
      </c>
      <c r="CX9" s="276">
        <v>0</v>
      </c>
      <c r="CY9" s="280">
        <v>0</v>
      </c>
      <c r="CZ9" s="277">
        <v>0</v>
      </c>
      <c r="DA9" s="279">
        <v>0</v>
      </c>
      <c r="DB9" s="280">
        <v>0</v>
      </c>
      <c r="DC9" s="280">
        <v>0</v>
      </c>
      <c r="DD9" s="280">
        <v>0</v>
      </c>
      <c r="DE9" s="280">
        <v>0</v>
      </c>
      <c r="DF9" s="280">
        <v>0</v>
      </c>
      <c r="DG9" s="277">
        <v>0</v>
      </c>
      <c r="DH9" s="282">
        <v>0</v>
      </c>
    </row>
    <row r="10" spans="2:112" ht="21" customHeight="1" x14ac:dyDescent="0.2">
      <c r="B10" s="261" t="s">
        <v>7</v>
      </c>
      <c r="C10" s="276">
        <v>0</v>
      </c>
      <c r="D10" s="280">
        <v>0</v>
      </c>
      <c r="E10" s="384">
        <v>0</v>
      </c>
      <c r="F10" s="279">
        <v>0</v>
      </c>
      <c r="G10" s="280">
        <v>1415</v>
      </c>
      <c r="H10" s="280">
        <v>1397</v>
      </c>
      <c r="I10" s="280">
        <v>1891</v>
      </c>
      <c r="J10" s="280">
        <v>1623</v>
      </c>
      <c r="K10" s="280">
        <v>1456</v>
      </c>
      <c r="L10" s="281">
        <v>7782</v>
      </c>
      <c r="M10" s="282">
        <v>7782</v>
      </c>
      <c r="N10" s="276">
        <v>0</v>
      </c>
      <c r="O10" s="280">
        <v>0</v>
      </c>
      <c r="P10" s="277">
        <v>0</v>
      </c>
      <c r="Q10" s="279">
        <v>0</v>
      </c>
      <c r="R10" s="280">
        <v>3</v>
      </c>
      <c r="S10" s="280">
        <v>27</v>
      </c>
      <c r="T10" s="280">
        <v>44</v>
      </c>
      <c r="U10" s="280">
        <v>82</v>
      </c>
      <c r="V10" s="280">
        <v>51</v>
      </c>
      <c r="W10" s="277">
        <v>207</v>
      </c>
      <c r="X10" s="282">
        <v>207</v>
      </c>
      <c r="Y10" s="276">
        <v>8</v>
      </c>
      <c r="Z10" s="280">
        <v>50</v>
      </c>
      <c r="AA10" s="277">
        <v>58</v>
      </c>
      <c r="AB10" s="279">
        <v>0</v>
      </c>
      <c r="AC10" s="280">
        <v>431</v>
      </c>
      <c r="AD10" s="280">
        <v>459</v>
      </c>
      <c r="AE10" s="280">
        <v>300</v>
      </c>
      <c r="AF10" s="280">
        <v>245</v>
      </c>
      <c r="AG10" s="280">
        <v>204</v>
      </c>
      <c r="AH10" s="277">
        <v>1639</v>
      </c>
      <c r="AI10" s="282">
        <v>1697</v>
      </c>
      <c r="AJ10" s="276">
        <v>0</v>
      </c>
      <c r="AK10" s="280">
        <v>0</v>
      </c>
      <c r="AL10" s="277">
        <v>0</v>
      </c>
      <c r="AM10" s="279">
        <v>0</v>
      </c>
      <c r="AN10" s="280">
        <v>92</v>
      </c>
      <c r="AO10" s="280">
        <v>76</v>
      </c>
      <c r="AP10" s="280">
        <v>130</v>
      </c>
      <c r="AQ10" s="280">
        <v>81</v>
      </c>
      <c r="AR10" s="280">
        <v>0</v>
      </c>
      <c r="AS10" s="277">
        <v>379</v>
      </c>
      <c r="AT10" s="282">
        <v>379</v>
      </c>
      <c r="AU10" s="276">
        <v>0</v>
      </c>
      <c r="AV10" s="280">
        <v>0</v>
      </c>
      <c r="AW10" s="277">
        <v>0</v>
      </c>
      <c r="AX10" s="279">
        <v>0</v>
      </c>
      <c r="AY10" s="280">
        <v>1223</v>
      </c>
      <c r="AZ10" s="280">
        <v>698</v>
      </c>
      <c r="BA10" s="280">
        <v>445</v>
      </c>
      <c r="BB10" s="280">
        <v>161</v>
      </c>
      <c r="BC10" s="280">
        <v>104</v>
      </c>
      <c r="BD10" s="281">
        <v>2631</v>
      </c>
      <c r="BE10" s="282">
        <v>2631</v>
      </c>
      <c r="BF10" s="276">
        <v>0</v>
      </c>
      <c r="BG10" s="280">
        <v>0</v>
      </c>
      <c r="BH10" s="277">
        <v>0</v>
      </c>
      <c r="BI10" s="279">
        <v>0</v>
      </c>
      <c r="BJ10" s="280">
        <v>165</v>
      </c>
      <c r="BK10" s="280">
        <v>160</v>
      </c>
      <c r="BL10" s="280">
        <v>108</v>
      </c>
      <c r="BM10" s="280">
        <v>17</v>
      </c>
      <c r="BN10" s="280">
        <v>0</v>
      </c>
      <c r="BO10" s="277">
        <v>450</v>
      </c>
      <c r="BP10" s="282">
        <v>450</v>
      </c>
      <c r="BQ10" s="276">
        <v>0</v>
      </c>
      <c r="BR10" s="280">
        <v>13</v>
      </c>
      <c r="BS10" s="277">
        <v>13</v>
      </c>
      <c r="BT10" s="279">
        <v>0</v>
      </c>
      <c r="BU10" s="280">
        <v>113</v>
      </c>
      <c r="BV10" s="280">
        <v>211</v>
      </c>
      <c r="BW10" s="280">
        <v>127</v>
      </c>
      <c r="BX10" s="280">
        <v>114</v>
      </c>
      <c r="BY10" s="280">
        <v>47</v>
      </c>
      <c r="BZ10" s="277">
        <v>612</v>
      </c>
      <c r="CA10" s="282">
        <v>625</v>
      </c>
      <c r="CB10" s="276">
        <v>0</v>
      </c>
      <c r="CC10" s="280">
        <v>0</v>
      </c>
      <c r="CD10" s="277">
        <v>0</v>
      </c>
      <c r="CE10" s="279">
        <v>0</v>
      </c>
      <c r="CF10" s="280">
        <v>0</v>
      </c>
      <c r="CG10" s="280">
        <v>24</v>
      </c>
      <c r="CH10" s="280">
        <v>30</v>
      </c>
      <c r="CI10" s="280">
        <v>0</v>
      </c>
      <c r="CJ10" s="280">
        <v>0</v>
      </c>
      <c r="CK10" s="277">
        <v>54</v>
      </c>
      <c r="CL10" s="282">
        <v>54</v>
      </c>
      <c r="CM10" s="276">
        <v>0</v>
      </c>
      <c r="CN10" s="280">
        <v>0</v>
      </c>
      <c r="CO10" s="277">
        <v>0</v>
      </c>
      <c r="CP10" s="279">
        <v>0</v>
      </c>
      <c r="CQ10" s="280">
        <v>0</v>
      </c>
      <c r="CR10" s="280">
        <v>0</v>
      </c>
      <c r="CS10" s="280">
        <v>0</v>
      </c>
      <c r="CT10" s="280">
        <v>0</v>
      </c>
      <c r="CU10" s="280">
        <v>0</v>
      </c>
      <c r="CV10" s="277">
        <v>0</v>
      </c>
      <c r="CW10" s="282">
        <v>0</v>
      </c>
      <c r="CX10" s="276">
        <v>0</v>
      </c>
      <c r="CY10" s="280">
        <v>0</v>
      </c>
      <c r="CZ10" s="277">
        <v>0</v>
      </c>
      <c r="DA10" s="279">
        <v>0</v>
      </c>
      <c r="DB10" s="280">
        <v>0</v>
      </c>
      <c r="DC10" s="280">
        <v>0</v>
      </c>
      <c r="DD10" s="280">
        <v>0</v>
      </c>
      <c r="DE10" s="280">
        <v>0</v>
      </c>
      <c r="DF10" s="280">
        <v>0</v>
      </c>
      <c r="DG10" s="277">
        <v>0</v>
      </c>
      <c r="DH10" s="282">
        <v>0</v>
      </c>
    </row>
    <row r="11" spans="2:112" ht="21" customHeight="1" x14ac:dyDescent="0.2">
      <c r="B11" s="261" t="s">
        <v>8</v>
      </c>
      <c r="C11" s="276">
        <v>0</v>
      </c>
      <c r="D11" s="280">
        <v>0</v>
      </c>
      <c r="E11" s="384">
        <v>0</v>
      </c>
      <c r="F11" s="279">
        <v>0</v>
      </c>
      <c r="G11" s="280">
        <v>327</v>
      </c>
      <c r="H11" s="280">
        <v>588</v>
      </c>
      <c r="I11" s="280">
        <v>598</v>
      </c>
      <c r="J11" s="280">
        <v>475</v>
      </c>
      <c r="K11" s="280">
        <v>291</v>
      </c>
      <c r="L11" s="281">
        <v>2279</v>
      </c>
      <c r="M11" s="282">
        <v>2279</v>
      </c>
      <c r="N11" s="276">
        <v>0</v>
      </c>
      <c r="O11" s="280">
        <v>0</v>
      </c>
      <c r="P11" s="277">
        <v>0</v>
      </c>
      <c r="Q11" s="279">
        <v>0</v>
      </c>
      <c r="R11" s="280">
        <v>0</v>
      </c>
      <c r="S11" s="280">
        <v>0</v>
      </c>
      <c r="T11" s="280">
        <v>10</v>
      </c>
      <c r="U11" s="280">
        <v>9</v>
      </c>
      <c r="V11" s="280">
        <v>26</v>
      </c>
      <c r="W11" s="277">
        <v>45</v>
      </c>
      <c r="X11" s="282">
        <v>45</v>
      </c>
      <c r="Y11" s="276">
        <v>15</v>
      </c>
      <c r="Z11" s="280">
        <v>26</v>
      </c>
      <c r="AA11" s="277">
        <v>41</v>
      </c>
      <c r="AB11" s="279">
        <v>0</v>
      </c>
      <c r="AC11" s="280">
        <v>145</v>
      </c>
      <c r="AD11" s="280">
        <v>145</v>
      </c>
      <c r="AE11" s="280">
        <v>178</v>
      </c>
      <c r="AF11" s="280">
        <v>150</v>
      </c>
      <c r="AG11" s="280">
        <v>67</v>
      </c>
      <c r="AH11" s="277">
        <v>685</v>
      </c>
      <c r="AI11" s="282">
        <v>726</v>
      </c>
      <c r="AJ11" s="276">
        <v>0</v>
      </c>
      <c r="AK11" s="280">
        <v>6</v>
      </c>
      <c r="AL11" s="277">
        <v>6</v>
      </c>
      <c r="AM11" s="279">
        <v>0</v>
      </c>
      <c r="AN11" s="280">
        <v>20</v>
      </c>
      <c r="AO11" s="280">
        <v>20</v>
      </c>
      <c r="AP11" s="280">
        <v>35</v>
      </c>
      <c r="AQ11" s="280">
        <v>24</v>
      </c>
      <c r="AR11" s="280">
        <v>0</v>
      </c>
      <c r="AS11" s="277">
        <v>99</v>
      </c>
      <c r="AT11" s="282">
        <v>105</v>
      </c>
      <c r="AU11" s="276">
        <v>0</v>
      </c>
      <c r="AV11" s="280">
        <v>0</v>
      </c>
      <c r="AW11" s="277">
        <v>0</v>
      </c>
      <c r="AX11" s="279">
        <v>0</v>
      </c>
      <c r="AY11" s="280">
        <v>243</v>
      </c>
      <c r="AZ11" s="280">
        <v>316</v>
      </c>
      <c r="BA11" s="280">
        <v>280</v>
      </c>
      <c r="BB11" s="280">
        <v>137</v>
      </c>
      <c r="BC11" s="280">
        <v>49</v>
      </c>
      <c r="BD11" s="281">
        <v>1025</v>
      </c>
      <c r="BE11" s="282">
        <v>1025</v>
      </c>
      <c r="BF11" s="276">
        <v>0</v>
      </c>
      <c r="BG11" s="280">
        <v>0</v>
      </c>
      <c r="BH11" s="277">
        <v>0</v>
      </c>
      <c r="BI11" s="279">
        <v>0</v>
      </c>
      <c r="BJ11" s="280">
        <v>58</v>
      </c>
      <c r="BK11" s="280">
        <v>67</v>
      </c>
      <c r="BL11" s="280">
        <v>30</v>
      </c>
      <c r="BM11" s="280">
        <v>23</v>
      </c>
      <c r="BN11" s="280">
        <v>2</v>
      </c>
      <c r="BO11" s="277">
        <v>180</v>
      </c>
      <c r="BP11" s="282">
        <v>180</v>
      </c>
      <c r="BQ11" s="276">
        <v>7</v>
      </c>
      <c r="BR11" s="280">
        <v>0</v>
      </c>
      <c r="BS11" s="277">
        <v>7</v>
      </c>
      <c r="BT11" s="279">
        <v>0</v>
      </c>
      <c r="BU11" s="280">
        <v>15</v>
      </c>
      <c r="BV11" s="280">
        <v>27</v>
      </c>
      <c r="BW11" s="280">
        <v>139</v>
      </c>
      <c r="BX11" s="280">
        <v>16</v>
      </c>
      <c r="BY11" s="280">
        <v>21</v>
      </c>
      <c r="BZ11" s="277">
        <v>218</v>
      </c>
      <c r="CA11" s="282">
        <v>225</v>
      </c>
      <c r="CB11" s="276">
        <v>0</v>
      </c>
      <c r="CC11" s="280">
        <v>0</v>
      </c>
      <c r="CD11" s="277">
        <v>0</v>
      </c>
      <c r="CE11" s="279">
        <v>0</v>
      </c>
      <c r="CF11" s="280">
        <v>0</v>
      </c>
      <c r="CG11" s="280">
        <v>0</v>
      </c>
      <c r="CH11" s="280">
        <v>5</v>
      </c>
      <c r="CI11" s="280">
        <v>0</v>
      </c>
      <c r="CJ11" s="280">
        <v>0</v>
      </c>
      <c r="CK11" s="277">
        <v>5</v>
      </c>
      <c r="CL11" s="282">
        <v>5</v>
      </c>
      <c r="CM11" s="276">
        <v>0</v>
      </c>
      <c r="CN11" s="280">
        <v>0</v>
      </c>
      <c r="CO11" s="277">
        <v>0</v>
      </c>
      <c r="CP11" s="279">
        <v>0</v>
      </c>
      <c r="CQ11" s="280">
        <v>0</v>
      </c>
      <c r="CR11" s="280">
        <v>0</v>
      </c>
      <c r="CS11" s="280">
        <v>0</v>
      </c>
      <c r="CT11" s="280">
        <v>0</v>
      </c>
      <c r="CU11" s="280">
        <v>0</v>
      </c>
      <c r="CV11" s="277">
        <v>0</v>
      </c>
      <c r="CW11" s="282">
        <v>0</v>
      </c>
      <c r="CX11" s="276">
        <v>0</v>
      </c>
      <c r="CY11" s="280">
        <v>0</v>
      </c>
      <c r="CZ11" s="277">
        <v>0</v>
      </c>
      <c r="DA11" s="279">
        <v>0</v>
      </c>
      <c r="DB11" s="280">
        <v>0</v>
      </c>
      <c r="DC11" s="280">
        <v>0</v>
      </c>
      <c r="DD11" s="280">
        <v>0</v>
      </c>
      <c r="DE11" s="280">
        <v>0</v>
      </c>
      <c r="DF11" s="280">
        <v>0</v>
      </c>
      <c r="DG11" s="277">
        <v>0</v>
      </c>
      <c r="DH11" s="282">
        <v>0</v>
      </c>
    </row>
    <row r="12" spans="2:112" ht="21" customHeight="1" x14ac:dyDescent="0.2">
      <c r="B12" s="261" t="s">
        <v>9</v>
      </c>
      <c r="C12" s="276">
        <v>0</v>
      </c>
      <c r="D12" s="280">
        <v>0</v>
      </c>
      <c r="E12" s="384">
        <v>0</v>
      </c>
      <c r="F12" s="279">
        <v>0</v>
      </c>
      <c r="G12" s="280">
        <v>557</v>
      </c>
      <c r="H12" s="280">
        <v>687</v>
      </c>
      <c r="I12" s="280">
        <v>1341</v>
      </c>
      <c r="J12" s="280">
        <v>1005</v>
      </c>
      <c r="K12" s="280">
        <v>1064</v>
      </c>
      <c r="L12" s="281">
        <v>4654</v>
      </c>
      <c r="M12" s="282">
        <v>4654</v>
      </c>
      <c r="N12" s="276">
        <v>0</v>
      </c>
      <c r="O12" s="280">
        <v>0</v>
      </c>
      <c r="P12" s="277">
        <v>0</v>
      </c>
      <c r="Q12" s="279">
        <v>0</v>
      </c>
      <c r="R12" s="280">
        <v>1</v>
      </c>
      <c r="S12" s="280">
        <v>0</v>
      </c>
      <c r="T12" s="280">
        <v>9</v>
      </c>
      <c r="U12" s="280">
        <v>26</v>
      </c>
      <c r="V12" s="280">
        <v>34</v>
      </c>
      <c r="W12" s="277">
        <v>70</v>
      </c>
      <c r="X12" s="282">
        <v>70</v>
      </c>
      <c r="Y12" s="276">
        <v>18</v>
      </c>
      <c r="Z12" s="280">
        <v>65</v>
      </c>
      <c r="AA12" s="277">
        <v>83</v>
      </c>
      <c r="AB12" s="279">
        <v>0</v>
      </c>
      <c r="AC12" s="280">
        <v>443</v>
      </c>
      <c r="AD12" s="280">
        <v>317</v>
      </c>
      <c r="AE12" s="280">
        <v>306</v>
      </c>
      <c r="AF12" s="280">
        <v>206</v>
      </c>
      <c r="AG12" s="280">
        <v>212</v>
      </c>
      <c r="AH12" s="277">
        <v>1484</v>
      </c>
      <c r="AI12" s="282">
        <v>1567</v>
      </c>
      <c r="AJ12" s="276">
        <v>0</v>
      </c>
      <c r="AK12" s="280">
        <v>0</v>
      </c>
      <c r="AL12" s="277">
        <v>0</v>
      </c>
      <c r="AM12" s="279">
        <v>0</v>
      </c>
      <c r="AN12" s="280">
        <v>0</v>
      </c>
      <c r="AO12" s="280">
        <v>56</v>
      </c>
      <c r="AP12" s="280">
        <v>53</v>
      </c>
      <c r="AQ12" s="280">
        <v>92</v>
      </c>
      <c r="AR12" s="280">
        <v>18</v>
      </c>
      <c r="AS12" s="277">
        <v>219</v>
      </c>
      <c r="AT12" s="282">
        <v>219</v>
      </c>
      <c r="AU12" s="276">
        <v>0</v>
      </c>
      <c r="AV12" s="280">
        <v>0</v>
      </c>
      <c r="AW12" s="277">
        <v>0</v>
      </c>
      <c r="AX12" s="279">
        <v>0</v>
      </c>
      <c r="AY12" s="280">
        <v>262</v>
      </c>
      <c r="AZ12" s="280">
        <v>290</v>
      </c>
      <c r="BA12" s="280">
        <v>282</v>
      </c>
      <c r="BB12" s="280">
        <v>118</v>
      </c>
      <c r="BC12" s="280">
        <v>42</v>
      </c>
      <c r="BD12" s="281">
        <v>994</v>
      </c>
      <c r="BE12" s="282">
        <v>994</v>
      </c>
      <c r="BF12" s="276">
        <v>0</v>
      </c>
      <c r="BG12" s="280">
        <v>0</v>
      </c>
      <c r="BH12" s="277">
        <v>0</v>
      </c>
      <c r="BI12" s="279">
        <v>0</v>
      </c>
      <c r="BJ12" s="280">
        <v>147</v>
      </c>
      <c r="BK12" s="280">
        <v>97</v>
      </c>
      <c r="BL12" s="280">
        <v>78</v>
      </c>
      <c r="BM12" s="280">
        <v>55</v>
      </c>
      <c r="BN12" s="280">
        <v>12</v>
      </c>
      <c r="BO12" s="277">
        <v>389</v>
      </c>
      <c r="BP12" s="282">
        <v>389</v>
      </c>
      <c r="BQ12" s="276">
        <v>0</v>
      </c>
      <c r="BR12" s="280">
        <v>0</v>
      </c>
      <c r="BS12" s="277">
        <v>0</v>
      </c>
      <c r="BT12" s="279">
        <v>0</v>
      </c>
      <c r="BU12" s="280">
        <v>45</v>
      </c>
      <c r="BV12" s="280">
        <v>40</v>
      </c>
      <c r="BW12" s="280">
        <v>44</v>
      </c>
      <c r="BX12" s="280">
        <v>93</v>
      </c>
      <c r="BY12" s="280">
        <v>10</v>
      </c>
      <c r="BZ12" s="277">
        <v>232</v>
      </c>
      <c r="CA12" s="282">
        <v>232</v>
      </c>
      <c r="CB12" s="276">
        <v>0</v>
      </c>
      <c r="CC12" s="280">
        <v>0</v>
      </c>
      <c r="CD12" s="277">
        <v>0</v>
      </c>
      <c r="CE12" s="279">
        <v>0</v>
      </c>
      <c r="CF12" s="280">
        <v>0</v>
      </c>
      <c r="CG12" s="280">
        <v>6</v>
      </c>
      <c r="CH12" s="280">
        <v>2</v>
      </c>
      <c r="CI12" s="280">
        <v>8</v>
      </c>
      <c r="CJ12" s="280">
        <v>0</v>
      </c>
      <c r="CK12" s="277">
        <v>16</v>
      </c>
      <c r="CL12" s="282">
        <v>16</v>
      </c>
      <c r="CM12" s="276">
        <v>0</v>
      </c>
      <c r="CN12" s="280">
        <v>0</v>
      </c>
      <c r="CO12" s="277">
        <v>0</v>
      </c>
      <c r="CP12" s="279">
        <v>0</v>
      </c>
      <c r="CQ12" s="280">
        <v>0</v>
      </c>
      <c r="CR12" s="280">
        <v>0</v>
      </c>
      <c r="CS12" s="280">
        <v>0</v>
      </c>
      <c r="CT12" s="280">
        <v>0</v>
      </c>
      <c r="CU12" s="280">
        <v>0</v>
      </c>
      <c r="CV12" s="277">
        <v>0</v>
      </c>
      <c r="CW12" s="282">
        <v>0</v>
      </c>
      <c r="CX12" s="276">
        <v>0</v>
      </c>
      <c r="CY12" s="280">
        <v>0</v>
      </c>
      <c r="CZ12" s="277">
        <v>0</v>
      </c>
      <c r="DA12" s="279">
        <v>0</v>
      </c>
      <c r="DB12" s="280">
        <v>0</v>
      </c>
      <c r="DC12" s="280">
        <v>0</v>
      </c>
      <c r="DD12" s="280">
        <v>0</v>
      </c>
      <c r="DE12" s="280">
        <v>0</v>
      </c>
      <c r="DF12" s="280">
        <v>0</v>
      </c>
      <c r="DG12" s="277">
        <v>0</v>
      </c>
      <c r="DH12" s="282">
        <v>0</v>
      </c>
    </row>
    <row r="13" spans="2:112" ht="21" customHeight="1" x14ac:dyDescent="0.2">
      <c r="B13" s="261" t="s">
        <v>10</v>
      </c>
      <c r="C13" s="276">
        <v>0</v>
      </c>
      <c r="D13" s="280">
        <v>0</v>
      </c>
      <c r="E13" s="384">
        <v>0</v>
      </c>
      <c r="F13" s="279">
        <v>0</v>
      </c>
      <c r="G13" s="280">
        <v>1249</v>
      </c>
      <c r="H13" s="280">
        <v>1210</v>
      </c>
      <c r="I13" s="280">
        <v>868</v>
      </c>
      <c r="J13" s="280">
        <v>1469</v>
      </c>
      <c r="K13" s="280">
        <v>793</v>
      </c>
      <c r="L13" s="281">
        <v>5589</v>
      </c>
      <c r="M13" s="282">
        <v>5589</v>
      </c>
      <c r="N13" s="276">
        <v>0</v>
      </c>
      <c r="O13" s="280">
        <v>0</v>
      </c>
      <c r="P13" s="277">
        <v>0</v>
      </c>
      <c r="Q13" s="279">
        <v>0</v>
      </c>
      <c r="R13" s="280">
        <v>5</v>
      </c>
      <c r="S13" s="280">
        <v>2</v>
      </c>
      <c r="T13" s="280">
        <v>5</v>
      </c>
      <c r="U13" s="280">
        <v>51</v>
      </c>
      <c r="V13" s="280">
        <v>55</v>
      </c>
      <c r="W13" s="277">
        <v>118</v>
      </c>
      <c r="X13" s="282">
        <v>118</v>
      </c>
      <c r="Y13" s="276">
        <v>79</v>
      </c>
      <c r="Z13" s="280">
        <v>102</v>
      </c>
      <c r="AA13" s="277">
        <v>181</v>
      </c>
      <c r="AB13" s="279">
        <v>0</v>
      </c>
      <c r="AC13" s="280">
        <v>707</v>
      </c>
      <c r="AD13" s="280">
        <v>358</v>
      </c>
      <c r="AE13" s="280">
        <v>319</v>
      </c>
      <c r="AF13" s="280">
        <v>294</v>
      </c>
      <c r="AG13" s="280">
        <v>137</v>
      </c>
      <c r="AH13" s="277">
        <v>1815</v>
      </c>
      <c r="AI13" s="282">
        <v>1996</v>
      </c>
      <c r="AJ13" s="276">
        <v>10</v>
      </c>
      <c r="AK13" s="280">
        <v>49</v>
      </c>
      <c r="AL13" s="277">
        <v>59</v>
      </c>
      <c r="AM13" s="279">
        <v>0</v>
      </c>
      <c r="AN13" s="280">
        <v>95</v>
      </c>
      <c r="AO13" s="280">
        <v>80</v>
      </c>
      <c r="AP13" s="280">
        <v>26</v>
      </c>
      <c r="AQ13" s="280">
        <v>55</v>
      </c>
      <c r="AR13" s="280">
        <v>65</v>
      </c>
      <c r="AS13" s="277">
        <v>321</v>
      </c>
      <c r="AT13" s="282">
        <v>380</v>
      </c>
      <c r="AU13" s="276">
        <v>0</v>
      </c>
      <c r="AV13" s="280">
        <v>0</v>
      </c>
      <c r="AW13" s="277">
        <v>0</v>
      </c>
      <c r="AX13" s="279">
        <v>0</v>
      </c>
      <c r="AY13" s="280">
        <v>913</v>
      </c>
      <c r="AZ13" s="280">
        <v>647</v>
      </c>
      <c r="BA13" s="280">
        <v>356</v>
      </c>
      <c r="BB13" s="280">
        <v>158</v>
      </c>
      <c r="BC13" s="280">
        <v>61</v>
      </c>
      <c r="BD13" s="281">
        <v>2135</v>
      </c>
      <c r="BE13" s="282">
        <v>2135</v>
      </c>
      <c r="BF13" s="276">
        <v>0</v>
      </c>
      <c r="BG13" s="280">
        <v>0</v>
      </c>
      <c r="BH13" s="277">
        <v>0</v>
      </c>
      <c r="BI13" s="279">
        <v>0</v>
      </c>
      <c r="BJ13" s="280">
        <v>154</v>
      </c>
      <c r="BK13" s="280">
        <v>82</v>
      </c>
      <c r="BL13" s="280">
        <v>55</v>
      </c>
      <c r="BM13" s="280">
        <v>28</v>
      </c>
      <c r="BN13" s="280">
        <v>13</v>
      </c>
      <c r="BO13" s="277">
        <v>332</v>
      </c>
      <c r="BP13" s="282">
        <v>332</v>
      </c>
      <c r="BQ13" s="276">
        <v>0</v>
      </c>
      <c r="BR13" s="280">
        <v>0</v>
      </c>
      <c r="BS13" s="277">
        <v>0</v>
      </c>
      <c r="BT13" s="279">
        <v>0</v>
      </c>
      <c r="BU13" s="280">
        <v>56</v>
      </c>
      <c r="BV13" s="280">
        <v>70</v>
      </c>
      <c r="BW13" s="280">
        <v>198</v>
      </c>
      <c r="BX13" s="280">
        <v>178</v>
      </c>
      <c r="BY13" s="280">
        <v>6</v>
      </c>
      <c r="BZ13" s="277">
        <v>508</v>
      </c>
      <c r="CA13" s="282">
        <v>508</v>
      </c>
      <c r="CB13" s="276">
        <v>0</v>
      </c>
      <c r="CC13" s="280">
        <v>0</v>
      </c>
      <c r="CD13" s="277">
        <v>0</v>
      </c>
      <c r="CE13" s="279">
        <v>0</v>
      </c>
      <c r="CF13" s="280">
        <v>0</v>
      </c>
      <c r="CG13" s="280">
        <v>10</v>
      </c>
      <c r="CH13" s="280">
        <v>10</v>
      </c>
      <c r="CI13" s="280">
        <v>8</v>
      </c>
      <c r="CJ13" s="280">
        <v>0</v>
      </c>
      <c r="CK13" s="277">
        <v>28</v>
      </c>
      <c r="CL13" s="282">
        <v>28</v>
      </c>
      <c r="CM13" s="276">
        <v>0</v>
      </c>
      <c r="CN13" s="280">
        <v>0</v>
      </c>
      <c r="CO13" s="277">
        <v>0</v>
      </c>
      <c r="CP13" s="279">
        <v>0</v>
      </c>
      <c r="CQ13" s="280">
        <v>0</v>
      </c>
      <c r="CR13" s="280">
        <v>0</v>
      </c>
      <c r="CS13" s="280">
        <v>0</v>
      </c>
      <c r="CT13" s="280">
        <v>0</v>
      </c>
      <c r="CU13" s="280">
        <v>0</v>
      </c>
      <c r="CV13" s="277">
        <v>0</v>
      </c>
      <c r="CW13" s="282">
        <v>0</v>
      </c>
      <c r="CX13" s="276">
        <v>0</v>
      </c>
      <c r="CY13" s="280">
        <v>0</v>
      </c>
      <c r="CZ13" s="277">
        <v>0</v>
      </c>
      <c r="DA13" s="279">
        <v>0</v>
      </c>
      <c r="DB13" s="280">
        <v>0</v>
      </c>
      <c r="DC13" s="280">
        <v>0</v>
      </c>
      <c r="DD13" s="280">
        <v>0</v>
      </c>
      <c r="DE13" s="280">
        <v>0</v>
      </c>
      <c r="DF13" s="280">
        <v>0</v>
      </c>
      <c r="DG13" s="277">
        <v>0</v>
      </c>
      <c r="DH13" s="282">
        <v>0</v>
      </c>
    </row>
    <row r="14" spans="2:112" ht="21" customHeight="1" x14ac:dyDescent="0.2">
      <c r="B14" s="261" t="s">
        <v>11</v>
      </c>
      <c r="C14" s="276">
        <v>0</v>
      </c>
      <c r="D14" s="280">
        <v>0</v>
      </c>
      <c r="E14" s="384">
        <v>0</v>
      </c>
      <c r="F14" s="279">
        <v>0</v>
      </c>
      <c r="G14" s="280">
        <v>117</v>
      </c>
      <c r="H14" s="280">
        <v>222</v>
      </c>
      <c r="I14" s="280">
        <v>449</v>
      </c>
      <c r="J14" s="280">
        <v>380</v>
      </c>
      <c r="K14" s="280">
        <v>491</v>
      </c>
      <c r="L14" s="281">
        <v>1659</v>
      </c>
      <c r="M14" s="282">
        <v>1659</v>
      </c>
      <c r="N14" s="276">
        <v>0</v>
      </c>
      <c r="O14" s="280">
        <v>0</v>
      </c>
      <c r="P14" s="277">
        <v>0</v>
      </c>
      <c r="Q14" s="279">
        <v>0</v>
      </c>
      <c r="R14" s="280">
        <v>0</v>
      </c>
      <c r="S14" s="280">
        <v>6</v>
      </c>
      <c r="T14" s="280">
        <v>8</v>
      </c>
      <c r="U14" s="280">
        <v>19</v>
      </c>
      <c r="V14" s="280">
        <v>36</v>
      </c>
      <c r="W14" s="277">
        <v>69</v>
      </c>
      <c r="X14" s="282">
        <v>69</v>
      </c>
      <c r="Y14" s="276">
        <v>20</v>
      </c>
      <c r="Z14" s="280">
        <v>42</v>
      </c>
      <c r="AA14" s="277">
        <v>62</v>
      </c>
      <c r="AB14" s="279">
        <v>0</v>
      </c>
      <c r="AC14" s="280">
        <v>220</v>
      </c>
      <c r="AD14" s="280">
        <v>186</v>
      </c>
      <c r="AE14" s="280">
        <v>65</v>
      </c>
      <c r="AF14" s="280">
        <v>159</v>
      </c>
      <c r="AG14" s="280">
        <v>113</v>
      </c>
      <c r="AH14" s="277">
        <v>743</v>
      </c>
      <c r="AI14" s="282">
        <v>805</v>
      </c>
      <c r="AJ14" s="276">
        <v>0</v>
      </c>
      <c r="AK14" s="280">
        <v>20</v>
      </c>
      <c r="AL14" s="277">
        <v>20</v>
      </c>
      <c r="AM14" s="279">
        <v>0</v>
      </c>
      <c r="AN14" s="280">
        <v>27</v>
      </c>
      <c r="AO14" s="280">
        <v>16</v>
      </c>
      <c r="AP14" s="280">
        <v>0</v>
      </c>
      <c r="AQ14" s="280">
        <v>70</v>
      </c>
      <c r="AR14" s="280">
        <v>0</v>
      </c>
      <c r="AS14" s="277">
        <v>113</v>
      </c>
      <c r="AT14" s="282">
        <v>133</v>
      </c>
      <c r="AU14" s="276">
        <v>0</v>
      </c>
      <c r="AV14" s="280">
        <v>0</v>
      </c>
      <c r="AW14" s="277">
        <v>0</v>
      </c>
      <c r="AX14" s="279">
        <v>0</v>
      </c>
      <c r="AY14" s="280">
        <v>288</v>
      </c>
      <c r="AZ14" s="280">
        <v>182</v>
      </c>
      <c r="BA14" s="280">
        <v>231</v>
      </c>
      <c r="BB14" s="280">
        <v>105</v>
      </c>
      <c r="BC14" s="280">
        <v>13</v>
      </c>
      <c r="BD14" s="281">
        <v>819</v>
      </c>
      <c r="BE14" s="282">
        <v>819</v>
      </c>
      <c r="BF14" s="276">
        <v>0</v>
      </c>
      <c r="BG14" s="280">
        <v>0</v>
      </c>
      <c r="BH14" s="277">
        <v>0</v>
      </c>
      <c r="BI14" s="279">
        <v>0</v>
      </c>
      <c r="BJ14" s="280">
        <v>146</v>
      </c>
      <c r="BK14" s="280">
        <v>63</v>
      </c>
      <c r="BL14" s="280">
        <v>27</v>
      </c>
      <c r="BM14" s="280">
        <v>64</v>
      </c>
      <c r="BN14" s="280">
        <v>4</v>
      </c>
      <c r="BO14" s="277">
        <v>304</v>
      </c>
      <c r="BP14" s="282">
        <v>304</v>
      </c>
      <c r="BQ14" s="276">
        <v>0</v>
      </c>
      <c r="BR14" s="280">
        <v>0</v>
      </c>
      <c r="BS14" s="277">
        <v>0</v>
      </c>
      <c r="BT14" s="279">
        <v>0</v>
      </c>
      <c r="BU14" s="280">
        <v>50</v>
      </c>
      <c r="BV14" s="280">
        <v>46</v>
      </c>
      <c r="BW14" s="280">
        <v>47</v>
      </c>
      <c r="BX14" s="280">
        <v>40</v>
      </c>
      <c r="BY14" s="280">
        <v>0</v>
      </c>
      <c r="BZ14" s="277">
        <v>183</v>
      </c>
      <c r="CA14" s="282">
        <v>183</v>
      </c>
      <c r="CB14" s="276">
        <v>0</v>
      </c>
      <c r="CC14" s="280">
        <v>0</v>
      </c>
      <c r="CD14" s="277">
        <v>0</v>
      </c>
      <c r="CE14" s="279">
        <v>0</v>
      </c>
      <c r="CF14" s="280">
        <v>0</v>
      </c>
      <c r="CG14" s="280">
        <v>10</v>
      </c>
      <c r="CH14" s="280">
        <v>0</v>
      </c>
      <c r="CI14" s="280">
        <v>0</v>
      </c>
      <c r="CJ14" s="280">
        <v>0</v>
      </c>
      <c r="CK14" s="277">
        <v>10</v>
      </c>
      <c r="CL14" s="282">
        <v>10</v>
      </c>
      <c r="CM14" s="276">
        <v>0</v>
      </c>
      <c r="CN14" s="280">
        <v>0</v>
      </c>
      <c r="CO14" s="277">
        <v>0</v>
      </c>
      <c r="CP14" s="279">
        <v>0</v>
      </c>
      <c r="CQ14" s="280">
        <v>0</v>
      </c>
      <c r="CR14" s="280">
        <v>0</v>
      </c>
      <c r="CS14" s="280">
        <v>0</v>
      </c>
      <c r="CT14" s="280">
        <v>0</v>
      </c>
      <c r="CU14" s="280">
        <v>0</v>
      </c>
      <c r="CV14" s="277">
        <v>0</v>
      </c>
      <c r="CW14" s="282">
        <v>0</v>
      </c>
      <c r="CX14" s="276">
        <v>0</v>
      </c>
      <c r="CY14" s="280">
        <v>0</v>
      </c>
      <c r="CZ14" s="277">
        <v>0</v>
      </c>
      <c r="DA14" s="279">
        <v>0</v>
      </c>
      <c r="DB14" s="280">
        <v>0</v>
      </c>
      <c r="DC14" s="280">
        <v>0</v>
      </c>
      <c r="DD14" s="280">
        <v>0</v>
      </c>
      <c r="DE14" s="280">
        <v>0</v>
      </c>
      <c r="DF14" s="280">
        <v>0</v>
      </c>
      <c r="DG14" s="277">
        <v>0</v>
      </c>
      <c r="DH14" s="282">
        <v>0</v>
      </c>
    </row>
    <row r="15" spans="2:112" ht="21" customHeight="1" x14ac:dyDescent="0.2">
      <c r="B15" s="261" t="s">
        <v>12</v>
      </c>
      <c r="C15" s="276">
        <v>0</v>
      </c>
      <c r="D15" s="280">
        <v>0</v>
      </c>
      <c r="E15" s="384">
        <v>0</v>
      </c>
      <c r="F15" s="279">
        <v>0</v>
      </c>
      <c r="G15" s="280">
        <v>565</v>
      </c>
      <c r="H15" s="280">
        <v>425</v>
      </c>
      <c r="I15" s="280">
        <v>576</v>
      </c>
      <c r="J15" s="280">
        <v>1767</v>
      </c>
      <c r="K15" s="280">
        <v>804</v>
      </c>
      <c r="L15" s="281">
        <v>4137</v>
      </c>
      <c r="M15" s="282">
        <v>4137</v>
      </c>
      <c r="N15" s="276">
        <v>0</v>
      </c>
      <c r="O15" s="280">
        <v>0</v>
      </c>
      <c r="P15" s="277">
        <v>0</v>
      </c>
      <c r="Q15" s="279">
        <v>0</v>
      </c>
      <c r="R15" s="280">
        <v>0</v>
      </c>
      <c r="S15" s="280">
        <v>4</v>
      </c>
      <c r="T15" s="280">
        <v>8</v>
      </c>
      <c r="U15" s="280">
        <v>13</v>
      </c>
      <c r="V15" s="280">
        <v>10</v>
      </c>
      <c r="W15" s="277">
        <v>35</v>
      </c>
      <c r="X15" s="282">
        <v>35</v>
      </c>
      <c r="Y15" s="276">
        <v>71</v>
      </c>
      <c r="Z15" s="280">
        <v>98</v>
      </c>
      <c r="AA15" s="277">
        <v>169</v>
      </c>
      <c r="AB15" s="279">
        <v>0</v>
      </c>
      <c r="AC15" s="280">
        <v>172</v>
      </c>
      <c r="AD15" s="280">
        <v>219</v>
      </c>
      <c r="AE15" s="280">
        <v>202</v>
      </c>
      <c r="AF15" s="280">
        <v>89</v>
      </c>
      <c r="AG15" s="280">
        <v>52</v>
      </c>
      <c r="AH15" s="277">
        <v>734</v>
      </c>
      <c r="AI15" s="282">
        <v>903</v>
      </c>
      <c r="AJ15" s="276">
        <v>4</v>
      </c>
      <c r="AK15" s="280">
        <v>0</v>
      </c>
      <c r="AL15" s="277">
        <v>4</v>
      </c>
      <c r="AM15" s="279">
        <v>0</v>
      </c>
      <c r="AN15" s="280">
        <v>4</v>
      </c>
      <c r="AO15" s="280">
        <v>46</v>
      </c>
      <c r="AP15" s="280">
        <v>27</v>
      </c>
      <c r="AQ15" s="280">
        <v>18</v>
      </c>
      <c r="AR15" s="280">
        <v>4</v>
      </c>
      <c r="AS15" s="277">
        <v>99</v>
      </c>
      <c r="AT15" s="282">
        <v>103</v>
      </c>
      <c r="AU15" s="276">
        <v>0</v>
      </c>
      <c r="AV15" s="280">
        <v>0</v>
      </c>
      <c r="AW15" s="277">
        <v>0</v>
      </c>
      <c r="AX15" s="279">
        <v>0</v>
      </c>
      <c r="AY15" s="280">
        <v>413</v>
      </c>
      <c r="AZ15" s="280">
        <v>208</v>
      </c>
      <c r="BA15" s="280">
        <v>198</v>
      </c>
      <c r="BB15" s="280">
        <v>105</v>
      </c>
      <c r="BC15" s="280">
        <v>27</v>
      </c>
      <c r="BD15" s="281">
        <v>951</v>
      </c>
      <c r="BE15" s="282">
        <v>951</v>
      </c>
      <c r="BF15" s="276">
        <v>0</v>
      </c>
      <c r="BG15" s="280">
        <v>0</v>
      </c>
      <c r="BH15" s="277">
        <v>0</v>
      </c>
      <c r="BI15" s="279">
        <v>0</v>
      </c>
      <c r="BJ15" s="280">
        <v>39</v>
      </c>
      <c r="BK15" s="280">
        <v>114</v>
      </c>
      <c r="BL15" s="280">
        <v>62</v>
      </c>
      <c r="BM15" s="280">
        <v>46</v>
      </c>
      <c r="BN15" s="280">
        <v>20</v>
      </c>
      <c r="BO15" s="277">
        <v>281</v>
      </c>
      <c r="BP15" s="282">
        <v>281</v>
      </c>
      <c r="BQ15" s="276">
        <v>8</v>
      </c>
      <c r="BR15" s="280">
        <v>9</v>
      </c>
      <c r="BS15" s="277">
        <v>17</v>
      </c>
      <c r="BT15" s="279">
        <v>0</v>
      </c>
      <c r="BU15" s="280">
        <v>55</v>
      </c>
      <c r="BV15" s="280">
        <v>81</v>
      </c>
      <c r="BW15" s="280">
        <v>33</v>
      </c>
      <c r="BX15" s="280">
        <v>112</v>
      </c>
      <c r="BY15" s="280">
        <v>53</v>
      </c>
      <c r="BZ15" s="277">
        <v>334</v>
      </c>
      <c r="CA15" s="282">
        <v>351</v>
      </c>
      <c r="CB15" s="276">
        <v>0</v>
      </c>
      <c r="CC15" s="280">
        <v>0</v>
      </c>
      <c r="CD15" s="277">
        <v>0</v>
      </c>
      <c r="CE15" s="279">
        <v>0</v>
      </c>
      <c r="CF15" s="280">
        <v>0</v>
      </c>
      <c r="CG15" s="280">
        <v>7</v>
      </c>
      <c r="CH15" s="280">
        <v>9</v>
      </c>
      <c r="CI15" s="280">
        <v>0</v>
      </c>
      <c r="CJ15" s="280">
        <v>0</v>
      </c>
      <c r="CK15" s="277">
        <v>16</v>
      </c>
      <c r="CL15" s="282">
        <v>16</v>
      </c>
      <c r="CM15" s="276">
        <v>0</v>
      </c>
      <c r="CN15" s="280">
        <v>0</v>
      </c>
      <c r="CO15" s="277">
        <v>0</v>
      </c>
      <c r="CP15" s="279">
        <v>0</v>
      </c>
      <c r="CQ15" s="280">
        <v>0</v>
      </c>
      <c r="CR15" s="280">
        <v>0</v>
      </c>
      <c r="CS15" s="280">
        <v>0</v>
      </c>
      <c r="CT15" s="280">
        <v>0</v>
      </c>
      <c r="CU15" s="280">
        <v>0</v>
      </c>
      <c r="CV15" s="277">
        <v>0</v>
      </c>
      <c r="CW15" s="282">
        <v>0</v>
      </c>
      <c r="CX15" s="276">
        <v>0</v>
      </c>
      <c r="CY15" s="280">
        <v>0</v>
      </c>
      <c r="CZ15" s="277">
        <v>0</v>
      </c>
      <c r="DA15" s="279">
        <v>0</v>
      </c>
      <c r="DB15" s="280">
        <v>0</v>
      </c>
      <c r="DC15" s="280">
        <v>0</v>
      </c>
      <c r="DD15" s="280">
        <v>0</v>
      </c>
      <c r="DE15" s="280">
        <v>0</v>
      </c>
      <c r="DF15" s="280">
        <v>0</v>
      </c>
      <c r="DG15" s="277">
        <v>0</v>
      </c>
      <c r="DH15" s="282">
        <v>0</v>
      </c>
    </row>
    <row r="16" spans="2:112" ht="21" customHeight="1" x14ac:dyDescent="0.2">
      <c r="B16" s="261" t="s">
        <v>13</v>
      </c>
      <c r="C16" s="276">
        <v>0</v>
      </c>
      <c r="D16" s="280">
        <v>0</v>
      </c>
      <c r="E16" s="384">
        <v>0</v>
      </c>
      <c r="F16" s="279">
        <v>0</v>
      </c>
      <c r="G16" s="280">
        <v>152</v>
      </c>
      <c r="H16" s="280">
        <v>389</v>
      </c>
      <c r="I16" s="280">
        <v>240</v>
      </c>
      <c r="J16" s="280">
        <v>495</v>
      </c>
      <c r="K16" s="280">
        <v>369</v>
      </c>
      <c r="L16" s="281">
        <v>1645</v>
      </c>
      <c r="M16" s="282">
        <v>1645</v>
      </c>
      <c r="N16" s="276">
        <v>0</v>
      </c>
      <c r="O16" s="280">
        <v>0</v>
      </c>
      <c r="P16" s="277">
        <v>0</v>
      </c>
      <c r="Q16" s="279">
        <v>0</v>
      </c>
      <c r="R16" s="280">
        <v>0</v>
      </c>
      <c r="S16" s="280">
        <v>0</v>
      </c>
      <c r="T16" s="280">
        <v>4</v>
      </c>
      <c r="U16" s="280">
        <v>1</v>
      </c>
      <c r="V16" s="280">
        <v>43</v>
      </c>
      <c r="W16" s="277">
        <v>48</v>
      </c>
      <c r="X16" s="282">
        <v>48</v>
      </c>
      <c r="Y16" s="276">
        <v>0</v>
      </c>
      <c r="Z16" s="280">
        <v>7</v>
      </c>
      <c r="AA16" s="277">
        <v>7</v>
      </c>
      <c r="AB16" s="279">
        <v>0</v>
      </c>
      <c r="AC16" s="280">
        <v>106</v>
      </c>
      <c r="AD16" s="280">
        <v>117</v>
      </c>
      <c r="AE16" s="280">
        <v>110</v>
      </c>
      <c r="AF16" s="280">
        <v>104</v>
      </c>
      <c r="AG16" s="280">
        <v>98</v>
      </c>
      <c r="AH16" s="277">
        <v>535</v>
      </c>
      <c r="AI16" s="282">
        <v>542</v>
      </c>
      <c r="AJ16" s="276">
        <v>12</v>
      </c>
      <c r="AK16" s="280">
        <v>2</v>
      </c>
      <c r="AL16" s="277">
        <v>14</v>
      </c>
      <c r="AM16" s="279">
        <v>0</v>
      </c>
      <c r="AN16" s="280">
        <v>28</v>
      </c>
      <c r="AO16" s="280">
        <v>0</v>
      </c>
      <c r="AP16" s="280">
        <v>0</v>
      </c>
      <c r="AQ16" s="280">
        <v>7</v>
      </c>
      <c r="AR16" s="280">
        <v>6</v>
      </c>
      <c r="AS16" s="277">
        <v>41</v>
      </c>
      <c r="AT16" s="282">
        <v>55</v>
      </c>
      <c r="AU16" s="276">
        <v>0</v>
      </c>
      <c r="AV16" s="280">
        <v>0</v>
      </c>
      <c r="AW16" s="277">
        <v>0</v>
      </c>
      <c r="AX16" s="279">
        <v>0</v>
      </c>
      <c r="AY16" s="280">
        <v>98</v>
      </c>
      <c r="AZ16" s="280">
        <v>140</v>
      </c>
      <c r="BA16" s="280">
        <v>78</v>
      </c>
      <c r="BB16" s="280">
        <v>54</v>
      </c>
      <c r="BC16" s="280">
        <v>41</v>
      </c>
      <c r="BD16" s="281">
        <v>411</v>
      </c>
      <c r="BE16" s="282">
        <v>411</v>
      </c>
      <c r="BF16" s="276">
        <v>0</v>
      </c>
      <c r="BG16" s="280">
        <v>0</v>
      </c>
      <c r="BH16" s="277">
        <v>0</v>
      </c>
      <c r="BI16" s="279">
        <v>0</v>
      </c>
      <c r="BJ16" s="280">
        <v>13</v>
      </c>
      <c r="BK16" s="280">
        <v>37</v>
      </c>
      <c r="BL16" s="280">
        <v>8</v>
      </c>
      <c r="BM16" s="280">
        <v>24</v>
      </c>
      <c r="BN16" s="280">
        <v>8</v>
      </c>
      <c r="BO16" s="277">
        <v>90</v>
      </c>
      <c r="BP16" s="282">
        <v>90</v>
      </c>
      <c r="BQ16" s="276">
        <v>0</v>
      </c>
      <c r="BR16" s="280">
        <v>0</v>
      </c>
      <c r="BS16" s="277">
        <v>0</v>
      </c>
      <c r="BT16" s="279">
        <v>0</v>
      </c>
      <c r="BU16" s="280">
        <v>0</v>
      </c>
      <c r="BV16" s="280">
        <v>26</v>
      </c>
      <c r="BW16" s="280">
        <v>27</v>
      </c>
      <c r="BX16" s="280">
        <v>93</v>
      </c>
      <c r="BY16" s="280">
        <v>10</v>
      </c>
      <c r="BZ16" s="277">
        <v>156</v>
      </c>
      <c r="CA16" s="282">
        <v>156</v>
      </c>
      <c r="CB16" s="276">
        <v>0</v>
      </c>
      <c r="CC16" s="280">
        <v>0</v>
      </c>
      <c r="CD16" s="277">
        <v>0</v>
      </c>
      <c r="CE16" s="279">
        <v>0</v>
      </c>
      <c r="CF16" s="280">
        <v>0</v>
      </c>
      <c r="CG16" s="280">
        <v>0</v>
      </c>
      <c r="CH16" s="280">
        <v>3</v>
      </c>
      <c r="CI16" s="280">
        <v>0</v>
      </c>
      <c r="CJ16" s="280">
        <v>0</v>
      </c>
      <c r="CK16" s="277">
        <v>3</v>
      </c>
      <c r="CL16" s="282">
        <v>3</v>
      </c>
      <c r="CM16" s="276">
        <v>0</v>
      </c>
      <c r="CN16" s="280">
        <v>0</v>
      </c>
      <c r="CO16" s="277">
        <v>0</v>
      </c>
      <c r="CP16" s="279">
        <v>0</v>
      </c>
      <c r="CQ16" s="280">
        <v>0</v>
      </c>
      <c r="CR16" s="280">
        <v>0</v>
      </c>
      <c r="CS16" s="280">
        <v>0</v>
      </c>
      <c r="CT16" s="280">
        <v>0</v>
      </c>
      <c r="CU16" s="280">
        <v>0</v>
      </c>
      <c r="CV16" s="277">
        <v>0</v>
      </c>
      <c r="CW16" s="282">
        <v>0</v>
      </c>
      <c r="CX16" s="276">
        <v>0</v>
      </c>
      <c r="CY16" s="280">
        <v>0</v>
      </c>
      <c r="CZ16" s="277">
        <v>0</v>
      </c>
      <c r="DA16" s="279">
        <v>0</v>
      </c>
      <c r="DB16" s="280">
        <v>0</v>
      </c>
      <c r="DC16" s="280">
        <v>0</v>
      </c>
      <c r="DD16" s="280">
        <v>0</v>
      </c>
      <c r="DE16" s="280">
        <v>0</v>
      </c>
      <c r="DF16" s="280">
        <v>0</v>
      </c>
      <c r="DG16" s="277">
        <v>0</v>
      </c>
      <c r="DH16" s="282">
        <v>0</v>
      </c>
    </row>
    <row r="17" spans="2:112" ht="21" customHeight="1" x14ac:dyDescent="0.2">
      <c r="B17" s="261" t="s">
        <v>15</v>
      </c>
      <c r="C17" s="276">
        <v>0</v>
      </c>
      <c r="D17" s="280">
        <v>0</v>
      </c>
      <c r="E17" s="384">
        <v>0</v>
      </c>
      <c r="F17" s="279">
        <v>0</v>
      </c>
      <c r="G17" s="280">
        <v>63</v>
      </c>
      <c r="H17" s="280">
        <v>87</v>
      </c>
      <c r="I17" s="280">
        <v>122</v>
      </c>
      <c r="J17" s="280">
        <v>195</v>
      </c>
      <c r="K17" s="280">
        <v>106</v>
      </c>
      <c r="L17" s="281">
        <v>573</v>
      </c>
      <c r="M17" s="282">
        <v>573</v>
      </c>
      <c r="N17" s="276">
        <v>0</v>
      </c>
      <c r="O17" s="280">
        <v>0</v>
      </c>
      <c r="P17" s="277">
        <v>0</v>
      </c>
      <c r="Q17" s="279">
        <v>0</v>
      </c>
      <c r="R17" s="280">
        <v>0</v>
      </c>
      <c r="S17" s="280">
        <v>0</v>
      </c>
      <c r="T17" s="280">
        <v>0</v>
      </c>
      <c r="U17" s="280">
        <v>5</v>
      </c>
      <c r="V17" s="280">
        <v>0</v>
      </c>
      <c r="W17" s="277">
        <v>5</v>
      </c>
      <c r="X17" s="282">
        <v>5</v>
      </c>
      <c r="Y17" s="276">
        <v>0</v>
      </c>
      <c r="Z17" s="280">
        <v>6</v>
      </c>
      <c r="AA17" s="277">
        <v>6</v>
      </c>
      <c r="AB17" s="279">
        <v>0</v>
      </c>
      <c r="AC17" s="280">
        <v>18</v>
      </c>
      <c r="AD17" s="280">
        <v>29</v>
      </c>
      <c r="AE17" s="280">
        <v>13</v>
      </c>
      <c r="AF17" s="280">
        <v>19</v>
      </c>
      <c r="AG17" s="280">
        <v>0</v>
      </c>
      <c r="AH17" s="277">
        <v>79</v>
      </c>
      <c r="AI17" s="282">
        <v>85</v>
      </c>
      <c r="AJ17" s="276">
        <v>0</v>
      </c>
      <c r="AK17" s="280">
        <v>0</v>
      </c>
      <c r="AL17" s="277">
        <v>0</v>
      </c>
      <c r="AM17" s="279">
        <v>0</v>
      </c>
      <c r="AN17" s="280">
        <v>6</v>
      </c>
      <c r="AO17" s="280">
        <v>30</v>
      </c>
      <c r="AP17" s="280">
        <v>0</v>
      </c>
      <c r="AQ17" s="280">
        <v>0</v>
      </c>
      <c r="AR17" s="280">
        <v>0</v>
      </c>
      <c r="AS17" s="277">
        <v>36</v>
      </c>
      <c r="AT17" s="282">
        <v>36</v>
      </c>
      <c r="AU17" s="276">
        <v>0</v>
      </c>
      <c r="AV17" s="280">
        <v>0</v>
      </c>
      <c r="AW17" s="277">
        <v>0</v>
      </c>
      <c r="AX17" s="279">
        <v>0</v>
      </c>
      <c r="AY17" s="280">
        <v>29</v>
      </c>
      <c r="AZ17" s="280">
        <v>17</v>
      </c>
      <c r="BA17" s="280">
        <v>39</v>
      </c>
      <c r="BB17" s="280">
        <v>0</v>
      </c>
      <c r="BC17" s="280">
        <v>0</v>
      </c>
      <c r="BD17" s="281">
        <v>85</v>
      </c>
      <c r="BE17" s="282">
        <v>85</v>
      </c>
      <c r="BF17" s="276">
        <v>0</v>
      </c>
      <c r="BG17" s="280">
        <v>0</v>
      </c>
      <c r="BH17" s="277">
        <v>0</v>
      </c>
      <c r="BI17" s="279">
        <v>0</v>
      </c>
      <c r="BJ17" s="280">
        <v>0</v>
      </c>
      <c r="BK17" s="280">
        <v>18</v>
      </c>
      <c r="BL17" s="280">
        <v>32</v>
      </c>
      <c r="BM17" s="280">
        <v>0</v>
      </c>
      <c r="BN17" s="280">
        <v>0</v>
      </c>
      <c r="BO17" s="277">
        <v>50</v>
      </c>
      <c r="BP17" s="282">
        <v>50</v>
      </c>
      <c r="BQ17" s="276">
        <v>0</v>
      </c>
      <c r="BR17" s="280">
        <v>0</v>
      </c>
      <c r="BS17" s="277">
        <v>0</v>
      </c>
      <c r="BT17" s="279">
        <v>0</v>
      </c>
      <c r="BU17" s="280">
        <v>12</v>
      </c>
      <c r="BV17" s="280">
        <v>7</v>
      </c>
      <c r="BW17" s="280">
        <v>30</v>
      </c>
      <c r="BX17" s="280">
        <v>84</v>
      </c>
      <c r="BY17" s="280">
        <v>0</v>
      </c>
      <c r="BZ17" s="277">
        <v>133</v>
      </c>
      <c r="CA17" s="282">
        <v>133</v>
      </c>
      <c r="CB17" s="276">
        <v>0</v>
      </c>
      <c r="CC17" s="280">
        <v>0</v>
      </c>
      <c r="CD17" s="277">
        <v>0</v>
      </c>
      <c r="CE17" s="279">
        <v>0</v>
      </c>
      <c r="CF17" s="280">
        <v>0</v>
      </c>
      <c r="CG17" s="280">
        <v>0</v>
      </c>
      <c r="CH17" s="280">
        <v>0</v>
      </c>
      <c r="CI17" s="280">
        <v>0</v>
      </c>
      <c r="CJ17" s="280">
        <v>0</v>
      </c>
      <c r="CK17" s="277">
        <v>0</v>
      </c>
      <c r="CL17" s="282">
        <v>0</v>
      </c>
      <c r="CM17" s="276">
        <v>0</v>
      </c>
      <c r="CN17" s="280">
        <v>0</v>
      </c>
      <c r="CO17" s="277">
        <v>0</v>
      </c>
      <c r="CP17" s="279">
        <v>0</v>
      </c>
      <c r="CQ17" s="280">
        <v>0</v>
      </c>
      <c r="CR17" s="280">
        <v>0</v>
      </c>
      <c r="CS17" s="280">
        <v>0</v>
      </c>
      <c r="CT17" s="280">
        <v>0</v>
      </c>
      <c r="CU17" s="280">
        <v>0</v>
      </c>
      <c r="CV17" s="277">
        <v>0</v>
      </c>
      <c r="CW17" s="282">
        <v>0</v>
      </c>
      <c r="CX17" s="276">
        <v>0</v>
      </c>
      <c r="CY17" s="280">
        <v>0</v>
      </c>
      <c r="CZ17" s="277">
        <v>0</v>
      </c>
      <c r="DA17" s="279">
        <v>0</v>
      </c>
      <c r="DB17" s="280">
        <v>0</v>
      </c>
      <c r="DC17" s="280">
        <v>0</v>
      </c>
      <c r="DD17" s="280">
        <v>0</v>
      </c>
      <c r="DE17" s="280">
        <v>0</v>
      </c>
      <c r="DF17" s="280">
        <v>0</v>
      </c>
      <c r="DG17" s="277">
        <v>0</v>
      </c>
      <c r="DH17" s="282">
        <v>0</v>
      </c>
    </row>
    <row r="18" spans="2:112" ht="21" customHeight="1" x14ac:dyDescent="0.2">
      <c r="B18" s="261" t="s">
        <v>16</v>
      </c>
      <c r="C18" s="276">
        <v>0</v>
      </c>
      <c r="D18" s="280">
        <v>0</v>
      </c>
      <c r="E18" s="384">
        <v>0</v>
      </c>
      <c r="F18" s="279">
        <v>0</v>
      </c>
      <c r="G18" s="280">
        <v>141</v>
      </c>
      <c r="H18" s="280">
        <v>81</v>
      </c>
      <c r="I18" s="280">
        <v>80</v>
      </c>
      <c r="J18" s="280">
        <v>53</v>
      </c>
      <c r="K18" s="280">
        <v>85</v>
      </c>
      <c r="L18" s="281">
        <v>440</v>
      </c>
      <c r="M18" s="282">
        <v>440</v>
      </c>
      <c r="N18" s="276">
        <v>0</v>
      </c>
      <c r="O18" s="280">
        <v>0</v>
      </c>
      <c r="P18" s="277">
        <v>0</v>
      </c>
      <c r="Q18" s="279">
        <v>0</v>
      </c>
      <c r="R18" s="280">
        <v>0</v>
      </c>
      <c r="S18" s="280">
        <v>14</v>
      </c>
      <c r="T18" s="280">
        <v>0</v>
      </c>
      <c r="U18" s="280">
        <v>6</v>
      </c>
      <c r="V18" s="280">
        <v>8</v>
      </c>
      <c r="W18" s="277">
        <v>28</v>
      </c>
      <c r="X18" s="282">
        <v>28</v>
      </c>
      <c r="Y18" s="276">
        <v>8</v>
      </c>
      <c r="Z18" s="280">
        <v>21</v>
      </c>
      <c r="AA18" s="277">
        <v>29</v>
      </c>
      <c r="AB18" s="279">
        <v>0</v>
      </c>
      <c r="AC18" s="280">
        <v>126</v>
      </c>
      <c r="AD18" s="280">
        <v>120</v>
      </c>
      <c r="AE18" s="280">
        <v>72</v>
      </c>
      <c r="AF18" s="280">
        <v>107</v>
      </c>
      <c r="AG18" s="280">
        <v>33</v>
      </c>
      <c r="AH18" s="277">
        <v>458</v>
      </c>
      <c r="AI18" s="282">
        <v>487</v>
      </c>
      <c r="AJ18" s="276">
        <v>0</v>
      </c>
      <c r="AK18" s="280">
        <v>0</v>
      </c>
      <c r="AL18" s="277">
        <v>0</v>
      </c>
      <c r="AM18" s="279">
        <v>0</v>
      </c>
      <c r="AN18" s="280">
        <v>0</v>
      </c>
      <c r="AO18" s="280">
        <v>41</v>
      </c>
      <c r="AP18" s="280">
        <v>6</v>
      </c>
      <c r="AQ18" s="280">
        <v>0</v>
      </c>
      <c r="AR18" s="280">
        <v>0</v>
      </c>
      <c r="AS18" s="277">
        <v>47</v>
      </c>
      <c r="AT18" s="282">
        <v>47</v>
      </c>
      <c r="AU18" s="276">
        <v>0</v>
      </c>
      <c r="AV18" s="280">
        <v>0</v>
      </c>
      <c r="AW18" s="277">
        <v>0</v>
      </c>
      <c r="AX18" s="279">
        <v>0</v>
      </c>
      <c r="AY18" s="280">
        <v>170</v>
      </c>
      <c r="AZ18" s="280">
        <v>193</v>
      </c>
      <c r="BA18" s="280">
        <v>79</v>
      </c>
      <c r="BB18" s="280">
        <v>154</v>
      </c>
      <c r="BC18" s="280">
        <v>0</v>
      </c>
      <c r="BD18" s="281">
        <v>596</v>
      </c>
      <c r="BE18" s="282">
        <v>596</v>
      </c>
      <c r="BF18" s="276">
        <v>0</v>
      </c>
      <c r="BG18" s="280">
        <v>0</v>
      </c>
      <c r="BH18" s="277">
        <v>0</v>
      </c>
      <c r="BI18" s="279">
        <v>0</v>
      </c>
      <c r="BJ18" s="280">
        <v>108</v>
      </c>
      <c r="BK18" s="280">
        <v>231</v>
      </c>
      <c r="BL18" s="280">
        <v>23</v>
      </c>
      <c r="BM18" s="280">
        <v>30</v>
      </c>
      <c r="BN18" s="280">
        <v>0</v>
      </c>
      <c r="BO18" s="277">
        <v>392</v>
      </c>
      <c r="BP18" s="282">
        <v>392</v>
      </c>
      <c r="BQ18" s="276">
        <v>0</v>
      </c>
      <c r="BR18" s="280">
        <v>0</v>
      </c>
      <c r="BS18" s="277">
        <v>0</v>
      </c>
      <c r="BT18" s="279">
        <v>0</v>
      </c>
      <c r="BU18" s="280">
        <v>8</v>
      </c>
      <c r="BV18" s="280">
        <v>32</v>
      </c>
      <c r="BW18" s="280">
        <v>29</v>
      </c>
      <c r="BX18" s="280">
        <v>4</v>
      </c>
      <c r="BY18" s="280">
        <v>3</v>
      </c>
      <c r="BZ18" s="277">
        <v>76</v>
      </c>
      <c r="CA18" s="282">
        <v>76</v>
      </c>
      <c r="CB18" s="276">
        <v>0</v>
      </c>
      <c r="CC18" s="280">
        <v>0</v>
      </c>
      <c r="CD18" s="277">
        <v>0</v>
      </c>
      <c r="CE18" s="279">
        <v>0</v>
      </c>
      <c r="CF18" s="280">
        <v>0</v>
      </c>
      <c r="CG18" s="280">
        <v>13</v>
      </c>
      <c r="CH18" s="280">
        <v>0</v>
      </c>
      <c r="CI18" s="280">
        <v>6</v>
      </c>
      <c r="CJ18" s="280">
        <v>0</v>
      </c>
      <c r="CK18" s="277">
        <v>19</v>
      </c>
      <c r="CL18" s="282">
        <v>19</v>
      </c>
      <c r="CM18" s="276">
        <v>0</v>
      </c>
      <c r="CN18" s="280">
        <v>0</v>
      </c>
      <c r="CO18" s="277">
        <v>0</v>
      </c>
      <c r="CP18" s="279">
        <v>0</v>
      </c>
      <c r="CQ18" s="280">
        <v>0</v>
      </c>
      <c r="CR18" s="280">
        <v>0</v>
      </c>
      <c r="CS18" s="280">
        <v>0</v>
      </c>
      <c r="CT18" s="280">
        <v>0</v>
      </c>
      <c r="CU18" s="280">
        <v>0</v>
      </c>
      <c r="CV18" s="277">
        <v>0</v>
      </c>
      <c r="CW18" s="282">
        <v>0</v>
      </c>
      <c r="CX18" s="276">
        <v>0</v>
      </c>
      <c r="CY18" s="280">
        <v>0</v>
      </c>
      <c r="CZ18" s="277">
        <v>0</v>
      </c>
      <c r="DA18" s="279">
        <v>0</v>
      </c>
      <c r="DB18" s="280">
        <v>0</v>
      </c>
      <c r="DC18" s="280">
        <v>0</v>
      </c>
      <c r="DD18" s="280">
        <v>0</v>
      </c>
      <c r="DE18" s="280">
        <v>0</v>
      </c>
      <c r="DF18" s="280">
        <v>0</v>
      </c>
      <c r="DG18" s="277">
        <v>0</v>
      </c>
      <c r="DH18" s="282">
        <v>0</v>
      </c>
    </row>
    <row r="19" spans="2:112" ht="21" customHeight="1" x14ac:dyDescent="0.2">
      <c r="B19" s="261" t="s">
        <v>17</v>
      </c>
      <c r="C19" s="276">
        <v>0</v>
      </c>
      <c r="D19" s="280">
        <v>0</v>
      </c>
      <c r="E19" s="384">
        <v>0</v>
      </c>
      <c r="F19" s="279">
        <v>0</v>
      </c>
      <c r="G19" s="280">
        <v>68</v>
      </c>
      <c r="H19" s="280">
        <v>307</v>
      </c>
      <c r="I19" s="280">
        <v>408</v>
      </c>
      <c r="J19" s="280">
        <v>53</v>
      </c>
      <c r="K19" s="280">
        <v>610</v>
      </c>
      <c r="L19" s="281">
        <v>1446</v>
      </c>
      <c r="M19" s="282">
        <v>1446</v>
      </c>
      <c r="N19" s="276">
        <v>0</v>
      </c>
      <c r="O19" s="280">
        <v>0</v>
      </c>
      <c r="P19" s="277">
        <v>0</v>
      </c>
      <c r="Q19" s="279">
        <v>0</v>
      </c>
      <c r="R19" s="280">
        <v>0</v>
      </c>
      <c r="S19" s="280">
        <v>2</v>
      </c>
      <c r="T19" s="280">
        <v>0</v>
      </c>
      <c r="U19" s="280">
        <v>0</v>
      </c>
      <c r="V19" s="280">
        <v>26</v>
      </c>
      <c r="W19" s="277">
        <v>28</v>
      </c>
      <c r="X19" s="282">
        <v>28</v>
      </c>
      <c r="Y19" s="276">
        <v>14</v>
      </c>
      <c r="Z19" s="280">
        <v>23</v>
      </c>
      <c r="AA19" s="277">
        <v>37</v>
      </c>
      <c r="AB19" s="279">
        <v>0</v>
      </c>
      <c r="AC19" s="280">
        <v>78</v>
      </c>
      <c r="AD19" s="280">
        <v>99</v>
      </c>
      <c r="AE19" s="280">
        <v>40</v>
      </c>
      <c r="AF19" s="280">
        <v>23</v>
      </c>
      <c r="AG19" s="280">
        <v>117</v>
      </c>
      <c r="AH19" s="277">
        <v>357</v>
      </c>
      <c r="AI19" s="282">
        <v>394</v>
      </c>
      <c r="AJ19" s="276">
        <v>0</v>
      </c>
      <c r="AK19" s="280">
        <v>52</v>
      </c>
      <c r="AL19" s="277">
        <v>52</v>
      </c>
      <c r="AM19" s="279">
        <v>0</v>
      </c>
      <c r="AN19" s="280">
        <v>0</v>
      </c>
      <c r="AO19" s="280">
        <v>40</v>
      </c>
      <c r="AP19" s="280">
        <v>0</v>
      </c>
      <c r="AQ19" s="280">
        <v>9</v>
      </c>
      <c r="AR19" s="280">
        <v>0</v>
      </c>
      <c r="AS19" s="277">
        <v>49</v>
      </c>
      <c r="AT19" s="282">
        <v>101</v>
      </c>
      <c r="AU19" s="276">
        <v>0</v>
      </c>
      <c r="AV19" s="280">
        <v>0</v>
      </c>
      <c r="AW19" s="277">
        <v>0</v>
      </c>
      <c r="AX19" s="279">
        <v>0</v>
      </c>
      <c r="AY19" s="280">
        <v>214</v>
      </c>
      <c r="AZ19" s="280">
        <v>213</v>
      </c>
      <c r="BA19" s="280">
        <v>59</v>
      </c>
      <c r="BB19" s="280">
        <v>103</v>
      </c>
      <c r="BC19" s="280">
        <v>28</v>
      </c>
      <c r="BD19" s="281">
        <v>617</v>
      </c>
      <c r="BE19" s="282">
        <v>617</v>
      </c>
      <c r="BF19" s="276">
        <v>0</v>
      </c>
      <c r="BG19" s="280">
        <v>0</v>
      </c>
      <c r="BH19" s="277">
        <v>0</v>
      </c>
      <c r="BI19" s="279">
        <v>0</v>
      </c>
      <c r="BJ19" s="280">
        <v>18</v>
      </c>
      <c r="BK19" s="280">
        <v>111</v>
      </c>
      <c r="BL19" s="280">
        <v>17</v>
      </c>
      <c r="BM19" s="280">
        <v>12</v>
      </c>
      <c r="BN19" s="280">
        <v>8</v>
      </c>
      <c r="BO19" s="277">
        <v>166</v>
      </c>
      <c r="BP19" s="282">
        <v>166</v>
      </c>
      <c r="BQ19" s="276">
        <v>0</v>
      </c>
      <c r="BR19" s="280">
        <v>0</v>
      </c>
      <c r="BS19" s="277">
        <v>0</v>
      </c>
      <c r="BT19" s="279">
        <v>0</v>
      </c>
      <c r="BU19" s="280">
        <v>47</v>
      </c>
      <c r="BV19" s="280">
        <v>21</v>
      </c>
      <c r="BW19" s="280">
        <v>23</v>
      </c>
      <c r="BX19" s="280">
        <v>148</v>
      </c>
      <c r="BY19" s="280">
        <v>22</v>
      </c>
      <c r="BZ19" s="277">
        <v>261</v>
      </c>
      <c r="CA19" s="282">
        <v>261</v>
      </c>
      <c r="CB19" s="276">
        <v>0</v>
      </c>
      <c r="CC19" s="280">
        <v>0</v>
      </c>
      <c r="CD19" s="277">
        <v>0</v>
      </c>
      <c r="CE19" s="279">
        <v>0</v>
      </c>
      <c r="CF19" s="280">
        <v>3</v>
      </c>
      <c r="CG19" s="280">
        <v>12</v>
      </c>
      <c r="CH19" s="280">
        <v>6</v>
      </c>
      <c r="CI19" s="280">
        <v>0</v>
      </c>
      <c r="CJ19" s="280">
        <v>0</v>
      </c>
      <c r="CK19" s="277">
        <v>21</v>
      </c>
      <c r="CL19" s="282">
        <v>21</v>
      </c>
      <c r="CM19" s="276">
        <v>0</v>
      </c>
      <c r="CN19" s="280">
        <v>0</v>
      </c>
      <c r="CO19" s="277">
        <v>0</v>
      </c>
      <c r="CP19" s="279">
        <v>0</v>
      </c>
      <c r="CQ19" s="280">
        <v>0</v>
      </c>
      <c r="CR19" s="280">
        <v>0</v>
      </c>
      <c r="CS19" s="280">
        <v>0</v>
      </c>
      <c r="CT19" s="280">
        <v>0</v>
      </c>
      <c r="CU19" s="280">
        <v>0</v>
      </c>
      <c r="CV19" s="277">
        <v>0</v>
      </c>
      <c r="CW19" s="282">
        <v>0</v>
      </c>
      <c r="CX19" s="276">
        <v>0</v>
      </c>
      <c r="CY19" s="280">
        <v>0</v>
      </c>
      <c r="CZ19" s="277">
        <v>0</v>
      </c>
      <c r="DA19" s="279">
        <v>0</v>
      </c>
      <c r="DB19" s="280">
        <v>0</v>
      </c>
      <c r="DC19" s="280">
        <v>0</v>
      </c>
      <c r="DD19" s="280">
        <v>0</v>
      </c>
      <c r="DE19" s="280">
        <v>0</v>
      </c>
      <c r="DF19" s="280">
        <v>0</v>
      </c>
      <c r="DG19" s="277">
        <v>0</v>
      </c>
      <c r="DH19" s="282">
        <v>0</v>
      </c>
    </row>
    <row r="20" spans="2:112" ht="21" customHeight="1" x14ac:dyDescent="0.2">
      <c r="B20" s="261" t="s">
        <v>18</v>
      </c>
      <c r="C20" s="276">
        <v>0</v>
      </c>
      <c r="D20" s="280">
        <v>0</v>
      </c>
      <c r="E20" s="384">
        <v>0</v>
      </c>
      <c r="F20" s="279">
        <v>0</v>
      </c>
      <c r="G20" s="280">
        <v>201</v>
      </c>
      <c r="H20" s="280">
        <v>398</v>
      </c>
      <c r="I20" s="280">
        <v>377</v>
      </c>
      <c r="J20" s="280">
        <v>497</v>
      </c>
      <c r="K20" s="280">
        <v>139</v>
      </c>
      <c r="L20" s="281">
        <v>1612</v>
      </c>
      <c r="M20" s="282">
        <v>1612</v>
      </c>
      <c r="N20" s="276">
        <v>0</v>
      </c>
      <c r="O20" s="280">
        <v>0</v>
      </c>
      <c r="P20" s="277">
        <v>0</v>
      </c>
      <c r="Q20" s="279">
        <v>0</v>
      </c>
      <c r="R20" s="280">
        <v>0</v>
      </c>
      <c r="S20" s="280">
        <v>1</v>
      </c>
      <c r="T20" s="280">
        <v>15</v>
      </c>
      <c r="U20" s="280">
        <v>11</v>
      </c>
      <c r="V20" s="280">
        <v>11</v>
      </c>
      <c r="W20" s="277">
        <v>38</v>
      </c>
      <c r="X20" s="282">
        <v>38</v>
      </c>
      <c r="Y20" s="276">
        <v>20</v>
      </c>
      <c r="Z20" s="280">
        <v>18</v>
      </c>
      <c r="AA20" s="277">
        <v>38</v>
      </c>
      <c r="AB20" s="279">
        <v>0</v>
      </c>
      <c r="AC20" s="280">
        <v>163</v>
      </c>
      <c r="AD20" s="280">
        <v>161</v>
      </c>
      <c r="AE20" s="280">
        <v>163</v>
      </c>
      <c r="AF20" s="280">
        <v>99</v>
      </c>
      <c r="AG20" s="280">
        <v>11</v>
      </c>
      <c r="AH20" s="277">
        <v>597</v>
      </c>
      <c r="AI20" s="282">
        <v>635</v>
      </c>
      <c r="AJ20" s="276">
        <v>0</v>
      </c>
      <c r="AK20" s="280">
        <v>24</v>
      </c>
      <c r="AL20" s="277">
        <v>24</v>
      </c>
      <c r="AM20" s="279">
        <v>0</v>
      </c>
      <c r="AN20" s="280">
        <v>52</v>
      </c>
      <c r="AO20" s="280">
        <v>78</v>
      </c>
      <c r="AP20" s="280">
        <v>18</v>
      </c>
      <c r="AQ20" s="280">
        <v>0</v>
      </c>
      <c r="AR20" s="280">
        <v>0</v>
      </c>
      <c r="AS20" s="277">
        <v>148</v>
      </c>
      <c r="AT20" s="282">
        <v>172</v>
      </c>
      <c r="AU20" s="276">
        <v>0</v>
      </c>
      <c r="AV20" s="280">
        <v>0</v>
      </c>
      <c r="AW20" s="277">
        <v>0</v>
      </c>
      <c r="AX20" s="279">
        <v>0</v>
      </c>
      <c r="AY20" s="280">
        <v>360</v>
      </c>
      <c r="AZ20" s="280">
        <v>301</v>
      </c>
      <c r="BA20" s="280">
        <v>304</v>
      </c>
      <c r="BB20" s="280">
        <v>99</v>
      </c>
      <c r="BC20" s="280">
        <v>21</v>
      </c>
      <c r="BD20" s="281">
        <v>1085</v>
      </c>
      <c r="BE20" s="282">
        <v>1085</v>
      </c>
      <c r="BF20" s="276">
        <v>0</v>
      </c>
      <c r="BG20" s="280">
        <v>0</v>
      </c>
      <c r="BH20" s="277">
        <v>0</v>
      </c>
      <c r="BI20" s="279">
        <v>0</v>
      </c>
      <c r="BJ20" s="280">
        <v>100</v>
      </c>
      <c r="BK20" s="280">
        <v>81</v>
      </c>
      <c r="BL20" s="280">
        <v>66</v>
      </c>
      <c r="BM20" s="280">
        <v>12</v>
      </c>
      <c r="BN20" s="280">
        <v>13</v>
      </c>
      <c r="BO20" s="277">
        <v>272</v>
      </c>
      <c r="BP20" s="282">
        <v>272</v>
      </c>
      <c r="BQ20" s="276">
        <v>0</v>
      </c>
      <c r="BR20" s="280">
        <v>3</v>
      </c>
      <c r="BS20" s="277">
        <v>3</v>
      </c>
      <c r="BT20" s="279">
        <v>0</v>
      </c>
      <c r="BU20" s="280">
        <v>0</v>
      </c>
      <c r="BV20" s="280">
        <v>80</v>
      </c>
      <c r="BW20" s="280">
        <v>198</v>
      </c>
      <c r="BX20" s="280">
        <v>47</v>
      </c>
      <c r="BY20" s="280">
        <v>51</v>
      </c>
      <c r="BZ20" s="277">
        <v>376</v>
      </c>
      <c r="CA20" s="282">
        <v>379</v>
      </c>
      <c r="CB20" s="276">
        <v>0</v>
      </c>
      <c r="CC20" s="280">
        <v>0</v>
      </c>
      <c r="CD20" s="277">
        <v>0</v>
      </c>
      <c r="CE20" s="279">
        <v>0</v>
      </c>
      <c r="CF20" s="280">
        <v>0</v>
      </c>
      <c r="CG20" s="280">
        <v>0</v>
      </c>
      <c r="CH20" s="280">
        <v>6</v>
      </c>
      <c r="CI20" s="280">
        <v>0</v>
      </c>
      <c r="CJ20" s="280">
        <v>0</v>
      </c>
      <c r="CK20" s="277">
        <v>6</v>
      </c>
      <c r="CL20" s="282">
        <v>6</v>
      </c>
      <c r="CM20" s="276">
        <v>0</v>
      </c>
      <c r="CN20" s="280">
        <v>0</v>
      </c>
      <c r="CO20" s="277">
        <v>0</v>
      </c>
      <c r="CP20" s="279">
        <v>0</v>
      </c>
      <c r="CQ20" s="280">
        <v>0</v>
      </c>
      <c r="CR20" s="280">
        <v>0</v>
      </c>
      <c r="CS20" s="280">
        <v>0</v>
      </c>
      <c r="CT20" s="280">
        <v>0</v>
      </c>
      <c r="CU20" s="280">
        <v>0</v>
      </c>
      <c r="CV20" s="277">
        <v>0</v>
      </c>
      <c r="CW20" s="282">
        <v>0</v>
      </c>
      <c r="CX20" s="276">
        <v>0</v>
      </c>
      <c r="CY20" s="280">
        <v>0</v>
      </c>
      <c r="CZ20" s="277">
        <v>0</v>
      </c>
      <c r="DA20" s="279">
        <v>0</v>
      </c>
      <c r="DB20" s="280">
        <v>0</v>
      </c>
      <c r="DC20" s="280">
        <v>0</v>
      </c>
      <c r="DD20" s="280">
        <v>0</v>
      </c>
      <c r="DE20" s="280">
        <v>0</v>
      </c>
      <c r="DF20" s="280">
        <v>0</v>
      </c>
      <c r="DG20" s="277">
        <v>0</v>
      </c>
      <c r="DH20" s="282">
        <v>0</v>
      </c>
    </row>
    <row r="21" spans="2:112" ht="21" customHeight="1" x14ac:dyDescent="0.2">
      <c r="B21" s="261" t="s">
        <v>19</v>
      </c>
      <c r="C21" s="276">
        <v>0</v>
      </c>
      <c r="D21" s="280">
        <v>0</v>
      </c>
      <c r="E21" s="384">
        <v>0</v>
      </c>
      <c r="F21" s="279">
        <v>0</v>
      </c>
      <c r="G21" s="280">
        <v>108</v>
      </c>
      <c r="H21" s="280">
        <v>139</v>
      </c>
      <c r="I21" s="280">
        <v>36</v>
      </c>
      <c r="J21" s="280">
        <v>141</v>
      </c>
      <c r="K21" s="280">
        <v>102</v>
      </c>
      <c r="L21" s="281">
        <v>526</v>
      </c>
      <c r="M21" s="282">
        <v>526</v>
      </c>
      <c r="N21" s="276">
        <v>0</v>
      </c>
      <c r="O21" s="280">
        <v>0</v>
      </c>
      <c r="P21" s="277">
        <v>0</v>
      </c>
      <c r="Q21" s="279">
        <v>0</v>
      </c>
      <c r="R21" s="280">
        <v>0</v>
      </c>
      <c r="S21" s="280">
        <v>1</v>
      </c>
      <c r="T21" s="280">
        <v>13</v>
      </c>
      <c r="U21" s="280">
        <v>1</v>
      </c>
      <c r="V21" s="280">
        <v>9</v>
      </c>
      <c r="W21" s="277">
        <v>24</v>
      </c>
      <c r="X21" s="282">
        <v>24</v>
      </c>
      <c r="Y21" s="276">
        <v>8</v>
      </c>
      <c r="Z21" s="280">
        <v>4</v>
      </c>
      <c r="AA21" s="277">
        <v>12</v>
      </c>
      <c r="AB21" s="279">
        <v>0</v>
      </c>
      <c r="AC21" s="280">
        <v>82</v>
      </c>
      <c r="AD21" s="280">
        <v>68</v>
      </c>
      <c r="AE21" s="280">
        <v>79</v>
      </c>
      <c r="AF21" s="280">
        <v>68</v>
      </c>
      <c r="AG21" s="280">
        <v>53</v>
      </c>
      <c r="AH21" s="277">
        <v>350</v>
      </c>
      <c r="AI21" s="282">
        <v>362</v>
      </c>
      <c r="AJ21" s="276">
        <v>0</v>
      </c>
      <c r="AK21" s="280">
        <v>0</v>
      </c>
      <c r="AL21" s="277">
        <v>0</v>
      </c>
      <c r="AM21" s="279">
        <v>0</v>
      </c>
      <c r="AN21" s="280">
        <v>12</v>
      </c>
      <c r="AO21" s="280">
        <v>38</v>
      </c>
      <c r="AP21" s="280">
        <v>16</v>
      </c>
      <c r="AQ21" s="280">
        <v>10</v>
      </c>
      <c r="AR21" s="280">
        <v>0</v>
      </c>
      <c r="AS21" s="277">
        <v>76</v>
      </c>
      <c r="AT21" s="282">
        <v>76</v>
      </c>
      <c r="AU21" s="276">
        <v>0</v>
      </c>
      <c r="AV21" s="280">
        <v>0</v>
      </c>
      <c r="AW21" s="277">
        <v>0</v>
      </c>
      <c r="AX21" s="279">
        <v>0</v>
      </c>
      <c r="AY21" s="280">
        <v>185</v>
      </c>
      <c r="AZ21" s="280">
        <v>113</v>
      </c>
      <c r="BA21" s="280">
        <v>60</v>
      </c>
      <c r="BB21" s="280">
        <v>7</v>
      </c>
      <c r="BC21" s="280">
        <v>13</v>
      </c>
      <c r="BD21" s="281">
        <v>378</v>
      </c>
      <c r="BE21" s="282">
        <v>378</v>
      </c>
      <c r="BF21" s="276">
        <v>0</v>
      </c>
      <c r="BG21" s="280">
        <v>0</v>
      </c>
      <c r="BH21" s="277">
        <v>0</v>
      </c>
      <c r="BI21" s="279">
        <v>0</v>
      </c>
      <c r="BJ21" s="280">
        <v>64</v>
      </c>
      <c r="BK21" s="280">
        <v>41</v>
      </c>
      <c r="BL21" s="280">
        <v>27</v>
      </c>
      <c r="BM21" s="280">
        <v>20</v>
      </c>
      <c r="BN21" s="280">
        <v>0</v>
      </c>
      <c r="BO21" s="277">
        <v>152</v>
      </c>
      <c r="BP21" s="282">
        <v>152</v>
      </c>
      <c r="BQ21" s="276">
        <v>0</v>
      </c>
      <c r="BR21" s="280">
        <v>0</v>
      </c>
      <c r="BS21" s="277">
        <v>0</v>
      </c>
      <c r="BT21" s="279">
        <v>0</v>
      </c>
      <c r="BU21" s="280">
        <v>0</v>
      </c>
      <c r="BV21" s="280">
        <v>0</v>
      </c>
      <c r="BW21" s="280">
        <v>4</v>
      </c>
      <c r="BX21" s="280">
        <v>0</v>
      </c>
      <c r="BY21" s="280">
        <v>4</v>
      </c>
      <c r="BZ21" s="277">
        <v>8</v>
      </c>
      <c r="CA21" s="282">
        <v>8</v>
      </c>
      <c r="CB21" s="276">
        <v>0</v>
      </c>
      <c r="CC21" s="280">
        <v>0</v>
      </c>
      <c r="CD21" s="277">
        <v>0</v>
      </c>
      <c r="CE21" s="279">
        <v>0</v>
      </c>
      <c r="CF21" s="280">
        <v>0</v>
      </c>
      <c r="CG21" s="280">
        <v>0</v>
      </c>
      <c r="CH21" s="280">
        <v>5</v>
      </c>
      <c r="CI21" s="280">
        <v>0</v>
      </c>
      <c r="CJ21" s="280">
        <v>0</v>
      </c>
      <c r="CK21" s="277">
        <v>5</v>
      </c>
      <c r="CL21" s="282">
        <v>5</v>
      </c>
      <c r="CM21" s="276">
        <v>0</v>
      </c>
      <c r="CN21" s="280">
        <v>0</v>
      </c>
      <c r="CO21" s="277">
        <v>0</v>
      </c>
      <c r="CP21" s="279">
        <v>0</v>
      </c>
      <c r="CQ21" s="280">
        <v>0</v>
      </c>
      <c r="CR21" s="280">
        <v>0</v>
      </c>
      <c r="CS21" s="280">
        <v>0</v>
      </c>
      <c r="CT21" s="280">
        <v>0</v>
      </c>
      <c r="CU21" s="280">
        <v>0</v>
      </c>
      <c r="CV21" s="277">
        <v>0</v>
      </c>
      <c r="CW21" s="282">
        <v>0</v>
      </c>
      <c r="CX21" s="276">
        <v>0</v>
      </c>
      <c r="CY21" s="280">
        <v>0</v>
      </c>
      <c r="CZ21" s="277">
        <v>0</v>
      </c>
      <c r="DA21" s="279">
        <v>0</v>
      </c>
      <c r="DB21" s="280">
        <v>0</v>
      </c>
      <c r="DC21" s="280">
        <v>0</v>
      </c>
      <c r="DD21" s="280">
        <v>0</v>
      </c>
      <c r="DE21" s="280">
        <v>0</v>
      </c>
      <c r="DF21" s="280">
        <v>0</v>
      </c>
      <c r="DG21" s="277">
        <v>0</v>
      </c>
      <c r="DH21" s="282">
        <v>0</v>
      </c>
    </row>
    <row r="22" spans="2:112" ht="21" customHeight="1" x14ac:dyDescent="0.2">
      <c r="B22" s="261" t="s">
        <v>20</v>
      </c>
      <c r="C22" s="276">
        <v>0</v>
      </c>
      <c r="D22" s="280">
        <v>0</v>
      </c>
      <c r="E22" s="384">
        <v>0</v>
      </c>
      <c r="F22" s="279">
        <v>0</v>
      </c>
      <c r="G22" s="280">
        <v>219</v>
      </c>
      <c r="H22" s="280">
        <v>322</v>
      </c>
      <c r="I22" s="280">
        <v>273</v>
      </c>
      <c r="J22" s="280">
        <v>328</v>
      </c>
      <c r="K22" s="280">
        <v>309</v>
      </c>
      <c r="L22" s="281">
        <v>1451</v>
      </c>
      <c r="M22" s="282">
        <v>1451</v>
      </c>
      <c r="N22" s="276">
        <v>0</v>
      </c>
      <c r="O22" s="280">
        <v>0</v>
      </c>
      <c r="P22" s="277">
        <v>0</v>
      </c>
      <c r="Q22" s="279">
        <v>0</v>
      </c>
      <c r="R22" s="280">
        <v>1</v>
      </c>
      <c r="S22" s="280">
        <v>0</v>
      </c>
      <c r="T22" s="280">
        <v>0</v>
      </c>
      <c r="U22" s="280">
        <v>6</v>
      </c>
      <c r="V22" s="280">
        <v>12</v>
      </c>
      <c r="W22" s="277">
        <v>19</v>
      </c>
      <c r="X22" s="282">
        <v>19</v>
      </c>
      <c r="Y22" s="276">
        <v>25</v>
      </c>
      <c r="Z22" s="280">
        <v>10</v>
      </c>
      <c r="AA22" s="277">
        <v>35</v>
      </c>
      <c r="AB22" s="279">
        <v>0</v>
      </c>
      <c r="AC22" s="280">
        <v>243</v>
      </c>
      <c r="AD22" s="280">
        <v>205</v>
      </c>
      <c r="AE22" s="280">
        <v>31</v>
      </c>
      <c r="AF22" s="280">
        <v>50</v>
      </c>
      <c r="AG22" s="280">
        <v>59</v>
      </c>
      <c r="AH22" s="277">
        <v>588</v>
      </c>
      <c r="AI22" s="282">
        <v>623</v>
      </c>
      <c r="AJ22" s="276">
        <v>8</v>
      </c>
      <c r="AK22" s="280">
        <v>26</v>
      </c>
      <c r="AL22" s="277">
        <v>34</v>
      </c>
      <c r="AM22" s="279">
        <v>0</v>
      </c>
      <c r="AN22" s="280">
        <v>64</v>
      </c>
      <c r="AO22" s="280">
        <v>100</v>
      </c>
      <c r="AP22" s="280">
        <v>36</v>
      </c>
      <c r="AQ22" s="280">
        <v>18</v>
      </c>
      <c r="AR22" s="280">
        <v>0</v>
      </c>
      <c r="AS22" s="277">
        <v>218</v>
      </c>
      <c r="AT22" s="282">
        <v>252</v>
      </c>
      <c r="AU22" s="276">
        <v>0</v>
      </c>
      <c r="AV22" s="280">
        <v>0</v>
      </c>
      <c r="AW22" s="277">
        <v>0</v>
      </c>
      <c r="AX22" s="279">
        <v>0</v>
      </c>
      <c r="AY22" s="280">
        <v>183</v>
      </c>
      <c r="AZ22" s="280">
        <v>136</v>
      </c>
      <c r="BA22" s="280">
        <v>142</v>
      </c>
      <c r="BB22" s="280">
        <v>49</v>
      </c>
      <c r="BC22" s="280">
        <v>0</v>
      </c>
      <c r="BD22" s="281">
        <v>510</v>
      </c>
      <c r="BE22" s="282">
        <v>510</v>
      </c>
      <c r="BF22" s="276">
        <v>0</v>
      </c>
      <c r="BG22" s="280">
        <v>0</v>
      </c>
      <c r="BH22" s="277">
        <v>0</v>
      </c>
      <c r="BI22" s="279">
        <v>0</v>
      </c>
      <c r="BJ22" s="280">
        <v>85</v>
      </c>
      <c r="BK22" s="280">
        <v>54</v>
      </c>
      <c r="BL22" s="280">
        <v>85</v>
      </c>
      <c r="BM22" s="280">
        <v>20</v>
      </c>
      <c r="BN22" s="280">
        <v>4</v>
      </c>
      <c r="BO22" s="277">
        <v>248</v>
      </c>
      <c r="BP22" s="282">
        <v>248</v>
      </c>
      <c r="BQ22" s="276">
        <v>5</v>
      </c>
      <c r="BR22" s="280">
        <v>18</v>
      </c>
      <c r="BS22" s="277">
        <v>23</v>
      </c>
      <c r="BT22" s="279">
        <v>0</v>
      </c>
      <c r="BU22" s="280">
        <v>14</v>
      </c>
      <c r="BV22" s="280">
        <v>44</v>
      </c>
      <c r="BW22" s="280">
        <v>2</v>
      </c>
      <c r="BX22" s="280">
        <v>98</v>
      </c>
      <c r="BY22" s="280">
        <v>3</v>
      </c>
      <c r="BZ22" s="277">
        <v>161</v>
      </c>
      <c r="CA22" s="282">
        <v>184</v>
      </c>
      <c r="CB22" s="276">
        <v>0</v>
      </c>
      <c r="CC22" s="280">
        <v>0</v>
      </c>
      <c r="CD22" s="277">
        <v>0</v>
      </c>
      <c r="CE22" s="279">
        <v>0</v>
      </c>
      <c r="CF22" s="280">
        <v>0</v>
      </c>
      <c r="CG22" s="280">
        <v>0</v>
      </c>
      <c r="CH22" s="280">
        <v>9</v>
      </c>
      <c r="CI22" s="280">
        <v>10</v>
      </c>
      <c r="CJ22" s="280">
        <v>0</v>
      </c>
      <c r="CK22" s="277">
        <v>19</v>
      </c>
      <c r="CL22" s="282">
        <v>19</v>
      </c>
      <c r="CM22" s="276">
        <v>0</v>
      </c>
      <c r="CN22" s="280">
        <v>0</v>
      </c>
      <c r="CO22" s="277">
        <v>0</v>
      </c>
      <c r="CP22" s="279">
        <v>0</v>
      </c>
      <c r="CQ22" s="280">
        <v>0</v>
      </c>
      <c r="CR22" s="280">
        <v>0</v>
      </c>
      <c r="CS22" s="280">
        <v>0</v>
      </c>
      <c r="CT22" s="280">
        <v>0</v>
      </c>
      <c r="CU22" s="280">
        <v>0</v>
      </c>
      <c r="CV22" s="277">
        <v>0</v>
      </c>
      <c r="CW22" s="282">
        <v>0</v>
      </c>
      <c r="CX22" s="276">
        <v>0</v>
      </c>
      <c r="CY22" s="280">
        <v>0</v>
      </c>
      <c r="CZ22" s="277">
        <v>0</v>
      </c>
      <c r="DA22" s="279">
        <v>0</v>
      </c>
      <c r="DB22" s="280">
        <v>0</v>
      </c>
      <c r="DC22" s="280">
        <v>0</v>
      </c>
      <c r="DD22" s="280">
        <v>0</v>
      </c>
      <c r="DE22" s="280">
        <v>0</v>
      </c>
      <c r="DF22" s="280">
        <v>0</v>
      </c>
      <c r="DG22" s="277">
        <v>0</v>
      </c>
      <c r="DH22" s="282">
        <v>0</v>
      </c>
    </row>
    <row r="23" spans="2:112" ht="21" customHeight="1" x14ac:dyDescent="0.2">
      <c r="B23" s="261" t="s">
        <v>21</v>
      </c>
      <c r="C23" s="276">
        <v>0</v>
      </c>
      <c r="D23" s="280">
        <v>0</v>
      </c>
      <c r="E23" s="384">
        <v>0</v>
      </c>
      <c r="F23" s="279">
        <v>0</v>
      </c>
      <c r="G23" s="280">
        <v>112</v>
      </c>
      <c r="H23" s="280">
        <v>76</v>
      </c>
      <c r="I23" s="280">
        <v>48</v>
      </c>
      <c r="J23" s="280">
        <v>543</v>
      </c>
      <c r="K23" s="280">
        <v>397</v>
      </c>
      <c r="L23" s="281">
        <v>1176</v>
      </c>
      <c r="M23" s="282">
        <v>1176</v>
      </c>
      <c r="N23" s="276">
        <v>0</v>
      </c>
      <c r="O23" s="280">
        <v>0</v>
      </c>
      <c r="P23" s="277">
        <v>0</v>
      </c>
      <c r="Q23" s="279">
        <v>0</v>
      </c>
      <c r="R23" s="280">
        <v>0</v>
      </c>
      <c r="S23" s="280">
        <v>0</v>
      </c>
      <c r="T23" s="280">
        <v>0</v>
      </c>
      <c r="U23" s="280">
        <v>3</v>
      </c>
      <c r="V23" s="280">
        <v>18</v>
      </c>
      <c r="W23" s="277">
        <v>21</v>
      </c>
      <c r="X23" s="282">
        <v>21</v>
      </c>
      <c r="Y23" s="276">
        <v>30</v>
      </c>
      <c r="Z23" s="280">
        <v>17</v>
      </c>
      <c r="AA23" s="277">
        <v>47</v>
      </c>
      <c r="AB23" s="279">
        <v>0</v>
      </c>
      <c r="AC23" s="280">
        <v>112</v>
      </c>
      <c r="AD23" s="280">
        <v>219</v>
      </c>
      <c r="AE23" s="280">
        <v>94</v>
      </c>
      <c r="AF23" s="280">
        <v>163</v>
      </c>
      <c r="AG23" s="280">
        <v>106</v>
      </c>
      <c r="AH23" s="277">
        <v>694</v>
      </c>
      <c r="AI23" s="282">
        <v>741</v>
      </c>
      <c r="AJ23" s="276">
        <v>0</v>
      </c>
      <c r="AK23" s="280">
        <v>16</v>
      </c>
      <c r="AL23" s="277">
        <v>16</v>
      </c>
      <c r="AM23" s="279">
        <v>0</v>
      </c>
      <c r="AN23" s="280">
        <v>18</v>
      </c>
      <c r="AO23" s="280">
        <v>38</v>
      </c>
      <c r="AP23" s="280">
        <v>24</v>
      </c>
      <c r="AQ23" s="280">
        <v>18</v>
      </c>
      <c r="AR23" s="280">
        <v>0</v>
      </c>
      <c r="AS23" s="277">
        <v>98</v>
      </c>
      <c r="AT23" s="282">
        <v>114</v>
      </c>
      <c r="AU23" s="276">
        <v>0</v>
      </c>
      <c r="AV23" s="280">
        <v>0</v>
      </c>
      <c r="AW23" s="277">
        <v>0</v>
      </c>
      <c r="AX23" s="279">
        <v>0</v>
      </c>
      <c r="AY23" s="280">
        <v>105</v>
      </c>
      <c r="AZ23" s="280">
        <v>127</v>
      </c>
      <c r="BA23" s="280">
        <v>100</v>
      </c>
      <c r="BB23" s="280">
        <v>25</v>
      </c>
      <c r="BC23" s="280">
        <v>30</v>
      </c>
      <c r="BD23" s="281">
        <v>387</v>
      </c>
      <c r="BE23" s="282">
        <v>387</v>
      </c>
      <c r="BF23" s="276">
        <v>0</v>
      </c>
      <c r="BG23" s="280">
        <v>0</v>
      </c>
      <c r="BH23" s="277">
        <v>0</v>
      </c>
      <c r="BI23" s="279">
        <v>0</v>
      </c>
      <c r="BJ23" s="280">
        <v>85</v>
      </c>
      <c r="BK23" s="280">
        <v>71</v>
      </c>
      <c r="BL23" s="280">
        <v>9</v>
      </c>
      <c r="BM23" s="280">
        <v>6</v>
      </c>
      <c r="BN23" s="280">
        <v>0</v>
      </c>
      <c r="BO23" s="277">
        <v>171</v>
      </c>
      <c r="BP23" s="282">
        <v>171</v>
      </c>
      <c r="BQ23" s="276">
        <v>0</v>
      </c>
      <c r="BR23" s="280">
        <v>0</v>
      </c>
      <c r="BS23" s="277">
        <v>0</v>
      </c>
      <c r="BT23" s="279">
        <v>0</v>
      </c>
      <c r="BU23" s="280">
        <v>30</v>
      </c>
      <c r="BV23" s="280">
        <v>2</v>
      </c>
      <c r="BW23" s="280">
        <v>90</v>
      </c>
      <c r="BX23" s="280">
        <v>87</v>
      </c>
      <c r="BY23" s="280">
        <v>29</v>
      </c>
      <c r="BZ23" s="277">
        <v>238</v>
      </c>
      <c r="CA23" s="282">
        <v>238</v>
      </c>
      <c r="CB23" s="276">
        <v>0</v>
      </c>
      <c r="CC23" s="280">
        <v>0</v>
      </c>
      <c r="CD23" s="277">
        <v>0</v>
      </c>
      <c r="CE23" s="279">
        <v>0</v>
      </c>
      <c r="CF23" s="280">
        <v>0</v>
      </c>
      <c r="CG23" s="280">
        <v>8</v>
      </c>
      <c r="CH23" s="280">
        <v>0</v>
      </c>
      <c r="CI23" s="280">
        <v>0</v>
      </c>
      <c r="CJ23" s="280">
        <v>0</v>
      </c>
      <c r="CK23" s="277">
        <v>8</v>
      </c>
      <c r="CL23" s="282">
        <v>8</v>
      </c>
      <c r="CM23" s="276">
        <v>0</v>
      </c>
      <c r="CN23" s="280">
        <v>0</v>
      </c>
      <c r="CO23" s="277">
        <v>0</v>
      </c>
      <c r="CP23" s="279">
        <v>0</v>
      </c>
      <c r="CQ23" s="280">
        <v>0</v>
      </c>
      <c r="CR23" s="280">
        <v>0</v>
      </c>
      <c r="CS23" s="280">
        <v>0</v>
      </c>
      <c r="CT23" s="280">
        <v>0</v>
      </c>
      <c r="CU23" s="280">
        <v>0</v>
      </c>
      <c r="CV23" s="277">
        <v>0</v>
      </c>
      <c r="CW23" s="282">
        <v>0</v>
      </c>
      <c r="CX23" s="276">
        <v>0</v>
      </c>
      <c r="CY23" s="280">
        <v>0</v>
      </c>
      <c r="CZ23" s="277">
        <v>0</v>
      </c>
      <c r="DA23" s="279">
        <v>0</v>
      </c>
      <c r="DB23" s="280">
        <v>0</v>
      </c>
      <c r="DC23" s="280">
        <v>0</v>
      </c>
      <c r="DD23" s="280">
        <v>0</v>
      </c>
      <c r="DE23" s="280">
        <v>0</v>
      </c>
      <c r="DF23" s="280">
        <v>0</v>
      </c>
      <c r="DG23" s="277">
        <v>0</v>
      </c>
      <c r="DH23" s="282">
        <v>0</v>
      </c>
    </row>
    <row r="24" spans="2:112" ht="21" customHeight="1" x14ac:dyDescent="0.2">
      <c r="B24" s="261" t="s">
        <v>22</v>
      </c>
      <c r="C24" s="276">
        <v>0</v>
      </c>
      <c r="D24" s="280">
        <v>0</v>
      </c>
      <c r="E24" s="384">
        <v>0</v>
      </c>
      <c r="F24" s="279">
        <v>0</v>
      </c>
      <c r="G24" s="280">
        <v>39</v>
      </c>
      <c r="H24" s="280">
        <v>129</v>
      </c>
      <c r="I24" s="280">
        <v>24</v>
      </c>
      <c r="J24" s="280">
        <v>168</v>
      </c>
      <c r="K24" s="280">
        <v>107</v>
      </c>
      <c r="L24" s="281">
        <v>467</v>
      </c>
      <c r="M24" s="282">
        <v>467</v>
      </c>
      <c r="N24" s="276">
        <v>0</v>
      </c>
      <c r="O24" s="280">
        <v>0</v>
      </c>
      <c r="P24" s="277">
        <v>0</v>
      </c>
      <c r="Q24" s="279">
        <v>0</v>
      </c>
      <c r="R24" s="280">
        <v>0</v>
      </c>
      <c r="S24" s="280">
        <v>0</v>
      </c>
      <c r="T24" s="280">
        <v>0</v>
      </c>
      <c r="U24" s="280">
        <v>10</v>
      </c>
      <c r="V24" s="280">
        <v>0</v>
      </c>
      <c r="W24" s="277">
        <v>10</v>
      </c>
      <c r="X24" s="282">
        <v>10</v>
      </c>
      <c r="Y24" s="276">
        <v>0</v>
      </c>
      <c r="Z24" s="280">
        <v>2</v>
      </c>
      <c r="AA24" s="277">
        <v>2</v>
      </c>
      <c r="AB24" s="279">
        <v>0</v>
      </c>
      <c r="AC24" s="280">
        <v>10</v>
      </c>
      <c r="AD24" s="280">
        <v>6</v>
      </c>
      <c r="AE24" s="280">
        <v>35</v>
      </c>
      <c r="AF24" s="280">
        <v>28</v>
      </c>
      <c r="AG24" s="280">
        <v>10</v>
      </c>
      <c r="AH24" s="277">
        <v>89</v>
      </c>
      <c r="AI24" s="282">
        <v>91</v>
      </c>
      <c r="AJ24" s="276">
        <v>0</v>
      </c>
      <c r="AK24" s="280">
        <v>0</v>
      </c>
      <c r="AL24" s="277">
        <v>0</v>
      </c>
      <c r="AM24" s="279">
        <v>0</v>
      </c>
      <c r="AN24" s="280">
        <v>0</v>
      </c>
      <c r="AO24" s="280">
        <v>24</v>
      </c>
      <c r="AP24" s="280">
        <v>12</v>
      </c>
      <c r="AQ24" s="280">
        <v>0</v>
      </c>
      <c r="AR24" s="280">
        <v>0</v>
      </c>
      <c r="AS24" s="277">
        <v>36</v>
      </c>
      <c r="AT24" s="282">
        <v>36</v>
      </c>
      <c r="AU24" s="276">
        <v>0</v>
      </c>
      <c r="AV24" s="280">
        <v>0</v>
      </c>
      <c r="AW24" s="277">
        <v>0</v>
      </c>
      <c r="AX24" s="279">
        <v>0</v>
      </c>
      <c r="AY24" s="280">
        <v>66</v>
      </c>
      <c r="AZ24" s="280">
        <v>95</v>
      </c>
      <c r="BA24" s="280">
        <v>59</v>
      </c>
      <c r="BB24" s="280">
        <v>31</v>
      </c>
      <c r="BC24" s="280">
        <v>14</v>
      </c>
      <c r="BD24" s="281">
        <v>265</v>
      </c>
      <c r="BE24" s="282">
        <v>265</v>
      </c>
      <c r="BF24" s="276">
        <v>0</v>
      </c>
      <c r="BG24" s="280">
        <v>0</v>
      </c>
      <c r="BH24" s="277">
        <v>0</v>
      </c>
      <c r="BI24" s="279">
        <v>0</v>
      </c>
      <c r="BJ24" s="280">
        <v>17</v>
      </c>
      <c r="BK24" s="280">
        <v>25</v>
      </c>
      <c r="BL24" s="280">
        <v>9</v>
      </c>
      <c r="BM24" s="280">
        <v>3</v>
      </c>
      <c r="BN24" s="280">
        <v>8</v>
      </c>
      <c r="BO24" s="277">
        <v>62</v>
      </c>
      <c r="BP24" s="282">
        <v>62</v>
      </c>
      <c r="BQ24" s="276">
        <v>0</v>
      </c>
      <c r="BR24" s="280">
        <v>0</v>
      </c>
      <c r="BS24" s="277">
        <v>0</v>
      </c>
      <c r="BT24" s="279">
        <v>0</v>
      </c>
      <c r="BU24" s="280">
        <v>33</v>
      </c>
      <c r="BV24" s="280">
        <v>3</v>
      </c>
      <c r="BW24" s="280">
        <v>40</v>
      </c>
      <c r="BX24" s="280">
        <v>24</v>
      </c>
      <c r="BY24" s="280">
        <v>0</v>
      </c>
      <c r="BZ24" s="277">
        <v>100</v>
      </c>
      <c r="CA24" s="282">
        <v>100</v>
      </c>
      <c r="CB24" s="276">
        <v>0</v>
      </c>
      <c r="CC24" s="280">
        <v>0</v>
      </c>
      <c r="CD24" s="277">
        <v>0</v>
      </c>
      <c r="CE24" s="279">
        <v>0</v>
      </c>
      <c r="CF24" s="280">
        <v>0</v>
      </c>
      <c r="CG24" s="280">
        <v>0</v>
      </c>
      <c r="CH24" s="280">
        <v>6</v>
      </c>
      <c r="CI24" s="280">
        <v>2</v>
      </c>
      <c r="CJ24" s="280">
        <v>0</v>
      </c>
      <c r="CK24" s="277">
        <v>8</v>
      </c>
      <c r="CL24" s="282">
        <v>8</v>
      </c>
      <c r="CM24" s="276">
        <v>0</v>
      </c>
      <c r="CN24" s="280">
        <v>0</v>
      </c>
      <c r="CO24" s="277">
        <v>0</v>
      </c>
      <c r="CP24" s="279">
        <v>0</v>
      </c>
      <c r="CQ24" s="280">
        <v>0</v>
      </c>
      <c r="CR24" s="280">
        <v>0</v>
      </c>
      <c r="CS24" s="280">
        <v>0</v>
      </c>
      <c r="CT24" s="280">
        <v>0</v>
      </c>
      <c r="CU24" s="280">
        <v>0</v>
      </c>
      <c r="CV24" s="277">
        <v>0</v>
      </c>
      <c r="CW24" s="282">
        <v>0</v>
      </c>
      <c r="CX24" s="276">
        <v>0</v>
      </c>
      <c r="CY24" s="280">
        <v>0</v>
      </c>
      <c r="CZ24" s="277">
        <v>0</v>
      </c>
      <c r="DA24" s="279">
        <v>0</v>
      </c>
      <c r="DB24" s="280">
        <v>0</v>
      </c>
      <c r="DC24" s="280">
        <v>0</v>
      </c>
      <c r="DD24" s="280">
        <v>0</v>
      </c>
      <c r="DE24" s="280">
        <v>0</v>
      </c>
      <c r="DF24" s="280">
        <v>0</v>
      </c>
      <c r="DG24" s="277">
        <v>0</v>
      </c>
      <c r="DH24" s="282">
        <v>0</v>
      </c>
    </row>
    <row r="25" spans="2:112" ht="21" customHeight="1" x14ac:dyDescent="0.2">
      <c r="B25" s="261" t="s">
        <v>23</v>
      </c>
      <c r="C25" s="276">
        <v>0</v>
      </c>
      <c r="D25" s="280">
        <v>0</v>
      </c>
      <c r="E25" s="384">
        <v>0</v>
      </c>
      <c r="F25" s="279">
        <v>0</v>
      </c>
      <c r="G25" s="280">
        <v>83</v>
      </c>
      <c r="H25" s="280">
        <v>161</v>
      </c>
      <c r="I25" s="280">
        <v>132</v>
      </c>
      <c r="J25" s="280">
        <v>102</v>
      </c>
      <c r="K25" s="280">
        <v>189</v>
      </c>
      <c r="L25" s="281">
        <v>667</v>
      </c>
      <c r="M25" s="282">
        <v>667</v>
      </c>
      <c r="N25" s="276">
        <v>0</v>
      </c>
      <c r="O25" s="280">
        <v>0</v>
      </c>
      <c r="P25" s="277">
        <v>0</v>
      </c>
      <c r="Q25" s="279">
        <v>0</v>
      </c>
      <c r="R25" s="280">
        <v>0</v>
      </c>
      <c r="S25" s="280">
        <v>3</v>
      </c>
      <c r="T25" s="280">
        <v>0</v>
      </c>
      <c r="U25" s="280">
        <v>0</v>
      </c>
      <c r="V25" s="280">
        <v>4</v>
      </c>
      <c r="W25" s="277">
        <v>7</v>
      </c>
      <c r="X25" s="282">
        <v>7</v>
      </c>
      <c r="Y25" s="276">
        <v>10</v>
      </c>
      <c r="Z25" s="280">
        <v>32</v>
      </c>
      <c r="AA25" s="277">
        <v>42</v>
      </c>
      <c r="AB25" s="279">
        <v>0</v>
      </c>
      <c r="AC25" s="280">
        <v>48</v>
      </c>
      <c r="AD25" s="280">
        <v>128</v>
      </c>
      <c r="AE25" s="280">
        <v>63</v>
      </c>
      <c r="AF25" s="280">
        <v>10</v>
      </c>
      <c r="AG25" s="280">
        <v>13</v>
      </c>
      <c r="AH25" s="277">
        <v>262</v>
      </c>
      <c r="AI25" s="282">
        <v>304</v>
      </c>
      <c r="AJ25" s="276">
        <v>0</v>
      </c>
      <c r="AK25" s="280">
        <v>0</v>
      </c>
      <c r="AL25" s="277">
        <v>0</v>
      </c>
      <c r="AM25" s="279">
        <v>0</v>
      </c>
      <c r="AN25" s="280">
        <v>30</v>
      </c>
      <c r="AO25" s="280">
        <v>10</v>
      </c>
      <c r="AP25" s="280">
        <v>0</v>
      </c>
      <c r="AQ25" s="280">
        <v>0</v>
      </c>
      <c r="AR25" s="280">
        <v>24</v>
      </c>
      <c r="AS25" s="277">
        <v>64</v>
      </c>
      <c r="AT25" s="282">
        <v>64</v>
      </c>
      <c r="AU25" s="276">
        <v>0</v>
      </c>
      <c r="AV25" s="280">
        <v>0</v>
      </c>
      <c r="AW25" s="277">
        <v>0</v>
      </c>
      <c r="AX25" s="279">
        <v>0</v>
      </c>
      <c r="AY25" s="280">
        <v>132</v>
      </c>
      <c r="AZ25" s="280">
        <v>114</v>
      </c>
      <c r="BA25" s="280">
        <v>94</v>
      </c>
      <c r="BB25" s="280">
        <v>29</v>
      </c>
      <c r="BC25" s="280">
        <v>16</v>
      </c>
      <c r="BD25" s="281">
        <v>385</v>
      </c>
      <c r="BE25" s="282">
        <v>385</v>
      </c>
      <c r="BF25" s="276">
        <v>0</v>
      </c>
      <c r="BG25" s="280">
        <v>0</v>
      </c>
      <c r="BH25" s="277">
        <v>0</v>
      </c>
      <c r="BI25" s="279">
        <v>0</v>
      </c>
      <c r="BJ25" s="280">
        <v>25</v>
      </c>
      <c r="BK25" s="280">
        <v>17</v>
      </c>
      <c r="BL25" s="280">
        <v>27</v>
      </c>
      <c r="BM25" s="280">
        <v>0</v>
      </c>
      <c r="BN25" s="280">
        <v>21</v>
      </c>
      <c r="BO25" s="277">
        <v>90</v>
      </c>
      <c r="BP25" s="282">
        <v>90</v>
      </c>
      <c r="BQ25" s="276">
        <v>0</v>
      </c>
      <c r="BR25" s="280">
        <v>0</v>
      </c>
      <c r="BS25" s="277">
        <v>0</v>
      </c>
      <c r="BT25" s="279">
        <v>0</v>
      </c>
      <c r="BU25" s="280">
        <v>8</v>
      </c>
      <c r="BV25" s="280">
        <v>20</v>
      </c>
      <c r="BW25" s="280">
        <v>15</v>
      </c>
      <c r="BX25" s="280">
        <v>13</v>
      </c>
      <c r="BY25" s="280">
        <v>4</v>
      </c>
      <c r="BZ25" s="277">
        <v>60</v>
      </c>
      <c r="CA25" s="282">
        <v>60</v>
      </c>
      <c r="CB25" s="276">
        <v>0</v>
      </c>
      <c r="CC25" s="280">
        <v>3</v>
      </c>
      <c r="CD25" s="277">
        <v>3</v>
      </c>
      <c r="CE25" s="279">
        <v>0</v>
      </c>
      <c r="CF25" s="280">
        <v>0</v>
      </c>
      <c r="CG25" s="280">
        <v>0</v>
      </c>
      <c r="CH25" s="280">
        <v>0</v>
      </c>
      <c r="CI25" s="280">
        <v>0</v>
      </c>
      <c r="CJ25" s="280">
        <v>0</v>
      </c>
      <c r="CK25" s="277">
        <v>0</v>
      </c>
      <c r="CL25" s="282">
        <v>3</v>
      </c>
      <c r="CM25" s="276">
        <v>0</v>
      </c>
      <c r="CN25" s="280">
        <v>0</v>
      </c>
      <c r="CO25" s="277">
        <v>0</v>
      </c>
      <c r="CP25" s="279">
        <v>0</v>
      </c>
      <c r="CQ25" s="280">
        <v>0</v>
      </c>
      <c r="CR25" s="280">
        <v>0</v>
      </c>
      <c r="CS25" s="280">
        <v>0</v>
      </c>
      <c r="CT25" s="280">
        <v>0</v>
      </c>
      <c r="CU25" s="280">
        <v>0</v>
      </c>
      <c r="CV25" s="277">
        <v>0</v>
      </c>
      <c r="CW25" s="282">
        <v>0</v>
      </c>
      <c r="CX25" s="276">
        <v>0</v>
      </c>
      <c r="CY25" s="280">
        <v>0</v>
      </c>
      <c r="CZ25" s="277">
        <v>0</v>
      </c>
      <c r="DA25" s="279">
        <v>0</v>
      </c>
      <c r="DB25" s="280">
        <v>0</v>
      </c>
      <c r="DC25" s="280">
        <v>0</v>
      </c>
      <c r="DD25" s="280">
        <v>0</v>
      </c>
      <c r="DE25" s="280">
        <v>0</v>
      </c>
      <c r="DF25" s="280">
        <v>0</v>
      </c>
      <c r="DG25" s="277">
        <v>0</v>
      </c>
      <c r="DH25" s="282">
        <v>0</v>
      </c>
    </row>
    <row r="26" spans="2:112" ht="21" customHeight="1" x14ac:dyDescent="0.2">
      <c r="B26" s="261" t="s">
        <v>24</v>
      </c>
      <c r="C26" s="276">
        <v>0</v>
      </c>
      <c r="D26" s="280">
        <v>0</v>
      </c>
      <c r="E26" s="384">
        <v>0</v>
      </c>
      <c r="F26" s="279">
        <v>0</v>
      </c>
      <c r="G26" s="280">
        <v>135</v>
      </c>
      <c r="H26" s="280">
        <v>106</v>
      </c>
      <c r="I26" s="280">
        <v>155</v>
      </c>
      <c r="J26" s="280">
        <v>61</v>
      </c>
      <c r="K26" s="280">
        <v>335</v>
      </c>
      <c r="L26" s="281">
        <v>792</v>
      </c>
      <c r="M26" s="282">
        <v>792</v>
      </c>
      <c r="N26" s="276">
        <v>0</v>
      </c>
      <c r="O26" s="280">
        <v>0</v>
      </c>
      <c r="P26" s="277">
        <v>0</v>
      </c>
      <c r="Q26" s="279">
        <v>0</v>
      </c>
      <c r="R26" s="280">
        <v>0</v>
      </c>
      <c r="S26" s="280">
        <v>7</v>
      </c>
      <c r="T26" s="280">
        <v>0</v>
      </c>
      <c r="U26" s="280">
        <v>4</v>
      </c>
      <c r="V26" s="280">
        <v>9</v>
      </c>
      <c r="W26" s="277">
        <v>20</v>
      </c>
      <c r="X26" s="282">
        <v>20</v>
      </c>
      <c r="Y26" s="276">
        <v>11</v>
      </c>
      <c r="Z26" s="280">
        <v>22</v>
      </c>
      <c r="AA26" s="277">
        <v>33</v>
      </c>
      <c r="AB26" s="279">
        <v>0</v>
      </c>
      <c r="AC26" s="280">
        <v>98</v>
      </c>
      <c r="AD26" s="280">
        <v>48</v>
      </c>
      <c r="AE26" s="280">
        <v>40</v>
      </c>
      <c r="AF26" s="280">
        <v>11</v>
      </c>
      <c r="AG26" s="280">
        <v>34</v>
      </c>
      <c r="AH26" s="277">
        <v>231</v>
      </c>
      <c r="AI26" s="282">
        <v>264</v>
      </c>
      <c r="AJ26" s="276">
        <v>0</v>
      </c>
      <c r="AK26" s="280">
        <v>0</v>
      </c>
      <c r="AL26" s="277">
        <v>0</v>
      </c>
      <c r="AM26" s="279">
        <v>0</v>
      </c>
      <c r="AN26" s="280">
        <v>12</v>
      </c>
      <c r="AO26" s="280">
        <v>30</v>
      </c>
      <c r="AP26" s="280">
        <v>4</v>
      </c>
      <c r="AQ26" s="280">
        <v>27</v>
      </c>
      <c r="AR26" s="280">
        <v>0</v>
      </c>
      <c r="AS26" s="277">
        <v>73</v>
      </c>
      <c r="AT26" s="282">
        <v>73</v>
      </c>
      <c r="AU26" s="276">
        <v>0</v>
      </c>
      <c r="AV26" s="280">
        <v>0</v>
      </c>
      <c r="AW26" s="277">
        <v>0</v>
      </c>
      <c r="AX26" s="279">
        <v>0</v>
      </c>
      <c r="AY26" s="280">
        <v>93</v>
      </c>
      <c r="AZ26" s="280">
        <v>85</v>
      </c>
      <c r="BA26" s="280">
        <v>46</v>
      </c>
      <c r="BB26" s="280">
        <v>0</v>
      </c>
      <c r="BC26" s="280">
        <v>5</v>
      </c>
      <c r="BD26" s="281">
        <v>229</v>
      </c>
      <c r="BE26" s="282">
        <v>229</v>
      </c>
      <c r="BF26" s="276">
        <v>0</v>
      </c>
      <c r="BG26" s="280">
        <v>0</v>
      </c>
      <c r="BH26" s="277">
        <v>0</v>
      </c>
      <c r="BI26" s="279">
        <v>0</v>
      </c>
      <c r="BJ26" s="280">
        <v>6</v>
      </c>
      <c r="BK26" s="280">
        <v>35</v>
      </c>
      <c r="BL26" s="280">
        <v>18</v>
      </c>
      <c r="BM26" s="280">
        <v>0</v>
      </c>
      <c r="BN26" s="280">
        <v>0</v>
      </c>
      <c r="BO26" s="277">
        <v>59</v>
      </c>
      <c r="BP26" s="282">
        <v>59</v>
      </c>
      <c r="BQ26" s="276">
        <v>0</v>
      </c>
      <c r="BR26" s="280">
        <v>0</v>
      </c>
      <c r="BS26" s="277">
        <v>0</v>
      </c>
      <c r="BT26" s="279">
        <v>0</v>
      </c>
      <c r="BU26" s="280">
        <v>16</v>
      </c>
      <c r="BV26" s="280">
        <v>3</v>
      </c>
      <c r="BW26" s="280">
        <v>4</v>
      </c>
      <c r="BX26" s="280">
        <v>0</v>
      </c>
      <c r="BY26" s="280">
        <v>6</v>
      </c>
      <c r="BZ26" s="277">
        <v>29</v>
      </c>
      <c r="CA26" s="282">
        <v>29</v>
      </c>
      <c r="CB26" s="276">
        <v>0</v>
      </c>
      <c r="CC26" s="280">
        <v>0</v>
      </c>
      <c r="CD26" s="277">
        <v>0</v>
      </c>
      <c r="CE26" s="279">
        <v>0</v>
      </c>
      <c r="CF26" s="280">
        <v>0</v>
      </c>
      <c r="CG26" s="280">
        <v>0</v>
      </c>
      <c r="CH26" s="280">
        <v>0</v>
      </c>
      <c r="CI26" s="280">
        <v>0</v>
      </c>
      <c r="CJ26" s="280">
        <v>0</v>
      </c>
      <c r="CK26" s="277">
        <v>0</v>
      </c>
      <c r="CL26" s="282">
        <v>0</v>
      </c>
      <c r="CM26" s="276">
        <v>0</v>
      </c>
      <c r="CN26" s="280">
        <v>0</v>
      </c>
      <c r="CO26" s="277">
        <v>0</v>
      </c>
      <c r="CP26" s="279">
        <v>0</v>
      </c>
      <c r="CQ26" s="280">
        <v>0</v>
      </c>
      <c r="CR26" s="280">
        <v>0</v>
      </c>
      <c r="CS26" s="280">
        <v>0</v>
      </c>
      <c r="CT26" s="280">
        <v>0</v>
      </c>
      <c r="CU26" s="280">
        <v>0</v>
      </c>
      <c r="CV26" s="277">
        <v>0</v>
      </c>
      <c r="CW26" s="282">
        <v>0</v>
      </c>
      <c r="CX26" s="276">
        <v>0</v>
      </c>
      <c r="CY26" s="280">
        <v>0</v>
      </c>
      <c r="CZ26" s="277">
        <v>0</v>
      </c>
      <c r="DA26" s="279">
        <v>0</v>
      </c>
      <c r="DB26" s="280">
        <v>0</v>
      </c>
      <c r="DC26" s="280">
        <v>0</v>
      </c>
      <c r="DD26" s="280">
        <v>0</v>
      </c>
      <c r="DE26" s="280">
        <v>0</v>
      </c>
      <c r="DF26" s="280">
        <v>0</v>
      </c>
      <c r="DG26" s="277">
        <v>0</v>
      </c>
      <c r="DH26" s="282">
        <v>0</v>
      </c>
    </row>
    <row r="27" spans="2:112" ht="21" customHeight="1" x14ac:dyDescent="0.2">
      <c r="B27" s="261" t="s">
        <v>25</v>
      </c>
      <c r="C27" s="276">
        <v>0</v>
      </c>
      <c r="D27" s="280">
        <v>0</v>
      </c>
      <c r="E27" s="384">
        <v>0</v>
      </c>
      <c r="F27" s="279">
        <v>0</v>
      </c>
      <c r="G27" s="280">
        <v>99</v>
      </c>
      <c r="H27" s="280">
        <v>36</v>
      </c>
      <c r="I27" s="280">
        <v>184</v>
      </c>
      <c r="J27" s="280">
        <v>0</v>
      </c>
      <c r="K27" s="280">
        <v>12</v>
      </c>
      <c r="L27" s="281">
        <v>331</v>
      </c>
      <c r="M27" s="282">
        <v>331</v>
      </c>
      <c r="N27" s="276">
        <v>0</v>
      </c>
      <c r="O27" s="280">
        <v>0</v>
      </c>
      <c r="P27" s="277">
        <v>0</v>
      </c>
      <c r="Q27" s="279">
        <v>0</v>
      </c>
      <c r="R27" s="280">
        <v>0</v>
      </c>
      <c r="S27" s="280">
        <v>0</v>
      </c>
      <c r="T27" s="280">
        <v>3</v>
      </c>
      <c r="U27" s="280">
        <v>0</v>
      </c>
      <c r="V27" s="280">
        <v>0</v>
      </c>
      <c r="W27" s="277">
        <v>3</v>
      </c>
      <c r="X27" s="282">
        <v>3</v>
      </c>
      <c r="Y27" s="276">
        <v>4</v>
      </c>
      <c r="Z27" s="280">
        <v>6</v>
      </c>
      <c r="AA27" s="277">
        <v>10</v>
      </c>
      <c r="AB27" s="279">
        <v>0</v>
      </c>
      <c r="AC27" s="280">
        <v>24</v>
      </c>
      <c r="AD27" s="280">
        <v>22</v>
      </c>
      <c r="AE27" s="280">
        <v>27</v>
      </c>
      <c r="AF27" s="280">
        <v>15</v>
      </c>
      <c r="AG27" s="280">
        <v>0</v>
      </c>
      <c r="AH27" s="277">
        <v>88</v>
      </c>
      <c r="AI27" s="282">
        <v>98</v>
      </c>
      <c r="AJ27" s="276">
        <v>0</v>
      </c>
      <c r="AK27" s="280">
        <v>24</v>
      </c>
      <c r="AL27" s="277">
        <v>24</v>
      </c>
      <c r="AM27" s="279">
        <v>0</v>
      </c>
      <c r="AN27" s="280">
        <v>0</v>
      </c>
      <c r="AO27" s="280">
        <v>0</v>
      </c>
      <c r="AP27" s="280">
        <v>16</v>
      </c>
      <c r="AQ27" s="280">
        <v>0</v>
      </c>
      <c r="AR27" s="280">
        <v>0</v>
      </c>
      <c r="AS27" s="277">
        <v>16</v>
      </c>
      <c r="AT27" s="282">
        <v>40</v>
      </c>
      <c r="AU27" s="276">
        <v>0</v>
      </c>
      <c r="AV27" s="280">
        <v>0</v>
      </c>
      <c r="AW27" s="277">
        <v>0</v>
      </c>
      <c r="AX27" s="279">
        <v>0</v>
      </c>
      <c r="AY27" s="280">
        <v>71</v>
      </c>
      <c r="AZ27" s="280">
        <v>16</v>
      </c>
      <c r="BA27" s="280">
        <v>11</v>
      </c>
      <c r="BB27" s="280">
        <v>46</v>
      </c>
      <c r="BC27" s="280">
        <v>0</v>
      </c>
      <c r="BD27" s="281">
        <v>144</v>
      </c>
      <c r="BE27" s="282">
        <v>144</v>
      </c>
      <c r="BF27" s="276">
        <v>0</v>
      </c>
      <c r="BG27" s="280">
        <v>0</v>
      </c>
      <c r="BH27" s="277">
        <v>0</v>
      </c>
      <c r="BI27" s="279">
        <v>0</v>
      </c>
      <c r="BJ27" s="280">
        <v>12</v>
      </c>
      <c r="BK27" s="280">
        <v>37</v>
      </c>
      <c r="BL27" s="280">
        <v>20</v>
      </c>
      <c r="BM27" s="280">
        <v>6</v>
      </c>
      <c r="BN27" s="280">
        <v>8</v>
      </c>
      <c r="BO27" s="277">
        <v>83</v>
      </c>
      <c r="BP27" s="282">
        <v>83</v>
      </c>
      <c r="BQ27" s="276">
        <v>0</v>
      </c>
      <c r="BR27" s="280">
        <v>0</v>
      </c>
      <c r="BS27" s="277">
        <v>0</v>
      </c>
      <c r="BT27" s="279">
        <v>0</v>
      </c>
      <c r="BU27" s="280">
        <v>3</v>
      </c>
      <c r="BV27" s="280">
        <v>0</v>
      </c>
      <c r="BW27" s="280">
        <v>0</v>
      </c>
      <c r="BX27" s="280">
        <v>18</v>
      </c>
      <c r="BY27" s="280">
        <v>0</v>
      </c>
      <c r="BZ27" s="277">
        <v>21</v>
      </c>
      <c r="CA27" s="282">
        <v>21</v>
      </c>
      <c r="CB27" s="276">
        <v>0</v>
      </c>
      <c r="CC27" s="280">
        <v>0</v>
      </c>
      <c r="CD27" s="277">
        <v>0</v>
      </c>
      <c r="CE27" s="279">
        <v>0</v>
      </c>
      <c r="CF27" s="280">
        <v>0</v>
      </c>
      <c r="CG27" s="280">
        <v>0</v>
      </c>
      <c r="CH27" s="280">
        <v>0</v>
      </c>
      <c r="CI27" s="280">
        <v>0</v>
      </c>
      <c r="CJ27" s="280">
        <v>11</v>
      </c>
      <c r="CK27" s="277">
        <v>11</v>
      </c>
      <c r="CL27" s="282">
        <v>11</v>
      </c>
      <c r="CM27" s="276">
        <v>0</v>
      </c>
      <c r="CN27" s="280">
        <v>0</v>
      </c>
      <c r="CO27" s="277">
        <v>0</v>
      </c>
      <c r="CP27" s="279">
        <v>0</v>
      </c>
      <c r="CQ27" s="280">
        <v>0</v>
      </c>
      <c r="CR27" s="280">
        <v>0</v>
      </c>
      <c r="CS27" s="280">
        <v>0</v>
      </c>
      <c r="CT27" s="280">
        <v>0</v>
      </c>
      <c r="CU27" s="280">
        <v>0</v>
      </c>
      <c r="CV27" s="277">
        <v>0</v>
      </c>
      <c r="CW27" s="282">
        <v>0</v>
      </c>
      <c r="CX27" s="276">
        <v>0</v>
      </c>
      <c r="CY27" s="280">
        <v>0</v>
      </c>
      <c r="CZ27" s="277">
        <v>0</v>
      </c>
      <c r="DA27" s="279">
        <v>0</v>
      </c>
      <c r="DB27" s="280">
        <v>0</v>
      </c>
      <c r="DC27" s="280">
        <v>0</v>
      </c>
      <c r="DD27" s="280">
        <v>0</v>
      </c>
      <c r="DE27" s="280">
        <v>0</v>
      </c>
      <c r="DF27" s="280">
        <v>0</v>
      </c>
      <c r="DG27" s="277">
        <v>0</v>
      </c>
      <c r="DH27" s="282">
        <v>0</v>
      </c>
    </row>
    <row r="28" spans="2:112" ht="21" customHeight="1" x14ac:dyDescent="0.2">
      <c r="B28" s="261" t="s">
        <v>26</v>
      </c>
      <c r="C28" s="276">
        <v>0</v>
      </c>
      <c r="D28" s="280">
        <v>0</v>
      </c>
      <c r="E28" s="384">
        <v>0</v>
      </c>
      <c r="F28" s="279">
        <v>0</v>
      </c>
      <c r="G28" s="280">
        <v>79</v>
      </c>
      <c r="H28" s="280">
        <v>133</v>
      </c>
      <c r="I28" s="280">
        <v>214</v>
      </c>
      <c r="J28" s="280">
        <v>13</v>
      </c>
      <c r="K28" s="280">
        <v>0</v>
      </c>
      <c r="L28" s="281">
        <v>439</v>
      </c>
      <c r="M28" s="282">
        <v>439</v>
      </c>
      <c r="N28" s="276">
        <v>0</v>
      </c>
      <c r="O28" s="280">
        <v>0</v>
      </c>
      <c r="P28" s="277">
        <v>0</v>
      </c>
      <c r="Q28" s="279">
        <v>0</v>
      </c>
      <c r="R28" s="280">
        <v>0</v>
      </c>
      <c r="S28" s="280">
        <v>0</v>
      </c>
      <c r="T28" s="280">
        <v>2</v>
      </c>
      <c r="U28" s="280">
        <v>9</v>
      </c>
      <c r="V28" s="280">
        <v>6</v>
      </c>
      <c r="W28" s="277">
        <v>17</v>
      </c>
      <c r="X28" s="282">
        <v>17</v>
      </c>
      <c r="Y28" s="276">
        <v>0</v>
      </c>
      <c r="Z28" s="280">
        <v>0</v>
      </c>
      <c r="AA28" s="277">
        <v>0</v>
      </c>
      <c r="AB28" s="279">
        <v>0</v>
      </c>
      <c r="AC28" s="280">
        <v>11</v>
      </c>
      <c r="AD28" s="280">
        <v>26</v>
      </c>
      <c r="AE28" s="280">
        <v>33</v>
      </c>
      <c r="AF28" s="280">
        <v>9</v>
      </c>
      <c r="AG28" s="280">
        <v>20</v>
      </c>
      <c r="AH28" s="277">
        <v>99</v>
      </c>
      <c r="AI28" s="282">
        <v>99</v>
      </c>
      <c r="AJ28" s="276">
        <v>0</v>
      </c>
      <c r="AK28" s="280">
        <v>0</v>
      </c>
      <c r="AL28" s="277">
        <v>0</v>
      </c>
      <c r="AM28" s="279">
        <v>0</v>
      </c>
      <c r="AN28" s="280">
        <v>0</v>
      </c>
      <c r="AO28" s="280">
        <v>0</v>
      </c>
      <c r="AP28" s="280">
        <v>12</v>
      </c>
      <c r="AQ28" s="280">
        <v>0</v>
      </c>
      <c r="AR28" s="280">
        <v>0</v>
      </c>
      <c r="AS28" s="277">
        <v>12</v>
      </c>
      <c r="AT28" s="282">
        <v>12</v>
      </c>
      <c r="AU28" s="276">
        <v>0</v>
      </c>
      <c r="AV28" s="280">
        <v>0</v>
      </c>
      <c r="AW28" s="277">
        <v>0</v>
      </c>
      <c r="AX28" s="279">
        <v>0</v>
      </c>
      <c r="AY28" s="280">
        <v>55</v>
      </c>
      <c r="AZ28" s="280">
        <v>89</v>
      </c>
      <c r="BA28" s="280">
        <v>47</v>
      </c>
      <c r="BB28" s="280">
        <v>0</v>
      </c>
      <c r="BC28" s="280">
        <v>31</v>
      </c>
      <c r="BD28" s="281">
        <v>222</v>
      </c>
      <c r="BE28" s="282">
        <v>222</v>
      </c>
      <c r="BF28" s="276">
        <v>0</v>
      </c>
      <c r="BG28" s="280">
        <v>0</v>
      </c>
      <c r="BH28" s="277">
        <v>0</v>
      </c>
      <c r="BI28" s="279">
        <v>0</v>
      </c>
      <c r="BJ28" s="280">
        <v>9</v>
      </c>
      <c r="BK28" s="280">
        <v>29</v>
      </c>
      <c r="BL28" s="280">
        <v>25</v>
      </c>
      <c r="BM28" s="280">
        <v>1</v>
      </c>
      <c r="BN28" s="280">
        <v>0</v>
      </c>
      <c r="BO28" s="277">
        <v>64</v>
      </c>
      <c r="BP28" s="282">
        <v>64</v>
      </c>
      <c r="BQ28" s="276">
        <v>0</v>
      </c>
      <c r="BR28" s="280">
        <v>0</v>
      </c>
      <c r="BS28" s="277">
        <v>0</v>
      </c>
      <c r="BT28" s="279">
        <v>0</v>
      </c>
      <c r="BU28" s="280">
        <v>7</v>
      </c>
      <c r="BV28" s="280">
        <v>34</v>
      </c>
      <c r="BW28" s="280">
        <v>2</v>
      </c>
      <c r="BX28" s="280">
        <v>0</v>
      </c>
      <c r="BY28" s="280">
        <v>8</v>
      </c>
      <c r="BZ28" s="277">
        <v>51</v>
      </c>
      <c r="CA28" s="282">
        <v>51</v>
      </c>
      <c r="CB28" s="276">
        <v>0</v>
      </c>
      <c r="CC28" s="280">
        <v>0</v>
      </c>
      <c r="CD28" s="277">
        <v>0</v>
      </c>
      <c r="CE28" s="279">
        <v>0</v>
      </c>
      <c r="CF28" s="280">
        <v>0</v>
      </c>
      <c r="CG28" s="280">
        <v>2</v>
      </c>
      <c r="CH28" s="280">
        <v>2</v>
      </c>
      <c r="CI28" s="280">
        <v>13</v>
      </c>
      <c r="CJ28" s="280">
        <v>0</v>
      </c>
      <c r="CK28" s="277">
        <v>17</v>
      </c>
      <c r="CL28" s="282">
        <v>17</v>
      </c>
      <c r="CM28" s="276">
        <v>0</v>
      </c>
      <c r="CN28" s="280">
        <v>0</v>
      </c>
      <c r="CO28" s="277">
        <v>0</v>
      </c>
      <c r="CP28" s="279">
        <v>0</v>
      </c>
      <c r="CQ28" s="280">
        <v>0</v>
      </c>
      <c r="CR28" s="280">
        <v>0</v>
      </c>
      <c r="CS28" s="280">
        <v>0</v>
      </c>
      <c r="CT28" s="280">
        <v>0</v>
      </c>
      <c r="CU28" s="280">
        <v>0</v>
      </c>
      <c r="CV28" s="277">
        <v>0</v>
      </c>
      <c r="CW28" s="282">
        <v>0</v>
      </c>
      <c r="CX28" s="276">
        <v>0</v>
      </c>
      <c r="CY28" s="280">
        <v>0</v>
      </c>
      <c r="CZ28" s="277">
        <v>0</v>
      </c>
      <c r="DA28" s="279">
        <v>0</v>
      </c>
      <c r="DB28" s="280">
        <v>0</v>
      </c>
      <c r="DC28" s="280">
        <v>0</v>
      </c>
      <c r="DD28" s="280">
        <v>0</v>
      </c>
      <c r="DE28" s="280">
        <v>0</v>
      </c>
      <c r="DF28" s="280">
        <v>0</v>
      </c>
      <c r="DG28" s="277">
        <v>0</v>
      </c>
      <c r="DH28" s="282">
        <v>0</v>
      </c>
    </row>
    <row r="29" spans="2:112" ht="21" customHeight="1" x14ac:dyDescent="0.2">
      <c r="B29" s="261" t="s">
        <v>27</v>
      </c>
      <c r="C29" s="276">
        <v>0</v>
      </c>
      <c r="D29" s="280">
        <v>0</v>
      </c>
      <c r="E29" s="384">
        <v>0</v>
      </c>
      <c r="F29" s="279">
        <v>0</v>
      </c>
      <c r="G29" s="280">
        <v>13</v>
      </c>
      <c r="H29" s="280">
        <v>46</v>
      </c>
      <c r="I29" s="280">
        <v>125</v>
      </c>
      <c r="J29" s="280">
        <v>195</v>
      </c>
      <c r="K29" s="280">
        <v>123</v>
      </c>
      <c r="L29" s="281">
        <v>502</v>
      </c>
      <c r="M29" s="282">
        <v>502</v>
      </c>
      <c r="N29" s="276">
        <v>0</v>
      </c>
      <c r="O29" s="280">
        <v>0</v>
      </c>
      <c r="P29" s="277">
        <v>0</v>
      </c>
      <c r="Q29" s="279">
        <v>0</v>
      </c>
      <c r="R29" s="280">
        <v>0</v>
      </c>
      <c r="S29" s="280">
        <v>4</v>
      </c>
      <c r="T29" s="280">
        <v>0</v>
      </c>
      <c r="U29" s="280">
        <v>3</v>
      </c>
      <c r="V29" s="280">
        <v>8</v>
      </c>
      <c r="W29" s="277">
        <v>15</v>
      </c>
      <c r="X29" s="282">
        <v>15</v>
      </c>
      <c r="Y29" s="276">
        <v>5</v>
      </c>
      <c r="Z29" s="280">
        <v>27</v>
      </c>
      <c r="AA29" s="277">
        <v>32</v>
      </c>
      <c r="AB29" s="279">
        <v>0</v>
      </c>
      <c r="AC29" s="280">
        <v>26</v>
      </c>
      <c r="AD29" s="280">
        <v>44</v>
      </c>
      <c r="AE29" s="280">
        <v>27</v>
      </c>
      <c r="AF29" s="280">
        <v>20</v>
      </c>
      <c r="AG29" s="280">
        <v>40</v>
      </c>
      <c r="AH29" s="277">
        <v>157</v>
      </c>
      <c r="AI29" s="282">
        <v>189</v>
      </c>
      <c r="AJ29" s="276">
        <v>0</v>
      </c>
      <c r="AK29" s="280">
        <v>0</v>
      </c>
      <c r="AL29" s="277">
        <v>0</v>
      </c>
      <c r="AM29" s="279">
        <v>0</v>
      </c>
      <c r="AN29" s="280">
        <v>0</v>
      </c>
      <c r="AO29" s="280">
        <v>9</v>
      </c>
      <c r="AP29" s="280">
        <v>0</v>
      </c>
      <c r="AQ29" s="280">
        <v>0</v>
      </c>
      <c r="AR29" s="280">
        <v>0</v>
      </c>
      <c r="AS29" s="277">
        <v>9</v>
      </c>
      <c r="AT29" s="282">
        <v>9</v>
      </c>
      <c r="AU29" s="276">
        <v>0</v>
      </c>
      <c r="AV29" s="280">
        <v>0</v>
      </c>
      <c r="AW29" s="277">
        <v>0</v>
      </c>
      <c r="AX29" s="279">
        <v>0</v>
      </c>
      <c r="AY29" s="280">
        <v>72</v>
      </c>
      <c r="AZ29" s="280">
        <v>36</v>
      </c>
      <c r="BA29" s="280">
        <v>51</v>
      </c>
      <c r="BB29" s="280">
        <v>27</v>
      </c>
      <c r="BC29" s="280">
        <v>0</v>
      </c>
      <c r="BD29" s="281">
        <v>186</v>
      </c>
      <c r="BE29" s="282">
        <v>186</v>
      </c>
      <c r="BF29" s="276">
        <v>0</v>
      </c>
      <c r="BG29" s="280">
        <v>0</v>
      </c>
      <c r="BH29" s="277">
        <v>0</v>
      </c>
      <c r="BI29" s="279">
        <v>0</v>
      </c>
      <c r="BJ29" s="280">
        <v>6</v>
      </c>
      <c r="BK29" s="280">
        <v>30</v>
      </c>
      <c r="BL29" s="280">
        <v>4</v>
      </c>
      <c r="BM29" s="280">
        <v>0</v>
      </c>
      <c r="BN29" s="280">
        <v>0</v>
      </c>
      <c r="BO29" s="277">
        <v>40</v>
      </c>
      <c r="BP29" s="282">
        <v>40</v>
      </c>
      <c r="BQ29" s="276">
        <v>0</v>
      </c>
      <c r="BR29" s="280">
        <v>0</v>
      </c>
      <c r="BS29" s="277">
        <v>0</v>
      </c>
      <c r="BT29" s="279">
        <v>0</v>
      </c>
      <c r="BU29" s="280">
        <v>3</v>
      </c>
      <c r="BV29" s="280">
        <v>30</v>
      </c>
      <c r="BW29" s="280">
        <v>4</v>
      </c>
      <c r="BX29" s="280">
        <v>0</v>
      </c>
      <c r="BY29" s="280">
        <v>3</v>
      </c>
      <c r="BZ29" s="277">
        <v>40</v>
      </c>
      <c r="CA29" s="282">
        <v>40</v>
      </c>
      <c r="CB29" s="276">
        <v>0</v>
      </c>
      <c r="CC29" s="280">
        <v>0</v>
      </c>
      <c r="CD29" s="277">
        <v>0</v>
      </c>
      <c r="CE29" s="279">
        <v>0</v>
      </c>
      <c r="CF29" s="280">
        <v>0</v>
      </c>
      <c r="CG29" s="280">
        <v>0</v>
      </c>
      <c r="CH29" s="280">
        <v>0</v>
      </c>
      <c r="CI29" s="280">
        <v>0</v>
      </c>
      <c r="CJ29" s="280">
        <v>0</v>
      </c>
      <c r="CK29" s="277">
        <v>0</v>
      </c>
      <c r="CL29" s="282">
        <v>0</v>
      </c>
      <c r="CM29" s="276">
        <v>0</v>
      </c>
      <c r="CN29" s="280">
        <v>0</v>
      </c>
      <c r="CO29" s="277">
        <v>0</v>
      </c>
      <c r="CP29" s="279">
        <v>0</v>
      </c>
      <c r="CQ29" s="280">
        <v>0</v>
      </c>
      <c r="CR29" s="280">
        <v>0</v>
      </c>
      <c r="CS29" s="280">
        <v>0</v>
      </c>
      <c r="CT29" s="280">
        <v>0</v>
      </c>
      <c r="CU29" s="280">
        <v>0</v>
      </c>
      <c r="CV29" s="277">
        <v>0</v>
      </c>
      <c r="CW29" s="282">
        <v>0</v>
      </c>
      <c r="CX29" s="276">
        <v>0</v>
      </c>
      <c r="CY29" s="280">
        <v>0</v>
      </c>
      <c r="CZ29" s="277">
        <v>0</v>
      </c>
      <c r="DA29" s="279">
        <v>0</v>
      </c>
      <c r="DB29" s="280">
        <v>0</v>
      </c>
      <c r="DC29" s="280">
        <v>0</v>
      </c>
      <c r="DD29" s="280">
        <v>0</v>
      </c>
      <c r="DE29" s="280">
        <v>0</v>
      </c>
      <c r="DF29" s="280">
        <v>0</v>
      </c>
      <c r="DG29" s="277">
        <v>0</v>
      </c>
      <c r="DH29" s="282">
        <v>0</v>
      </c>
    </row>
    <row r="30" spans="2:112" ht="21" customHeight="1" x14ac:dyDescent="0.2">
      <c r="B30" s="261" t="s">
        <v>28</v>
      </c>
      <c r="C30" s="276">
        <v>0</v>
      </c>
      <c r="D30" s="280">
        <v>0</v>
      </c>
      <c r="E30" s="384">
        <v>0</v>
      </c>
      <c r="F30" s="279">
        <v>0</v>
      </c>
      <c r="G30" s="280">
        <v>0</v>
      </c>
      <c r="H30" s="280">
        <v>0</v>
      </c>
      <c r="I30" s="280">
        <v>0</v>
      </c>
      <c r="J30" s="280">
        <v>80</v>
      </c>
      <c r="K30" s="280">
        <v>0</v>
      </c>
      <c r="L30" s="281">
        <v>80</v>
      </c>
      <c r="M30" s="282">
        <v>80</v>
      </c>
      <c r="N30" s="276">
        <v>0</v>
      </c>
      <c r="O30" s="280">
        <v>0</v>
      </c>
      <c r="P30" s="277">
        <v>0</v>
      </c>
      <c r="Q30" s="279">
        <v>0</v>
      </c>
      <c r="R30" s="280">
        <v>0</v>
      </c>
      <c r="S30" s="280">
        <v>0</v>
      </c>
      <c r="T30" s="280">
        <v>0</v>
      </c>
      <c r="U30" s="280">
        <v>0</v>
      </c>
      <c r="V30" s="280">
        <v>1</v>
      </c>
      <c r="W30" s="277">
        <v>1</v>
      </c>
      <c r="X30" s="282">
        <v>1</v>
      </c>
      <c r="Y30" s="276">
        <v>0</v>
      </c>
      <c r="Z30" s="280">
        <v>0</v>
      </c>
      <c r="AA30" s="277">
        <v>0</v>
      </c>
      <c r="AB30" s="279">
        <v>0</v>
      </c>
      <c r="AC30" s="280">
        <v>0</v>
      </c>
      <c r="AD30" s="280">
        <v>7</v>
      </c>
      <c r="AE30" s="280">
        <v>38</v>
      </c>
      <c r="AF30" s="280">
        <v>49</v>
      </c>
      <c r="AG30" s="280">
        <v>17</v>
      </c>
      <c r="AH30" s="277">
        <v>111</v>
      </c>
      <c r="AI30" s="282">
        <v>111</v>
      </c>
      <c r="AJ30" s="276">
        <v>0</v>
      </c>
      <c r="AK30" s="280">
        <v>0</v>
      </c>
      <c r="AL30" s="277">
        <v>0</v>
      </c>
      <c r="AM30" s="279">
        <v>0</v>
      </c>
      <c r="AN30" s="280">
        <v>0</v>
      </c>
      <c r="AO30" s="280">
        <v>0</v>
      </c>
      <c r="AP30" s="280">
        <v>0</v>
      </c>
      <c r="AQ30" s="280">
        <v>0</v>
      </c>
      <c r="AR30" s="280">
        <v>0</v>
      </c>
      <c r="AS30" s="277">
        <v>0</v>
      </c>
      <c r="AT30" s="282">
        <v>0</v>
      </c>
      <c r="AU30" s="276">
        <v>0</v>
      </c>
      <c r="AV30" s="280">
        <v>0</v>
      </c>
      <c r="AW30" s="277">
        <v>0</v>
      </c>
      <c r="AX30" s="279">
        <v>0</v>
      </c>
      <c r="AY30" s="280">
        <v>17</v>
      </c>
      <c r="AZ30" s="280">
        <v>0</v>
      </c>
      <c r="BA30" s="280">
        <v>0</v>
      </c>
      <c r="BB30" s="280">
        <v>0</v>
      </c>
      <c r="BC30" s="280">
        <v>0</v>
      </c>
      <c r="BD30" s="281">
        <v>17</v>
      </c>
      <c r="BE30" s="282">
        <v>17</v>
      </c>
      <c r="BF30" s="276">
        <v>0</v>
      </c>
      <c r="BG30" s="280">
        <v>0</v>
      </c>
      <c r="BH30" s="277">
        <v>0</v>
      </c>
      <c r="BI30" s="279">
        <v>0</v>
      </c>
      <c r="BJ30" s="280">
        <v>0</v>
      </c>
      <c r="BK30" s="280">
        <v>0</v>
      </c>
      <c r="BL30" s="280">
        <v>6</v>
      </c>
      <c r="BM30" s="280">
        <v>0</v>
      </c>
      <c r="BN30" s="280">
        <v>0</v>
      </c>
      <c r="BO30" s="277">
        <v>6</v>
      </c>
      <c r="BP30" s="282">
        <v>6</v>
      </c>
      <c r="BQ30" s="276">
        <v>0</v>
      </c>
      <c r="BR30" s="280">
        <v>0</v>
      </c>
      <c r="BS30" s="277">
        <v>0</v>
      </c>
      <c r="BT30" s="279">
        <v>0</v>
      </c>
      <c r="BU30" s="280">
        <v>0</v>
      </c>
      <c r="BV30" s="280">
        <v>0</v>
      </c>
      <c r="BW30" s="280">
        <v>0</v>
      </c>
      <c r="BX30" s="280">
        <v>0</v>
      </c>
      <c r="BY30" s="280">
        <v>23</v>
      </c>
      <c r="BZ30" s="277">
        <v>23</v>
      </c>
      <c r="CA30" s="282">
        <v>23</v>
      </c>
      <c r="CB30" s="276">
        <v>0</v>
      </c>
      <c r="CC30" s="280">
        <v>0</v>
      </c>
      <c r="CD30" s="277">
        <v>0</v>
      </c>
      <c r="CE30" s="279">
        <v>0</v>
      </c>
      <c r="CF30" s="280">
        <v>0</v>
      </c>
      <c r="CG30" s="280">
        <v>0</v>
      </c>
      <c r="CH30" s="280">
        <v>0</v>
      </c>
      <c r="CI30" s="280">
        <v>0</v>
      </c>
      <c r="CJ30" s="280">
        <v>0</v>
      </c>
      <c r="CK30" s="277">
        <v>0</v>
      </c>
      <c r="CL30" s="282">
        <v>0</v>
      </c>
      <c r="CM30" s="276">
        <v>0</v>
      </c>
      <c r="CN30" s="280">
        <v>0</v>
      </c>
      <c r="CO30" s="277">
        <v>0</v>
      </c>
      <c r="CP30" s="279">
        <v>0</v>
      </c>
      <c r="CQ30" s="280">
        <v>0</v>
      </c>
      <c r="CR30" s="280">
        <v>0</v>
      </c>
      <c r="CS30" s="280">
        <v>0</v>
      </c>
      <c r="CT30" s="280">
        <v>0</v>
      </c>
      <c r="CU30" s="280">
        <v>0</v>
      </c>
      <c r="CV30" s="277">
        <v>0</v>
      </c>
      <c r="CW30" s="282">
        <v>0</v>
      </c>
      <c r="CX30" s="276">
        <v>0</v>
      </c>
      <c r="CY30" s="280">
        <v>0</v>
      </c>
      <c r="CZ30" s="277">
        <v>0</v>
      </c>
      <c r="DA30" s="279">
        <v>0</v>
      </c>
      <c r="DB30" s="280">
        <v>0</v>
      </c>
      <c r="DC30" s="280">
        <v>0</v>
      </c>
      <c r="DD30" s="280">
        <v>0</v>
      </c>
      <c r="DE30" s="280">
        <v>0</v>
      </c>
      <c r="DF30" s="280">
        <v>0</v>
      </c>
      <c r="DG30" s="277">
        <v>0</v>
      </c>
      <c r="DH30" s="282">
        <v>0</v>
      </c>
    </row>
    <row r="31" spans="2:112" ht="21" customHeight="1" x14ac:dyDescent="0.2">
      <c r="B31" s="261" t="s">
        <v>29</v>
      </c>
      <c r="C31" s="276">
        <v>0</v>
      </c>
      <c r="D31" s="280">
        <v>0</v>
      </c>
      <c r="E31" s="384">
        <v>0</v>
      </c>
      <c r="F31" s="279">
        <v>0</v>
      </c>
      <c r="G31" s="280">
        <v>40</v>
      </c>
      <c r="H31" s="280">
        <v>0</v>
      </c>
      <c r="I31" s="280">
        <v>0</v>
      </c>
      <c r="J31" s="280">
        <v>0</v>
      </c>
      <c r="K31" s="280">
        <v>0</v>
      </c>
      <c r="L31" s="281">
        <v>40</v>
      </c>
      <c r="M31" s="282">
        <v>40</v>
      </c>
      <c r="N31" s="276">
        <v>0</v>
      </c>
      <c r="O31" s="280">
        <v>0</v>
      </c>
      <c r="P31" s="277">
        <v>0</v>
      </c>
      <c r="Q31" s="279">
        <v>0</v>
      </c>
      <c r="R31" s="280">
        <v>0</v>
      </c>
      <c r="S31" s="280">
        <v>0</v>
      </c>
      <c r="T31" s="280">
        <v>0</v>
      </c>
      <c r="U31" s="280">
        <v>0</v>
      </c>
      <c r="V31" s="280">
        <v>6</v>
      </c>
      <c r="W31" s="277">
        <v>6</v>
      </c>
      <c r="X31" s="282">
        <v>6</v>
      </c>
      <c r="Y31" s="276">
        <v>0</v>
      </c>
      <c r="Z31" s="280">
        <v>2</v>
      </c>
      <c r="AA31" s="277">
        <v>2</v>
      </c>
      <c r="AB31" s="279">
        <v>0</v>
      </c>
      <c r="AC31" s="280">
        <v>0</v>
      </c>
      <c r="AD31" s="280">
        <v>4</v>
      </c>
      <c r="AE31" s="280">
        <v>0</v>
      </c>
      <c r="AF31" s="280">
        <v>0</v>
      </c>
      <c r="AG31" s="280">
        <v>0</v>
      </c>
      <c r="AH31" s="277">
        <v>4</v>
      </c>
      <c r="AI31" s="282">
        <v>6</v>
      </c>
      <c r="AJ31" s="276">
        <v>0</v>
      </c>
      <c r="AK31" s="280">
        <v>0</v>
      </c>
      <c r="AL31" s="277">
        <v>0</v>
      </c>
      <c r="AM31" s="279">
        <v>0</v>
      </c>
      <c r="AN31" s="280">
        <v>27</v>
      </c>
      <c r="AO31" s="280">
        <v>0</v>
      </c>
      <c r="AP31" s="280">
        <v>0</v>
      </c>
      <c r="AQ31" s="280">
        <v>0</v>
      </c>
      <c r="AR31" s="280">
        <v>0</v>
      </c>
      <c r="AS31" s="277">
        <v>27</v>
      </c>
      <c r="AT31" s="282">
        <v>27</v>
      </c>
      <c r="AU31" s="276">
        <v>0</v>
      </c>
      <c r="AV31" s="280">
        <v>0</v>
      </c>
      <c r="AW31" s="277">
        <v>0</v>
      </c>
      <c r="AX31" s="279">
        <v>0</v>
      </c>
      <c r="AY31" s="280">
        <v>42</v>
      </c>
      <c r="AZ31" s="280">
        <v>64</v>
      </c>
      <c r="BA31" s="280">
        <v>14</v>
      </c>
      <c r="BB31" s="280">
        <v>9</v>
      </c>
      <c r="BC31" s="280">
        <v>0</v>
      </c>
      <c r="BD31" s="281">
        <v>129</v>
      </c>
      <c r="BE31" s="282">
        <v>129</v>
      </c>
      <c r="BF31" s="276">
        <v>0</v>
      </c>
      <c r="BG31" s="280">
        <v>0</v>
      </c>
      <c r="BH31" s="277">
        <v>0</v>
      </c>
      <c r="BI31" s="279">
        <v>0</v>
      </c>
      <c r="BJ31" s="280">
        <v>0</v>
      </c>
      <c r="BK31" s="280">
        <v>0</v>
      </c>
      <c r="BL31" s="280">
        <v>3</v>
      </c>
      <c r="BM31" s="280">
        <v>0</v>
      </c>
      <c r="BN31" s="280">
        <v>0</v>
      </c>
      <c r="BO31" s="277">
        <v>3</v>
      </c>
      <c r="BP31" s="282">
        <v>3</v>
      </c>
      <c r="BQ31" s="276">
        <v>0</v>
      </c>
      <c r="BR31" s="280">
        <v>0</v>
      </c>
      <c r="BS31" s="277">
        <v>0</v>
      </c>
      <c r="BT31" s="279">
        <v>0</v>
      </c>
      <c r="BU31" s="280">
        <v>0</v>
      </c>
      <c r="BV31" s="280">
        <v>8</v>
      </c>
      <c r="BW31" s="280">
        <v>0</v>
      </c>
      <c r="BX31" s="280">
        <v>0</v>
      </c>
      <c r="BY31" s="280">
        <v>8</v>
      </c>
      <c r="BZ31" s="277">
        <v>16</v>
      </c>
      <c r="CA31" s="282">
        <v>16</v>
      </c>
      <c r="CB31" s="276">
        <v>0</v>
      </c>
      <c r="CC31" s="280">
        <v>0</v>
      </c>
      <c r="CD31" s="277">
        <v>0</v>
      </c>
      <c r="CE31" s="279">
        <v>0</v>
      </c>
      <c r="CF31" s="280">
        <v>0</v>
      </c>
      <c r="CG31" s="280">
        <v>0</v>
      </c>
      <c r="CH31" s="280">
        <v>0</v>
      </c>
      <c r="CI31" s="280">
        <v>0</v>
      </c>
      <c r="CJ31" s="280">
        <v>4</v>
      </c>
      <c r="CK31" s="277">
        <v>4</v>
      </c>
      <c r="CL31" s="282">
        <v>4</v>
      </c>
      <c r="CM31" s="276">
        <v>0</v>
      </c>
      <c r="CN31" s="280">
        <v>0</v>
      </c>
      <c r="CO31" s="277">
        <v>0</v>
      </c>
      <c r="CP31" s="279">
        <v>0</v>
      </c>
      <c r="CQ31" s="280">
        <v>0</v>
      </c>
      <c r="CR31" s="280">
        <v>0</v>
      </c>
      <c r="CS31" s="280">
        <v>0</v>
      </c>
      <c r="CT31" s="280">
        <v>0</v>
      </c>
      <c r="CU31" s="280">
        <v>0</v>
      </c>
      <c r="CV31" s="277">
        <v>0</v>
      </c>
      <c r="CW31" s="282">
        <v>0</v>
      </c>
      <c r="CX31" s="276">
        <v>0</v>
      </c>
      <c r="CY31" s="280">
        <v>0</v>
      </c>
      <c r="CZ31" s="277">
        <v>0</v>
      </c>
      <c r="DA31" s="279">
        <v>0</v>
      </c>
      <c r="DB31" s="280">
        <v>0</v>
      </c>
      <c r="DC31" s="280">
        <v>0</v>
      </c>
      <c r="DD31" s="280">
        <v>0</v>
      </c>
      <c r="DE31" s="280">
        <v>0</v>
      </c>
      <c r="DF31" s="280">
        <v>0</v>
      </c>
      <c r="DG31" s="277">
        <v>0</v>
      </c>
      <c r="DH31" s="282">
        <v>0</v>
      </c>
    </row>
    <row r="32" spans="2:112" ht="21" customHeight="1" x14ac:dyDescent="0.2">
      <c r="B32" s="261" t="s">
        <v>30</v>
      </c>
      <c r="C32" s="276">
        <v>0</v>
      </c>
      <c r="D32" s="280">
        <v>0</v>
      </c>
      <c r="E32" s="384">
        <v>0</v>
      </c>
      <c r="F32" s="279">
        <v>0</v>
      </c>
      <c r="G32" s="280">
        <v>44</v>
      </c>
      <c r="H32" s="280">
        <v>7</v>
      </c>
      <c r="I32" s="280">
        <v>8</v>
      </c>
      <c r="J32" s="280">
        <v>16</v>
      </c>
      <c r="K32" s="280">
        <v>0</v>
      </c>
      <c r="L32" s="281">
        <v>75</v>
      </c>
      <c r="M32" s="282">
        <v>75</v>
      </c>
      <c r="N32" s="276">
        <v>0</v>
      </c>
      <c r="O32" s="280">
        <v>0</v>
      </c>
      <c r="P32" s="277">
        <v>0</v>
      </c>
      <c r="Q32" s="279">
        <v>0</v>
      </c>
      <c r="R32" s="280">
        <v>0</v>
      </c>
      <c r="S32" s="280">
        <v>0</v>
      </c>
      <c r="T32" s="280">
        <v>0</v>
      </c>
      <c r="U32" s="280">
        <v>0</v>
      </c>
      <c r="V32" s="280">
        <v>0</v>
      </c>
      <c r="W32" s="277">
        <v>0</v>
      </c>
      <c r="X32" s="282">
        <v>0</v>
      </c>
      <c r="Y32" s="276">
        <v>0</v>
      </c>
      <c r="Z32" s="280">
        <v>9</v>
      </c>
      <c r="AA32" s="277">
        <v>9</v>
      </c>
      <c r="AB32" s="279">
        <v>0</v>
      </c>
      <c r="AC32" s="280">
        <v>0</v>
      </c>
      <c r="AD32" s="280">
        <v>0</v>
      </c>
      <c r="AE32" s="280">
        <v>4</v>
      </c>
      <c r="AF32" s="280">
        <v>4</v>
      </c>
      <c r="AG32" s="280">
        <v>0</v>
      </c>
      <c r="AH32" s="277">
        <v>8</v>
      </c>
      <c r="AI32" s="282">
        <v>17</v>
      </c>
      <c r="AJ32" s="276">
        <v>0</v>
      </c>
      <c r="AK32" s="280">
        <v>0</v>
      </c>
      <c r="AL32" s="277">
        <v>0</v>
      </c>
      <c r="AM32" s="279">
        <v>0</v>
      </c>
      <c r="AN32" s="280">
        <v>0</v>
      </c>
      <c r="AO32" s="280">
        <v>0</v>
      </c>
      <c r="AP32" s="280">
        <v>0</v>
      </c>
      <c r="AQ32" s="280">
        <v>0</v>
      </c>
      <c r="AR32" s="280">
        <v>0</v>
      </c>
      <c r="AS32" s="277">
        <v>0</v>
      </c>
      <c r="AT32" s="282">
        <v>0</v>
      </c>
      <c r="AU32" s="276">
        <v>0</v>
      </c>
      <c r="AV32" s="280">
        <v>0</v>
      </c>
      <c r="AW32" s="277">
        <v>0</v>
      </c>
      <c r="AX32" s="279">
        <v>0</v>
      </c>
      <c r="AY32" s="280">
        <v>5</v>
      </c>
      <c r="AZ32" s="280">
        <v>0</v>
      </c>
      <c r="BA32" s="280">
        <v>0</v>
      </c>
      <c r="BB32" s="280">
        <v>25</v>
      </c>
      <c r="BC32" s="280">
        <v>0</v>
      </c>
      <c r="BD32" s="281">
        <v>30</v>
      </c>
      <c r="BE32" s="282">
        <v>30</v>
      </c>
      <c r="BF32" s="276">
        <v>0</v>
      </c>
      <c r="BG32" s="280">
        <v>0</v>
      </c>
      <c r="BH32" s="277">
        <v>0</v>
      </c>
      <c r="BI32" s="279">
        <v>0</v>
      </c>
      <c r="BJ32" s="280">
        <v>0</v>
      </c>
      <c r="BK32" s="280">
        <v>0</v>
      </c>
      <c r="BL32" s="280">
        <v>11</v>
      </c>
      <c r="BM32" s="280">
        <v>0</v>
      </c>
      <c r="BN32" s="280">
        <v>0</v>
      </c>
      <c r="BO32" s="277">
        <v>11</v>
      </c>
      <c r="BP32" s="282">
        <v>11</v>
      </c>
      <c r="BQ32" s="276">
        <v>0</v>
      </c>
      <c r="BR32" s="280">
        <v>0</v>
      </c>
      <c r="BS32" s="277">
        <v>0</v>
      </c>
      <c r="BT32" s="279">
        <v>0</v>
      </c>
      <c r="BU32" s="280">
        <v>0</v>
      </c>
      <c r="BV32" s="280">
        <v>0</v>
      </c>
      <c r="BW32" s="280">
        <v>7</v>
      </c>
      <c r="BX32" s="280">
        <v>0</v>
      </c>
      <c r="BY32" s="280">
        <v>0</v>
      </c>
      <c r="BZ32" s="277">
        <v>7</v>
      </c>
      <c r="CA32" s="282">
        <v>7</v>
      </c>
      <c r="CB32" s="276">
        <v>0</v>
      </c>
      <c r="CC32" s="280">
        <v>0</v>
      </c>
      <c r="CD32" s="277">
        <v>0</v>
      </c>
      <c r="CE32" s="279">
        <v>0</v>
      </c>
      <c r="CF32" s="280">
        <v>0</v>
      </c>
      <c r="CG32" s="280">
        <v>0</v>
      </c>
      <c r="CH32" s="280">
        <v>0</v>
      </c>
      <c r="CI32" s="280">
        <v>0</v>
      </c>
      <c r="CJ32" s="280">
        <v>0</v>
      </c>
      <c r="CK32" s="277">
        <v>0</v>
      </c>
      <c r="CL32" s="282">
        <v>0</v>
      </c>
      <c r="CM32" s="276">
        <v>0</v>
      </c>
      <c r="CN32" s="280">
        <v>0</v>
      </c>
      <c r="CO32" s="277">
        <v>0</v>
      </c>
      <c r="CP32" s="279">
        <v>0</v>
      </c>
      <c r="CQ32" s="280">
        <v>0</v>
      </c>
      <c r="CR32" s="280">
        <v>0</v>
      </c>
      <c r="CS32" s="280">
        <v>0</v>
      </c>
      <c r="CT32" s="280">
        <v>0</v>
      </c>
      <c r="CU32" s="280">
        <v>0</v>
      </c>
      <c r="CV32" s="277">
        <v>0</v>
      </c>
      <c r="CW32" s="282">
        <v>0</v>
      </c>
      <c r="CX32" s="276">
        <v>0</v>
      </c>
      <c r="CY32" s="280">
        <v>0</v>
      </c>
      <c r="CZ32" s="277">
        <v>0</v>
      </c>
      <c r="DA32" s="279">
        <v>0</v>
      </c>
      <c r="DB32" s="280">
        <v>0</v>
      </c>
      <c r="DC32" s="280">
        <v>0</v>
      </c>
      <c r="DD32" s="280">
        <v>0</v>
      </c>
      <c r="DE32" s="280">
        <v>0</v>
      </c>
      <c r="DF32" s="280">
        <v>0</v>
      </c>
      <c r="DG32" s="277">
        <v>0</v>
      </c>
      <c r="DH32" s="282">
        <v>0</v>
      </c>
    </row>
    <row r="33" spans="2:112" ht="21" customHeight="1" x14ac:dyDescent="0.2">
      <c r="B33" s="261" t="s">
        <v>31</v>
      </c>
      <c r="C33" s="276">
        <v>0</v>
      </c>
      <c r="D33" s="280">
        <v>0</v>
      </c>
      <c r="E33" s="384">
        <v>0</v>
      </c>
      <c r="F33" s="279">
        <v>0</v>
      </c>
      <c r="G33" s="280">
        <v>5</v>
      </c>
      <c r="H33" s="280">
        <v>7</v>
      </c>
      <c r="I33" s="280">
        <v>17</v>
      </c>
      <c r="J33" s="280">
        <v>0</v>
      </c>
      <c r="K33" s="280">
        <v>0</v>
      </c>
      <c r="L33" s="281">
        <v>29</v>
      </c>
      <c r="M33" s="282">
        <v>29</v>
      </c>
      <c r="N33" s="276">
        <v>0</v>
      </c>
      <c r="O33" s="280">
        <v>0</v>
      </c>
      <c r="P33" s="277">
        <v>0</v>
      </c>
      <c r="Q33" s="279">
        <v>0</v>
      </c>
      <c r="R33" s="280">
        <v>0</v>
      </c>
      <c r="S33" s="280">
        <v>5</v>
      </c>
      <c r="T33" s="280">
        <v>18</v>
      </c>
      <c r="U33" s="280">
        <v>0</v>
      </c>
      <c r="V33" s="280">
        <v>0</v>
      </c>
      <c r="W33" s="277">
        <v>23</v>
      </c>
      <c r="X33" s="282">
        <v>23</v>
      </c>
      <c r="Y33" s="276">
        <v>2</v>
      </c>
      <c r="Z33" s="280">
        <v>0</v>
      </c>
      <c r="AA33" s="277">
        <v>2</v>
      </c>
      <c r="AB33" s="279">
        <v>0</v>
      </c>
      <c r="AC33" s="280">
        <v>0</v>
      </c>
      <c r="AD33" s="280">
        <v>0</v>
      </c>
      <c r="AE33" s="280">
        <v>12</v>
      </c>
      <c r="AF33" s="280">
        <v>12</v>
      </c>
      <c r="AG33" s="280">
        <v>0</v>
      </c>
      <c r="AH33" s="277">
        <v>24</v>
      </c>
      <c r="AI33" s="282">
        <v>26</v>
      </c>
      <c r="AJ33" s="276">
        <v>0</v>
      </c>
      <c r="AK33" s="280">
        <v>0</v>
      </c>
      <c r="AL33" s="277">
        <v>0</v>
      </c>
      <c r="AM33" s="279">
        <v>0</v>
      </c>
      <c r="AN33" s="280">
        <v>0</v>
      </c>
      <c r="AO33" s="280">
        <v>35</v>
      </c>
      <c r="AP33" s="280">
        <v>0</v>
      </c>
      <c r="AQ33" s="280">
        <v>0</v>
      </c>
      <c r="AR33" s="280">
        <v>0</v>
      </c>
      <c r="AS33" s="277">
        <v>35</v>
      </c>
      <c r="AT33" s="282">
        <v>35</v>
      </c>
      <c r="AU33" s="276">
        <v>0</v>
      </c>
      <c r="AV33" s="280">
        <v>0</v>
      </c>
      <c r="AW33" s="277">
        <v>0</v>
      </c>
      <c r="AX33" s="279">
        <v>0</v>
      </c>
      <c r="AY33" s="280">
        <v>18</v>
      </c>
      <c r="AZ33" s="280">
        <v>26</v>
      </c>
      <c r="BA33" s="280">
        <v>5</v>
      </c>
      <c r="BB33" s="280">
        <v>8</v>
      </c>
      <c r="BC33" s="280">
        <v>0</v>
      </c>
      <c r="BD33" s="281">
        <v>57</v>
      </c>
      <c r="BE33" s="282">
        <v>57</v>
      </c>
      <c r="BF33" s="276">
        <v>0</v>
      </c>
      <c r="BG33" s="280">
        <v>0</v>
      </c>
      <c r="BH33" s="277">
        <v>0</v>
      </c>
      <c r="BI33" s="279">
        <v>0</v>
      </c>
      <c r="BJ33" s="280">
        <v>8</v>
      </c>
      <c r="BK33" s="280">
        <v>14</v>
      </c>
      <c r="BL33" s="280">
        <v>0</v>
      </c>
      <c r="BM33" s="280">
        <v>8</v>
      </c>
      <c r="BN33" s="280">
        <v>0</v>
      </c>
      <c r="BO33" s="277">
        <v>30</v>
      </c>
      <c r="BP33" s="282">
        <v>30</v>
      </c>
      <c r="BQ33" s="276">
        <v>0</v>
      </c>
      <c r="BR33" s="280">
        <v>0</v>
      </c>
      <c r="BS33" s="277">
        <v>0</v>
      </c>
      <c r="BT33" s="279">
        <v>0</v>
      </c>
      <c r="BU33" s="280">
        <v>0</v>
      </c>
      <c r="BV33" s="280">
        <v>18</v>
      </c>
      <c r="BW33" s="280">
        <v>0</v>
      </c>
      <c r="BX33" s="280">
        <v>0</v>
      </c>
      <c r="BY33" s="280">
        <v>0</v>
      </c>
      <c r="BZ33" s="277">
        <v>18</v>
      </c>
      <c r="CA33" s="282">
        <v>18</v>
      </c>
      <c r="CB33" s="276">
        <v>0</v>
      </c>
      <c r="CC33" s="280">
        <v>0</v>
      </c>
      <c r="CD33" s="277">
        <v>0</v>
      </c>
      <c r="CE33" s="279">
        <v>0</v>
      </c>
      <c r="CF33" s="280">
        <v>0</v>
      </c>
      <c r="CG33" s="280">
        <v>0</v>
      </c>
      <c r="CH33" s="280">
        <v>0</v>
      </c>
      <c r="CI33" s="280">
        <v>0</v>
      </c>
      <c r="CJ33" s="280">
        <v>0</v>
      </c>
      <c r="CK33" s="277">
        <v>0</v>
      </c>
      <c r="CL33" s="282">
        <v>0</v>
      </c>
      <c r="CM33" s="276">
        <v>0</v>
      </c>
      <c r="CN33" s="280">
        <v>0</v>
      </c>
      <c r="CO33" s="277">
        <v>0</v>
      </c>
      <c r="CP33" s="279">
        <v>0</v>
      </c>
      <c r="CQ33" s="280">
        <v>0</v>
      </c>
      <c r="CR33" s="280">
        <v>0</v>
      </c>
      <c r="CS33" s="280">
        <v>0</v>
      </c>
      <c r="CT33" s="280">
        <v>0</v>
      </c>
      <c r="CU33" s="280">
        <v>0</v>
      </c>
      <c r="CV33" s="277">
        <v>0</v>
      </c>
      <c r="CW33" s="282">
        <v>0</v>
      </c>
      <c r="CX33" s="276">
        <v>0</v>
      </c>
      <c r="CY33" s="280">
        <v>0</v>
      </c>
      <c r="CZ33" s="277">
        <v>0</v>
      </c>
      <c r="DA33" s="279">
        <v>0</v>
      </c>
      <c r="DB33" s="280">
        <v>0</v>
      </c>
      <c r="DC33" s="280">
        <v>0</v>
      </c>
      <c r="DD33" s="280">
        <v>0</v>
      </c>
      <c r="DE33" s="280">
        <v>0</v>
      </c>
      <c r="DF33" s="280">
        <v>0</v>
      </c>
      <c r="DG33" s="277">
        <v>0</v>
      </c>
      <c r="DH33" s="282">
        <v>0</v>
      </c>
    </row>
    <row r="34" spans="2:112" ht="21" customHeight="1" x14ac:dyDescent="0.2">
      <c r="B34" s="261" t="s">
        <v>32</v>
      </c>
      <c r="C34" s="276">
        <v>0</v>
      </c>
      <c r="D34" s="280">
        <v>0</v>
      </c>
      <c r="E34" s="384">
        <v>0</v>
      </c>
      <c r="F34" s="279">
        <v>0</v>
      </c>
      <c r="G34" s="280">
        <v>8</v>
      </c>
      <c r="H34" s="280">
        <v>40</v>
      </c>
      <c r="I34" s="280">
        <v>70</v>
      </c>
      <c r="J34" s="280">
        <v>127</v>
      </c>
      <c r="K34" s="280">
        <v>92</v>
      </c>
      <c r="L34" s="281">
        <v>337</v>
      </c>
      <c r="M34" s="282">
        <v>337</v>
      </c>
      <c r="N34" s="276">
        <v>0</v>
      </c>
      <c r="O34" s="280">
        <v>0</v>
      </c>
      <c r="P34" s="277">
        <v>0</v>
      </c>
      <c r="Q34" s="279">
        <v>0</v>
      </c>
      <c r="R34" s="280">
        <v>0</v>
      </c>
      <c r="S34" s="280">
        <v>0</v>
      </c>
      <c r="T34" s="280">
        <v>0</v>
      </c>
      <c r="U34" s="280">
        <v>0</v>
      </c>
      <c r="V34" s="280">
        <v>3</v>
      </c>
      <c r="W34" s="277">
        <v>3</v>
      </c>
      <c r="X34" s="282">
        <v>3</v>
      </c>
      <c r="Y34" s="276">
        <v>0</v>
      </c>
      <c r="Z34" s="280">
        <v>2</v>
      </c>
      <c r="AA34" s="277">
        <v>2</v>
      </c>
      <c r="AB34" s="279">
        <v>0</v>
      </c>
      <c r="AC34" s="280">
        <v>4</v>
      </c>
      <c r="AD34" s="280">
        <v>13</v>
      </c>
      <c r="AE34" s="280">
        <v>13</v>
      </c>
      <c r="AF34" s="280">
        <v>0</v>
      </c>
      <c r="AG34" s="280">
        <v>0</v>
      </c>
      <c r="AH34" s="277">
        <v>30</v>
      </c>
      <c r="AI34" s="282">
        <v>32</v>
      </c>
      <c r="AJ34" s="276">
        <v>0</v>
      </c>
      <c r="AK34" s="280">
        <v>0</v>
      </c>
      <c r="AL34" s="277">
        <v>0</v>
      </c>
      <c r="AM34" s="279">
        <v>0</v>
      </c>
      <c r="AN34" s="280">
        <v>0</v>
      </c>
      <c r="AO34" s="280">
        <v>9</v>
      </c>
      <c r="AP34" s="280">
        <v>0</v>
      </c>
      <c r="AQ34" s="280">
        <v>0</v>
      </c>
      <c r="AR34" s="280">
        <v>0</v>
      </c>
      <c r="AS34" s="277">
        <v>9</v>
      </c>
      <c r="AT34" s="282">
        <v>9</v>
      </c>
      <c r="AU34" s="276">
        <v>0</v>
      </c>
      <c r="AV34" s="280">
        <v>0</v>
      </c>
      <c r="AW34" s="277">
        <v>0</v>
      </c>
      <c r="AX34" s="279">
        <v>0</v>
      </c>
      <c r="AY34" s="280">
        <v>16</v>
      </c>
      <c r="AZ34" s="280">
        <v>20</v>
      </c>
      <c r="BA34" s="280">
        <v>53</v>
      </c>
      <c r="BB34" s="280">
        <v>0</v>
      </c>
      <c r="BC34" s="280">
        <v>14</v>
      </c>
      <c r="BD34" s="281">
        <v>103</v>
      </c>
      <c r="BE34" s="282">
        <v>103</v>
      </c>
      <c r="BF34" s="276">
        <v>0</v>
      </c>
      <c r="BG34" s="280">
        <v>0</v>
      </c>
      <c r="BH34" s="277">
        <v>0</v>
      </c>
      <c r="BI34" s="279">
        <v>0</v>
      </c>
      <c r="BJ34" s="280">
        <v>15</v>
      </c>
      <c r="BK34" s="280">
        <v>8</v>
      </c>
      <c r="BL34" s="280">
        <v>7</v>
      </c>
      <c r="BM34" s="280">
        <v>0</v>
      </c>
      <c r="BN34" s="280">
        <v>5</v>
      </c>
      <c r="BO34" s="277">
        <v>35</v>
      </c>
      <c r="BP34" s="282">
        <v>35</v>
      </c>
      <c r="BQ34" s="276">
        <v>0</v>
      </c>
      <c r="BR34" s="280">
        <v>0</v>
      </c>
      <c r="BS34" s="277">
        <v>0</v>
      </c>
      <c r="BT34" s="279">
        <v>0</v>
      </c>
      <c r="BU34" s="280">
        <v>0</v>
      </c>
      <c r="BV34" s="280">
        <v>0</v>
      </c>
      <c r="BW34" s="280">
        <v>0</v>
      </c>
      <c r="BX34" s="280">
        <v>0</v>
      </c>
      <c r="BY34" s="280">
        <v>7</v>
      </c>
      <c r="BZ34" s="277">
        <v>7</v>
      </c>
      <c r="CA34" s="282">
        <v>7</v>
      </c>
      <c r="CB34" s="276">
        <v>0</v>
      </c>
      <c r="CC34" s="280">
        <v>0</v>
      </c>
      <c r="CD34" s="277">
        <v>0</v>
      </c>
      <c r="CE34" s="279">
        <v>0</v>
      </c>
      <c r="CF34" s="280">
        <v>0</v>
      </c>
      <c r="CG34" s="280">
        <v>0</v>
      </c>
      <c r="CH34" s="280">
        <v>0</v>
      </c>
      <c r="CI34" s="280">
        <v>0</v>
      </c>
      <c r="CJ34" s="280">
        <v>0</v>
      </c>
      <c r="CK34" s="277">
        <v>0</v>
      </c>
      <c r="CL34" s="282">
        <v>0</v>
      </c>
      <c r="CM34" s="276">
        <v>0</v>
      </c>
      <c r="CN34" s="280">
        <v>0</v>
      </c>
      <c r="CO34" s="277">
        <v>0</v>
      </c>
      <c r="CP34" s="279">
        <v>0</v>
      </c>
      <c r="CQ34" s="280">
        <v>0</v>
      </c>
      <c r="CR34" s="280">
        <v>0</v>
      </c>
      <c r="CS34" s="280">
        <v>0</v>
      </c>
      <c r="CT34" s="280">
        <v>0</v>
      </c>
      <c r="CU34" s="280">
        <v>0</v>
      </c>
      <c r="CV34" s="277">
        <v>0</v>
      </c>
      <c r="CW34" s="282">
        <v>0</v>
      </c>
      <c r="CX34" s="276">
        <v>0</v>
      </c>
      <c r="CY34" s="280">
        <v>0</v>
      </c>
      <c r="CZ34" s="277">
        <v>0</v>
      </c>
      <c r="DA34" s="279">
        <v>0</v>
      </c>
      <c r="DB34" s="280">
        <v>0</v>
      </c>
      <c r="DC34" s="280">
        <v>0</v>
      </c>
      <c r="DD34" s="280">
        <v>0</v>
      </c>
      <c r="DE34" s="280">
        <v>0</v>
      </c>
      <c r="DF34" s="280">
        <v>0</v>
      </c>
      <c r="DG34" s="277">
        <v>0</v>
      </c>
      <c r="DH34" s="282">
        <v>0</v>
      </c>
    </row>
    <row r="35" spans="2:112" ht="21" customHeight="1" x14ac:dyDescent="0.2">
      <c r="B35" s="261" t="s">
        <v>33</v>
      </c>
      <c r="C35" s="276">
        <v>0</v>
      </c>
      <c r="D35" s="280">
        <v>0</v>
      </c>
      <c r="E35" s="384">
        <v>0</v>
      </c>
      <c r="F35" s="279">
        <v>0</v>
      </c>
      <c r="G35" s="280">
        <v>8</v>
      </c>
      <c r="H35" s="280">
        <v>0</v>
      </c>
      <c r="I35" s="280">
        <v>0</v>
      </c>
      <c r="J35" s="280">
        <v>0</v>
      </c>
      <c r="K35" s="280">
        <v>11</v>
      </c>
      <c r="L35" s="281">
        <v>19</v>
      </c>
      <c r="M35" s="282">
        <v>19</v>
      </c>
      <c r="N35" s="276">
        <v>0</v>
      </c>
      <c r="O35" s="280">
        <v>0</v>
      </c>
      <c r="P35" s="277">
        <v>0</v>
      </c>
      <c r="Q35" s="279">
        <v>0</v>
      </c>
      <c r="R35" s="280">
        <v>0</v>
      </c>
      <c r="S35" s="280">
        <v>0</v>
      </c>
      <c r="T35" s="280">
        <v>0</v>
      </c>
      <c r="U35" s="280">
        <v>5</v>
      </c>
      <c r="V35" s="280">
        <v>0</v>
      </c>
      <c r="W35" s="277">
        <v>5</v>
      </c>
      <c r="X35" s="282">
        <v>5</v>
      </c>
      <c r="Y35" s="276">
        <v>0</v>
      </c>
      <c r="Z35" s="280">
        <v>0</v>
      </c>
      <c r="AA35" s="277">
        <v>0</v>
      </c>
      <c r="AB35" s="279">
        <v>0</v>
      </c>
      <c r="AC35" s="280">
        <v>5</v>
      </c>
      <c r="AD35" s="280">
        <v>4</v>
      </c>
      <c r="AE35" s="280">
        <v>0</v>
      </c>
      <c r="AF35" s="280">
        <v>0</v>
      </c>
      <c r="AG35" s="280">
        <v>5</v>
      </c>
      <c r="AH35" s="277">
        <v>14</v>
      </c>
      <c r="AI35" s="282">
        <v>14</v>
      </c>
      <c r="AJ35" s="276">
        <v>12</v>
      </c>
      <c r="AK35" s="280">
        <v>12</v>
      </c>
      <c r="AL35" s="277">
        <v>24</v>
      </c>
      <c r="AM35" s="279">
        <v>0</v>
      </c>
      <c r="AN35" s="280">
        <v>12</v>
      </c>
      <c r="AO35" s="280">
        <v>0</v>
      </c>
      <c r="AP35" s="280">
        <v>0</v>
      </c>
      <c r="AQ35" s="280">
        <v>27</v>
      </c>
      <c r="AR35" s="280">
        <v>24</v>
      </c>
      <c r="AS35" s="277">
        <v>63</v>
      </c>
      <c r="AT35" s="282">
        <v>87</v>
      </c>
      <c r="AU35" s="276">
        <v>0</v>
      </c>
      <c r="AV35" s="280">
        <v>0</v>
      </c>
      <c r="AW35" s="277">
        <v>0</v>
      </c>
      <c r="AX35" s="279">
        <v>0</v>
      </c>
      <c r="AY35" s="280">
        <v>3</v>
      </c>
      <c r="AZ35" s="280">
        <v>0</v>
      </c>
      <c r="BA35" s="280">
        <v>0</v>
      </c>
      <c r="BB35" s="280">
        <v>0</v>
      </c>
      <c r="BC35" s="280">
        <v>0</v>
      </c>
      <c r="BD35" s="281">
        <v>3</v>
      </c>
      <c r="BE35" s="282">
        <v>3</v>
      </c>
      <c r="BF35" s="276">
        <v>0</v>
      </c>
      <c r="BG35" s="280">
        <v>0</v>
      </c>
      <c r="BH35" s="277">
        <v>0</v>
      </c>
      <c r="BI35" s="279">
        <v>0</v>
      </c>
      <c r="BJ35" s="280">
        <v>8</v>
      </c>
      <c r="BK35" s="280">
        <v>8</v>
      </c>
      <c r="BL35" s="280">
        <v>0</v>
      </c>
      <c r="BM35" s="280">
        <v>0</v>
      </c>
      <c r="BN35" s="280">
        <v>0</v>
      </c>
      <c r="BO35" s="277">
        <v>16</v>
      </c>
      <c r="BP35" s="282">
        <v>16</v>
      </c>
      <c r="BQ35" s="276">
        <v>0</v>
      </c>
      <c r="BR35" s="280">
        <v>0</v>
      </c>
      <c r="BS35" s="277">
        <v>0</v>
      </c>
      <c r="BT35" s="279">
        <v>0</v>
      </c>
      <c r="BU35" s="280">
        <v>0</v>
      </c>
      <c r="BV35" s="280">
        <v>0</v>
      </c>
      <c r="BW35" s="280">
        <v>0</v>
      </c>
      <c r="BX35" s="280">
        <v>0</v>
      </c>
      <c r="BY35" s="280">
        <v>0</v>
      </c>
      <c r="BZ35" s="277">
        <v>0</v>
      </c>
      <c r="CA35" s="282">
        <v>0</v>
      </c>
      <c r="CB35" s="276">
        <v>0</v>
      </c>
      <c r="CC35" s="280">
        <v>0</v>
      </c>
      <c r="CD35" s="277">
        <v>0</v>
      </c>
      <c r="CE35" s="279">
        <v>0</v>
      </c>
      <c r="CF35" s="280">
        <v>0</v>
      </c>
      <c r="CG35" s="280">
        <v>0</v>
      </c>
      <c r="CH35" s="280">
        <v>0</v>
      </c>
      <c r="CI35" s="280">
        <v>0</v>
      </c>
      <c r="CJ35" s="280">
        <v>0</v>
      </c>
      <c r="CK35" s="277">
        <v>0</v>
      </c>
      <c r="CL35" s="282">
        <v>0</v>
      </c>
      <c r="CM35" s="276">
        <v>0</v>
      </c>
      <c r="CN35" s="280">
        <v>0</v>
      </c>
      <c r="CO35" s="277">
        <v>0</v>
      </c>
      <c r="CP35" s="279">
        <v>0</v>
      </c>
      <c r="CQ35" s="280">
        <v>0</v>
      </c>
      <c r="CR35" s="280">
        <v>0</v>
      </c>
      <c r="CS35" s="280">
        <v>0</v>
      </c>
      <c r="CT35" s="280">
        <v>0</v>
      </c>
      <c r="CU35" s="280">
        <v>0</v>
      </c>
      <c r="CV35" s="277">
        <v>0</v>
      </c>
      <c r="CW35" s="282">
        <v>0</v>
      </c>
      <c r="CX35" s="276">
        <v>0</v>
      </c>
      <c r="CY35" s="280">
        <v>0</v>
      </c>
      <c r="CZ35" s="277">
        <v>0</v>
      </c>
      <c r="DA35" s="279">
        <v>0</v>
      </c>
      <c r="DB35" s="280">
        <v>0</v>
      </c>
      <c r="DC35" s="280">
        <v>0</v>
      </c>
      <c r="DD35" s="280">
        <v>0</v>
      </c>
      <c r="DE35" s="280">
        <v>0</v>
      </c>
      <c r="DF35" s="280">
        <v>0</v>
      </c>
      <c r="DG35" s="277">
        <v>0</v>
      </c>
      <c r="DH35" s="282">
        <v>0</v>
      </c>
    </row>
    <row r="36" spans="2:112" ht="21" customHeight="1" x14ac:dyDescent="0.2">
      <c r="B36" s="261" t="s">
        <v>34</v>
      </c>
      <c r="C36" s="276">
        <v>0</v>
      </c>
      <c r="D36" s="280">
        <v>0</v>
      </c>
      <c r="E36" s="384">
        <v>0</v>
      </c>
      <c r="F36" s="279">
        <v>0</v>
      </c>
      <c r="G36" s="280">
        <v>0</v>
      </c>
      <c r="H36" s="280">
        <v>0</v>
      </c>
      <c r="I36" s="280">
        <v>0</v>
      </c>
      <c r="J36" s="280">
        <v>0</v>
      </c>
      <c r="K36" s="280">
        <v>0</v>
      </c>
      <c r="L36" s="281">
        <v>0</v>
      </c>
      <c r="M36" s="282">
        <v>0</v>
      </c>
      <c r="N36" s="276">
        <v>0</v>
      </c>
      <c r="O36" s="280">
        <v>0</v>
      </c>
      <c r="P36" s="277">
        <v>0</v>
      </c>
      <c r="Q36" s="279">
        <v>0</v>
      </c>
      <c r="R36" s="280">
        <v>0</v>
      </c>
      <c r="S36" s="280">
        <v>0</v>
      </c>
      <c r="T36" s="280">
        <v>0</v>
      </c>
      <c r="U36" s="280">
        <v>0</v>
      </c>
      <c r="V36" s="280">
        <v>0</v>
      </c>
      <c r="W36" s="277">
        <v>0</v>
      </c>
      <c r="X36" s="282">
        <v>0</v>
      </c>
      <c r="Y36" s="276">
        <v>0</v>
      </c>
      <c r="Z36" s="280">
        <v>0</v>
      </c>
      <c r="AA36" s="277">
        <v>0</v>
      </c>
      <c r="AB36" s="279">
        <v>0</v>
      </c>
      <c r="AC36" s="280">
        <v>0</v>
      </c>
      <c r="AD36" s="280">
        <v>0</v>
      </c>
      <c r="AE36" s="280">
        <v>0</v>
      </c>
      <c r="AF36" s="280">
        <v>0</v>
      </c>
      <c r="AG36" s="280">
        <v>0</v>
      </c>
      <c r="AH36" s="277">
        <v>0</v>
      </c>
      <c r="AI36" s="282">
        <v>0</v>
      </c>
      <c r="AJ36" s="276">
        <v>0</v>
      </c>
      <c r="AK36" s="280">
        <v>0</v>
      </c>
      <c r="AL36" s="277">
        <v>0</v>
      </c>
      <c r="AM36" s="279">
        <v>0</v>
      </c>
      <c r="AN36" s="280">
        <v>0</v>
      </c>
      <c r="AO36" s="280">
        <v>22</v>
      </c>
      <c r="AP36" s="280">
        <v>6</v>
      </c>
      <c r="AQ36" s="280">
        <v>0</v>
      </c>
      <c r="AR36" s="280">
        <v>0</v>
      </c>
      <c r="AS36" s="277">
        <v>28</v>
      </c>
      <c r="AT36" s="282">
        <v>28</v>
      </c>
      <c r="AU36" s="276">
        <v>0</v>
      </c>
      <c r="AV36" s="280">
        <v>0</v>
      </c>
      <c r="AW36" s="277">
        <v>0</v>
      </c>
      <c r="AX36" s="279">
        <v>0</v>
      </c>
      <c r="AY36" s="280">
        <v>0</v>
      </c>
      <c r="AZ36" s="280">
        <v>0</v>
      </c>
      <c r="BA36" s="280">
        <v>0</v>
      </c>
      <c r="BB36" s="280">
        <v>5</v>
      </c>
      <c r="BC36" s="280">
        <v>0</v>
      </c>
      <c r="BD36" s="281">
        <v>5</v>
      </c>
      <c r="BE36" s="282">
        <v>5</v>
      </c>
      <c r="BF36" s="276">
        <v>0</v>
      </c>
      <c r="BG36" s="280">
        <v>0</v>
      </c>
      <c r="BH36" s="277">
        <v>0</v>
      </c>
      <c r="BI36" s="279">
        <v>0</v>
      </c>
      <c r="BJ36" s="280">
        <v>0</v>
      </c>
      <c r="BK36" s="280">
        <v>0</v>
      </c>
      <c r="BL36" s="280">
        <v>0</v>
      </c>
      <c r="BM36" s="280">
        <v>0</v>
      </c>
      <c r="BN36" s="280">
        <v>0</v>
      </c>
      <c r="BO36" s="277">
        <v>0</v>
      </c>
      <c r="BP36" s="282">
        <v>0</v>
      </c>
      <c r="BQ36" s="276">
        <v>0</v>
      </c>
      <c r="BR36" s="280">
        <v>0</v>
      </c>
      <c r="BS36" s="277">
        <v>0</v>
      </c>
      <c r="BT36" s="279">
        <v>0</v>
      </c>
      <c r="BU36" s="280">
        <v>0</v>
      </c>
      <c r="BV36" s="280">
        <v>0</v>
      </c>
      <c r="BW36" s="280">
        <v>0</v>
      </c>
      <c r="BX36" s="280">
        <v>0</v>
      </c>
      <c r="BY36" s="280">
        <v>0</v>
      </c>
      <c r="BZ36" s="277">
        <v>0</v>
      </c>
      <c r="CA36" s="282">
        <v>0</v>
      </c>
      <c r="CB36" s="276">
        <v>0</v>
      </c>
      <c r="CC36" s="280">
        <v>0</v>
      </c>
      <c r="CD36" s="277">
        <v>0</v>
      </c>
      <c r="CE36" s="279">
        <v>0</v>
      </c>
      <c r="CF36" s="280">
        <v>0</v>
      </c>
      <c r="CG36" s="280">
        <v>0</v>
      </c>
      <c r="CH36" s="280">
        <v>0</v>
      </c>
      <c r="CI36" s="280">
        <v>0</v>
      </c>
      <c r="CJ36" s="280">
        <v>0</v>
      </c>
      <c r="CK36" s="277">
        <v>0</v>
      </c>
      <c r="CL36" s="282">
        <v>0</v>
      </c>
      <c r="CM36" s="276">
        <v>0</v>
      </c>
      <c r="CN36" s="280">
        <v>0</v>
      </c>
      <c r="CO36" s="277">
        <v>0</v>
      </c>
      <c r="CP36" s="279">
        <v>0</v>
      </c>
      <c r="CQ36" s="280">
        <v>0</v>
      </c>
      <c r="CR36" s="280">
        <v>0</v>
      </c>
      <c r="CS36" s="280">
        <v>0</v>
      </c>
      <c r="CT36" s="280">
        <v>0</v>
      </c>
      <c r="CU36" s="280">
        <v>0</v>
      </c>
      <c r="CV36" s="277">
        <v>0</v>
      </c>
      <c r="CW36" s="282">
        <v>0</v>
      </c>
      <c r="CX36" s="276">
        <v>0</v>
      </c>
      <c r="CY36" s="280">
        <v>0</v>
      </c>
      <c r="CZ36" s="277">
        <v>0</v>
      </c>
      <c r="DA36" s="279">
        <v>0</v>
      </c>
      <c r="DB36" s="280">
        <v>0</v>
      </c>
      <c r="DC36" s="280">
        <v>0</v>
      </c>
      <c r="DD36" s="280">
        <v>0</v>
      </c>
      <c r="DE36" s="280">
        <v>0</v>
      </c>
      <c r="DF36" s="280">
        <v>0</v>
      </c>
      <c r="DG36" s="277">
        <v>0</v>
      </c>
      <c r="DH36" s="282">
        <v>0</v>
      </c>
    </row>
    <row r="37" spans="2:112" ht="21" customHeight="1" x14ac:dyDescent="0.2">
      <c r="B37" s="261" t="s">
        <v>35</v>
      </c>
      <c r="C37" s="276">
        <v>0</v>
      </c>
      <c r="D37" s="280">
        <v>0</v>
      </c>
      <c r="E37" s="384">
        <v>0</v>
      </c>
      <c r="F37" s="279">
        <v>0</v>
      </c>
      <c r="G37" s="280">
        <v>131</v>
      </c>
      <c r="H37" s="280">
        <v>11</v>
      </c>
      <c r="I37" s="280">
        <v>0</v>
      </c>
      <c r="J37" s="280">
        <v>89</v>
      </c>
      <c r="K37" s="280">
        <v>81</v>
      </c>
      <c r="L37" s="281">
        <v>312</v>
      </c>
      <c r="M37" s="282">
        <v>312</v>
      </c>
      <c r="N37" s="276">
        <v>0</v>
      </c>
      <c r="O37" s="280">
        <v>0</v>
      </c>
      <c r="P37" s="277">
        <v>0</v>
      </c>
      <c r="Q37" s="279">
        <v>0</v>
      </c>
      <c r="R37" s="280">
        <v>0</v>
      </c>
      <c r="S37" s="280">
        <v>0</v>
      </c>
      <c r="T37" s="280">
        <v>0</v>
      </c>
      <c r="U37" s="280">
        <v>0</v>
      </c>
      <c r="V37" s="280">
        <v>13</v>
      </c>
      <c r="W37" s="277">
        <v>13</v>
      </c>
      <c r="X37" s="282">
        <v>13</v>
      </c>
      <c r="Y37" s="276">
        <v>0</v>
      </c>
      <c r="Z37" s="280">
        <v>9</v>
      </c>
      <c r="AA37" s="277">
        <v>9</v>
      </c>
      <c r="AB37" s="279">
        <v>0</v>
      </c>
      <c r="AC37" s="280">
        <v>5</v>
      </c>
      <c r="AD37" s="280">
        <v>9</v>
      </c>
      <c r="AE37" s="280">
        <v>0</v>
      </c>
      <c r="AF37" s="280">
        <v>0</v>
      </c>
      <c r="AG37" s="280">
        <v>9</v>
      </c>
      <c r="AH37" s="277">
        <v>23</v>
      </c>
      <c r="AI37" s="282">
        <v>32</v>
      </c>
      <c r="AJ37" s="276">
        <v>6</v>
      </c>
      <c r="AK37" s="280">
        <v>0</v>
      </c>
      <c r="AL37" s="277">
        <v>6</v>
      </c>
      <c r="AM37" s="279">
        <v>0</v>
      </c>
      <c r="AN37" s="280">
        <v>12</v>
      </c>
      <c r="AO37" s="280">
        <v>12</v>
      </c>
      <c r="AP37" s="280">
        <v>15</v>
      </c>
      <c r="AQ37" s="280">
        <v>38</v>
      </c>
      <c r="AR37" s="280">
        <v>0</v>
      </c>
      <c r="AS37" s="277">
        <v>77</v>
      </c>
      <c r="AT37" s="282">
        <v>83</v>
      </c>
      <c r="AU37" s="276">
        <v>0</v>
      </c>
      <c r="AV37" s="280">
        <v>0</v>
      </c>
      <c r="AW37" s="277">
        <v>0</v>
      </c>
      <c r="AX37" s="279">
        <v>0</v>
      </c>
      <c r="AY37" s="280">
        <v>72</v>
      </c>
      <c r="AZ37" s="280">
        <v>40</v>
      </c>
      <c r="BA37" s="280">
        <v>14</v>
      </c>
      <c r="BB37" s="280">
        <v>0</v>
      </c>
      <c r="BC37" s="280">
        <v>0</v>
      </c>
      <c r="BD37" s="281">
        <v>126</v>
      </c>
      <c r="BE37" s="282">
        <v>126</v>
      </c>
      <c r="BF37" s="276">
        <v>0</v>
      </c>
      <c r="BG37" s="280">
        <v>0</v>
      </c>
      <c r="BH37" s="277">
        <v>0</v>
      </c>
      <c r="BI37" s="279">
        <v>0</v>
      </c>
      <c r="BJ37" s="280">
        <v>16</v>
      </c>
      <c r="BK37" s="280">
        <v>0</v>
      </c>
      <c r="BL37" s="280">
        <v>17</v>
      </c>
      <c r="BM37" s="280">
        <v>0</v>
      </c>
      <c r="BN37" s="280">
        <v>0</v>
      </c>
      <c r="BO37" s="277">
        <v>33</v>
      </c>
      <c r="BP37" s="282">
        <v>33</v>
      </c>
      <c r="BQ37" s="276">
        <v>0</v>
      </c>
      <c r="BR37" s="280">
        <v>0</v>
      </c>
      <c r="BS37" s="277">
        <v>0</v>
      </c>
      <c r="BT37" s="279">
        <v>0</v>
      </c>
      <c r="BU37" s="280">
        <v>0</v>
      </c>
      <c r="BV37" s="280">
        <v>4</v>
      </c>
      <c r="BW37" s="280">
        <v>0</v>
      </c>
      <c r="BX37" s="280">
        <v>0</v>
      </c>
      <c r="BY37" s="280">
        <v>0</v>
      </c>
      <c r="BZ37" s="277">
        <v>4</v>
      </c>
      <c r="CA37" s="282">
        <v>4</v>
      </c>
      <c r="CB37" s="276">
        <v>0</v>
      </c>
      <c r="CC37" s="280">
        <v>0</v>
      </c>
      <c r="CD37" s="277">
        <v>0</v>
      </c>
      <c r="CE37" s="279">
        <v>0</v>
      </c>
      <c r="CF37" s="280">
        <v>0</v>
      </c>
      <c r="CG37" s="280">
        <v>0</v>
      </c>
      <c r="CH37" s="280">
        <v>0</v>
      </c>
      <c r="CI37" s="280">
        <v>0</v>
      </c>
      <c r="CJ37" s="280">
        <v>0</v>
      </c>
      <c r="CK37" s="277">
        <v>0</v>
      </c>
      <c r="CL37" s="282">
        <v>0</v>
      </c>
      <c r="CM37" s="276">
        <v>0</v>
      </c>
      <c r="CN37" s="280">
        <v>0</v>
      </c>
      <c r="CO37" s="277">
        <v>0</v>
      </c>
      <c r="CP37" s="279">
        <v>0</v>
      </c>
      <c r="CQ37" s="280">
        <v>0</v>
      </c>
      <c r="CR37" s="280">
        <v>0</v>
      </c>
      <c r="CS37" s="280">
        <v>0</v>
      </c>
      <c r="CT37" s="280">
        <v>0</v>
      </c>
      <c r="CU37" s="280">
        <v>0</v>
      </c>
      <c r="CV37" s="277">
        <v>0</v>
      </c>
      <c r="CW37" s="282">
        <v>0</v>
      </c>
      <c r="CX37" s="276">
        <v>0</v>
      </c>
      <c r="CY37" s="280">
        <v>0</v>
      </c>
      <c r="CZ37" s="277">
        <v>0</v>
      </c>
      <c r="DA37" s="279">
        <v>0</v>
      </c>
      <c r="DB37" s="280">
        <v>0</v>
      </c>
      <c r="DC37" s="280">
        <v>0</v>
      </c>
      <c r="DD37" s="280">
        <v>0</v>
      </c>
      <c r="DE37" s="280">
        <v>0</v>
      </c>
      <c r="DF37" s="280">
        <v>0</v>
      </c>
      <c r="DG37" s="277">
        <v>0</v>
      </c>
      <c r="DH37" s="282">
        <v>0</v>
      </c>
    </row>
    <row r="38" spans="2:112" ht="21" customHeight="1" x14ac:dyDescent="0.2">
      <c r="B38" s="261" t="s">
        <v>36</v>
      </c>
      <c r="C38" s="276">
        <v>0</v>
      </c>
      <c r="D38" s="280">
        <v>0</v>
      </c>
      <c r="E38" s="384">
        <v>0</v>
      </c>
      <c r="F38" s="279">
        <v>0</v>
      </c>
      <c r="G38" s="280">
        <v>53</v>
      </c>
      <c r="H38" s="280">
        <v>66</v>
      </c>
      <c r="I38" s="280">
        <v>11</v>
      </c>
      <c r="J38" s="280">
        <v>0</v>
      </c>
      <c r="K38" s="280">
        <v>3</v>
      </c>
      <c r="L38" s="281">
        <v>133</v>
      </c>
      <c r="M38" s="282">
        <v>133</v>
      </c>
      <c r="N38" s="276">
        <v>0</v>
      </c>
      <c r="O38" s="280">
        <v>0</v>
      </c>
      <c r="P38" s="277">
        <v>0</v>
      </c>
      <c r="Q38" s="279">
        <v>0</v>
      </c>
      <c r="R38" s="280">
        <v>0</v>
      </c>
      <c r="S38" s="280">
        <v>0</v>
      </c>
      <c r="T38" s="280">
        <v>0</v>
      </c>
      <c r="U38" s="280">
        <v>0</v>
      </c>
      <c r="V38" s="280">
        <v>0</v>
      </c>
      <c r="W38" s="277">
        <v>0</v>
      </c>
      <c r="X38" s="282">
        <v>0</v>
      </c>
      <c r="Y38" s="276">
        <v>0</v>
      </c>
      <c r="Z38" s="280">
        <v>9</v>
      </c>
      <c r="AA38" s="277">
        <v>9</v>
      </c>
      <c r="AB38" s="279">
        <v>0</v>
      </c>
      <c r="AC38" s="280">
        <v>29</v>
      </c>
      <c r="AD38" s="280">
        <v>0</v>
      </c>
      <c r="AE38" s="280">
        <v>12</v>
      </c>
      <c r="AF38" s="280">
        <v>0</v>
      </c>
      <c r="AG38" s="280">
        <v>0</v>
      </c>
      <c r="AH38" s="277">
        <v>41</v>
      </c>
      <c r="AI38" s="282">
        <v>50</v>
      </c>
      <c r="AJ38" s="276">
        <v>0</v>
      </c>
      <c r="AK38" s="280">
        <v>10</v>
      </c>
      <c r="AL38" s="277">
        <v>10</v>
      </c>
      <c r="AM38" s="279">
        <v>0</v>
      </c>
      <c r="AN38" s="280">
        <v>0</v>
      </c>
      <c r="AO38" s="280">
        <v>8</v>
      </c>
      <c r="AP38" s="280">
        <v>12</v>
      </c>
      <c r="AQ38" s="280">
        <v>0</v>
      </c>
      <c r="AR38" s="280">
        <v>0</v>
      </c>
      <c r="AS38" s="277">
        <v>20</v>
      </c>
      <c r="AT38" s="282">
        <v>30</v>
      </c>
      <c r="AU38" s="276">
        <v>0</v>
      </c>
      <c r="AV38" s="280">
        <v>0</v>
      </c>
      <c r="AW38" s="277">
        <v>0</v>
      </c>
      <c r="AX38" s="279">
        <v>0</v>
      </c>
      <c r="AY38" s="280">
        <v>16</v>
      </c>
      <c r="AZ38" s="280">
        <v>12</v>
      </c>
      <c r="BA38" s="280">
        <v>21</v>
      </c>
      <c r="BB38" s="280">
        <v>0</v>
      </c>
      <c r="BC38" s="280">
        <v>0</v>
      </c>
      <c r="BD38" s="281">
        <v>49</v>
      </c>
      <c r="BE38" s="282">
        <v>49</v>
      </c>
      <c r="BF38" s="276">
        <v>0</v>
      </c>
      <c r="BG38" s="280">
        <v>0</v>
      </c>
      <c r="BH38" s="277">
        <v>0</v>
      </c>
      <c r="BI38" s="279">
        <v>0</v>
      </c>
      <c r="BJ38" s="280">
        <v>0</v>
      </c>
      <c r="BK38" s="280">
        <v>8</v>
      </c>
      <c r="BL38" s="280">
        <v>3</v>
      </c>
      <c r="BM38" s="280">
        <v>0</v>
      </c>
      <c r="BN38" s="280">
        <v>0</v>
      </c>
      <c r="BO38" s="277">
        <v>11</v>
      </c>
      <c r="BP38" s="282">
        <v>11</v>
      </c>
      <c r="BQ38" s="276">
        <v>0</v>
      </c>
      <c r="BR38" s="280">
        <v>0</v>
      </c>
      <c r="BS38" s="277">
        <v>0</v>
      </c>
      <c r="BT38" s="279">
        <v>0</v>
      </c>
      <c r="BU38" s="280">
        <v>0</v>
      </c>
      <c r="BV38" s="280">
        <v>0</v>
      </c>
      <c r="BW38" s="280">
        <v>2</v>
      </c>
      <c r="BX38" s="280">
        <v>0</v>
      </c>
      <c r="BY38" s="280">
        <v>0</v>
      </c>
      <c r="BZ38" s="277">
        <v>2</v>
      </c>
      <c r="CA38" s="282">
        <v>2</v>
      </c>
      <c r="CB38" s="276">
        <v>0</v>
      </c>
      <c r="CC38" s="280">
        <v>0</v>
      </c>
      <c r="CD38" s="277">
        <v>0</v>
      </c>
      <c r="CE38" s="279">
        <v>0</v>
      </c>
      <c r="CF38" s="280">
        <v>0</v>
      </c>
      <c r="CG38" s="280">
        <v>0</v>
      </c>
      <c r="CH38" s="280">
        <v>0</v>
      </c>
      <c r="CI38" s="280">
        <v>0</v>
      </c>
      <c r="CJ38" s="280">
        <v>0</v>
      </c>
      <c r="CK38" s="277">
        <v>0</v>
      </c>
      <c r="CL38" s="282">
        <v>0</v>
      </c>
      <c r="CM38" s="276">
        <v>0</v>
      </c>
      <c r="CN38" s="280">
        <v>0</v>
      </c>
      <c r="CO38" s="277">
        <v>0</v>
      </c>
      <c r="CP38" s="279">
        <v>0</v>
      </c>
      <c r="CQ38" s="280">
        <v>0</v>
      </c>
      <c r="CR38" s="280">
        <v>0</v>
      </c>
      <c r="CS38" s="280">
        <v>0</v>
      </c>
      <c r="CT38" s="280">
        <v>0</v>
      </c>
      <c r="CU38" s="280">
        <v>0</v>
      </c>
      <c r="CV38" s="277">
        <v>0</v>
      </c>
      <c r="CW38" s="282">
        <v>0</v>
      </c>
      <c r="CX38" s="276">
        <v>0</v>
      </c>
      <c r="CY38" s="280">
        <v>0</v>
      </c>
      <c r="CZ38" s="277">
        <v>0</v>
      </c>
      <c r="DA38" s="279">
        <v>0</v>
      </c>
      <c r="DB38" s="280">
        <v>0</v>
      </c>
      <c r="DC38" s="280">
        <v>0</v>
      </c>
      <c r="DD38" s="280">
        <v>0</v>
      </c>
      <c r="DE38" s="280">
        <v>0</v>
      </c>
      <c r="DF38" s="280">
        <v>0</v>
      </c>
      <c r="DG38" s="277">
        <v>0</v>
      </c>
      <c r="DH38" s="282">
        <v>0</v>
      </c>
    </row>
    <row r="39" spans="2:112" ht="21" customHeight="1" thickBot="1" x14ac:dyDescent="0.25">
      <c r="B39" s="262" t="s">
        <v>37</v>
      </c>
      <c r="C39" s="283">
        <v>0</v>
      </c>
      <c r="D39" s="287">
        <v>0</v>
      </c>
      <c r="E39" s="385">
        <v>0</v>
      </c>
      <c r="F39" s="286">
        <v>0</v>
      </c>
      <c r="G39" s="287">
        <v>0</v>
      </c>
      <c r="H39" s="287">
        <v>0</v>
      </c>
      <c r="I39" s="287">
        <v>0</v>
      </c>
      <c r="J39" s="287">
        <v>0</v>
      </c>
      <c r="K39" s="287">
        <v>0</v>
      </c>
      <c r="L39" s="288">
        <v>0</v>
      </c>
      <c r="M39" s="289">
        <v>0</v>
      </c>
      <c r="N39" s="283">
        <v>0</v>
      </c>
      <c r="O39" s="287">
        <v>0</v>
      </c>
      <c r="P39" s="284">
        <v>0</v>
      </c>
      <c r="Q39" s="286">
        <v>0</v>
      </c>
      <c r="R39" s="287">
        <v>0</v>
      </c>
      <c r="S39" s="287">
        <v>0</v>
      </c>
      <c r="T39" s="287">
        <v>0</v>
      </c>
      <c r="U39" s="287">
        <v>0</v>
      </c>
      <c r="V39" s="287">
        <v>0</v>
      </c>
      <c r="W39" s="284">
        <v>0</v>
      </c>
      <c r="X39" s="289">
        <v>0</v>
      </c>
      <c r="Y39" s="283">
        <v>0</v>
      </c>
      <c r="Z39" s="287">
        <v>0</v>
      </c>
      <c r="AA39" s="284">
        <v>0</v>
      </c>
      <c r="AB39" s="286">
        <v>0</v>
      </c>
      <c r="AC39" s="287">
        <v>0</v>
      </c>
      <c r="AD39" s="287">
        <v>0</v>
      </c>
      <c r="AE39" s="287">
        <v>0</v>
      </c>
      <c r="AF39" s="287">
        <v>0</v>
      </c>
      <c r="AG39" s="287">
        <v>0</v>
      </c>
      <c r="AH39" s="284">
        <v>0</v>
      </c>
      <c r="AI39" s="289">
        <v>0</v>
      </c>
      <c r="AJ39" s="283">
        <v>0</v>
      </c>
      <c r="AK39" s="287">
        <v>0</v>
      </c>
      <c r="AL39" s="284">
        <v>0</v>
      </c>
      <c r="AM39" s="286">
        <v>0</v>
      </c>
      <c r="AN39" s="287">
        <v>0</v>
      </c>
      <c r="AO39" s="287">
        <v>9</v>
      </c>
      <c r="AP39" s="287">
        <v>0</v>
      </c>
      <c r="AQ39" s="287">
        <v>0</v>
      </c>
      <c r="AR39" s="287">
        <v>0</v>
      </c>
      <c r="AS39" s="284">
        <v>9</v>
      </c>
      <c r="AT39" s="289">
        <v>9</v>
      </c>
      <c r="AU39" s="283">
        <v>0</v>
      </c>
      <c r="AV39" s="287">
        <v>0</v>
      </c>
      <c r="AW39" s="284">
        <v>0</v>
      </c>
      <c r="AX39" s="286">
        <v>0</v>
      </c>
      <c r="AY39" s="287">
        <v>0</v>
      </c>
      <c r="AZ39" s="287">
        <v>11</v>
      </c>
      <c r="BA39" s="287">
        <v>0</v>
      </c>
      <c r="BB39" s="287">
        <v>0</v>
      </c>
      <c r="BC39" s="287">
        <v>0</v>
      </c>
      <c r="BD39" s="288">
        <v>11</v>
      </c>
      <c r="BE39" s="289">
        <v>11</v>
      </c>
      <c r="BF39" s="283">
        <v>0</v>
      </c>
      <c r="BG39" s="287">
        <v>0</v>
      </c>
      <c r="BH39" s="284">
        <v>0</v>
      </c>
      <c r="BI39" s="286">
        <v>0</v>
      </c>
      <c r="BJ39" s="287">
        <v>0</v>
      </c>
      <c r="BK39" s="287">
        <v>0</v>
      </c>
      <c r="BL39" s="287">
        <v>0</v>
      </c>
      <c r="BM39" s="287">
        <v>0</v>
      </c>
      <c r="BN39" s="287">
        <v>0</v>
      </c>
      <c r="BO39" s="284">
        <v>0</v>
      </c>
      <c r="BP39" s="289">
        <v>0</v>
      </c>
      <c r="BQ39" s="283">
        <v>0</v>
      </c>
      <c r="BR39" s="287">
        <v>0</v>
      </c>
      <c r="BS39" s="284">
        <v>0</v>
      </c>
      <c r="BT39" s="286">
        <v>0</v>
      </c>
      <c r="BU39" s="287">
        <v>0</v>
      </c>
      <c r="BV39" s="287">
        <v>0</v>
      </c>
      <c r="BW39" s="287">
        <v>0</v>
      </c>
      <c r="BX39" s="287">
        <v>0</v>
      </c>
      <c r="BY39" s="287">
        <v>0</v>
      </c>
      <c r="BZ39" s="284">
        <v>0</v>
      </c>
      <c r="CA39" s="289">
        <v>0</v>
      </c>
      <c r="CB39" s="283">
        <v>0</v>
      </c>
      <c r="CC39" s="287">
        <v>0</v>
      </c>
      <c r="CD39" s="284">
        <v>0</v>
      </c>
      <c r="CE39" s="286">
        <v>0</v>
      </c>
      <c r="CF39" s="287">
        <v>0</v>
      </c>
      <c r="CG39" s="287">
        <v>0</v>
      </c>
      <c r="CH39" s="287">
        <v>0</v>
      </c>
      <c r="CI39" s="287">
        <v>0</v>
      </c>
      <c r="CJ39" s="287">
        <v>0</v>
      </c>
      <c r="CK39" s="284">
        <v>0</v>
      </c>
      <c r="CL39" s="289">
        <v>0</v>
      </c>
      <c r="CM39" s="283">
        <v>0</v>
      </c>
      <c r="CN39" s="287">
        <v>0</v>
      </c>
      <c r="CO39" s="284">
        <v>0</v>
      </c>
      <c r="CP39" s="286">
        <v>0</v>
      </c>
      <c r="CQ39" s="287">
        <v>0</v>
      </c>
      <c r="CR39" s="287">
        <v>0</v>
      </c>
      <c r="CS39" s="287">
        <v>0</v>
      </c>
      <c r="CT39" s="287">
        <v>0</v>
      </c>
      <c r="CU39" s="287">
        <v>0</v>
      </c>
      <c r="CV39" s="284">
        <v>0</v>
      </c>
      <c r="CW39" s="289">
        <v>0</v>
      </c>
      <c r="CX39" s="283">
        <v>0</v>
      </c>
      <c r="CY39" s="287">
        <v>0</v>
      </c>
      <c r="CZ39" s="284">
        <v>0</v>
      </c>
      <c r="DA39" s="286">
        <v>0</v>
      </c>
      <c r="DB39" s="287">
        <v>0</v>
      </c>
      <c r="DC39" s="287">
        <v>0</v>
      </c>
      <c r="DD39" s="287">
        <v>0</v>
      </c>
      <c r="DE39" s="287">
        <v>0</v>
      </c>
      <c r="DF39" s="287">
        <v>0</v>
      </c>
      <c r="DG39" s="284">
        <v>0</v>
      </c>
      <c r="DH39" s="289">
        <v>0</v>
      </c>
    </row>
    <row r="40" spans="2:112" ht="27" customHeight="1" x14ac:dyDescent="0.2">
      <c r="C40" s="255" t="s">
        <v>127</v>
      </c>
    </row>
  </sheetData>
  <mergeCells count="43">
    <mergeCell ref="CX3:DH3"/>
    <mergeCell ref="CX4:CZ4"/>
    <mergeCell ref="DA4:DG4"/>
    <mergeCell ref="DH4:DH5"/>
    <mergeCell ref="CB3:CL3"/>
    <mergeCell ref="CM3:CW3"/>
    <mergeCell ref="CB4:CD4"/>
    <mergeCell ref="CE4:CK4"/>
    <mergeCell ref="CL4:CL5"/>
    <mergeCell ref="CM4:CO4"/>
    <mergeCell ref="CP4:CV4"/>
    <mergeCell ref="CW4:CW5"/>
    <mergeCell ref="J1:K1"/>
    <mergeCell ref="M1:N1"/>
    <mergeCell ref="B3:B5"/>
    <mergeCell ref="C3:M3"/>
    <mergeCell ref="N3:X3"/>
    <mergeCell ref="Y3:AI3"/>
    <mergeCell ref="C4:E4"/>
    <mergeCell ref="F4:L4"/>
    <mergeCell ref="M4:M5"/>
    <mergeCell ref="N4:P4"/>
    <mergeCell ref="Q4:W4"/>
    <mergeCell ref="X4:X5"/>
    <mergeCell ref="Y4:AA4"/>
    <mergeCell ref="AB4:AH4"/>
    <mergeCell ref="AI4:AI5"/>
    <mergeCell ref="AJ4:AL4"/>
    <mergeCell ref="AJ3:AT3"/>
    <mergeCell ref="AU3:BE3"/>
    <mergeCell ref="BF3:BP3"/>
    <mergeCell ref="BQ3:CA3"/>
    <mergeCell ref="AM4:AS4"/>
    <mergeCell ref="AT4:AT5"/>
    <mergeCell ref="AU4:AW4"/>
    <mergeCell ref="AX4:BD4"/>
    <mergeCell ref="BE4:BE5"/>
    <mergeCell ref="BF4:BH4"/>
    <mergeCell ref="BI4:BO4"/>
    <mergeCell ref="BP4:BP5"/>
    <mergeCell ref="BQ4:BS4"/>
    <mergeCell ref="BT4:BZ4"/>
    <mergeCell ref="CA4:CA5"/>
  </mergeCells>
  <phoneticPr fontId="4"/>
  <pageMargins left="0.70866141732283472" right="0.70866141732283472" top="0.47244094488188981" bottom="0.59055118110236227" header="0.27559055118110237" footer="0.31496062992125984"/>
  <pageSetup paperSize="9" scale="60" orientation="landscape" r:id="rId1"/>
  <headerFooter>
    <oddFooter>&amp;L&amp;20&amp;A&amp;C&amp;P/&amp;N</oddFooter>
  </headerFooter>
  <colBreaks count="4" manualBreakCount="4">
    <brk id="24" max="39" man="1"/>
    <brk id="46" max="39" man="1"/>
    <brk id="68" max="1048575" man="1"/>
    <brk id="90" max="1048575" man="1"/>
  </colBreaks>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sheetPr>
  <dimension ref="A1:DH40"/>
  <sheetViews>
    <sheetView zoomScaleNormal="100" workbookViewId="0">
      <pane xSplit="2" ySplit="6" topLeftCell="C7" activePane="bottomRight" state="frozen"/>
      <selection pane="topRight" activeCell="B1" sqref="B1"/>
      <selection pane="bottomLeft" activeCell="A7" sqref="A7"/>
      <selection pane="bottomRight" activeCell="B1" sqref="B1"/>
    </sheetView>
  </sheetViews>
  <sheetFormatPr defaultColWidth="9" defaultRowHeight="13.2" x14ac:dyDescent="0.2"/>
  <cols>
    <col min="1" max="1" width="2.77734375" style="44" customWidth="1"/>
    <col min="2" max="5" width="9" style="255"/>
    <col min="6" max="6" width="7.77734375" style="255" customWidth="1"/>
    <col min="7" max="7" width="9" style="255"/>
    <col min="8" max="8" width="10.6640625" style="255" customWidth="1"/>
    <col min="9" max="16" width="9" style="255"/>
    <col min="17" max="17" width="7.88671875" style="255" customWidth="1"/>
    <col min="18" max="27" width="9" style="255"/>
    <col min="28" max="28" width="7.77734375" style="255" customWidth="1"/>
    <col min="29" max="38" width="9" style="255"/>
    <col min="39" max="39" width="7.5546875" style="255" customWidth="1"/>
    <col min="40" max="49" width="9" style="255"/>
    <col min="50" max="50" width="7.77734375" style="255" customWidth="1"/>
    <col min="51" max="60" width="9" style="255"/>
    <col min="61" max="61" width="7.44140625" style="255" customWidth="1"/>
    <col min="62" max="71" width="9" style="255"/>
    <col min="72" max="72" width="7.33203125" style="255" customWidth="1"/>
    <col min="73" max="82" width="9" style="255"/>
    <col min="83" max="83" width="7.44140625" style="255" customWidth="1"/>
    <col min="84" max="93" width="9" style="255"/>
    <col min="94" max="94" width="7.6640625" style="255" customWidth="1"/>
    <col min="95" max="16384" width="9" style="255"/>
  </cols>
  <sheetData>
    <row r="1" spans="2:112" ht="24" customHeight="1" x14ac:dyDescent="0.2">
      <c r="B1" s="290" t="s">
        <v>123</v>
      </c>
      <c r="J1" s="524">
        <f>第１表!F2</f>
        <v>5</v>
      </c>
      <c r="K1" s="524"/>
      <c r="L1" s="248">
        <f>第１表!G2</f>
        <v>2</v>
      </c>
      <c r="M1" s="529">
        <f>IF(L1&lt;3,L1+12-2,L1-2)</f>
        <v>12</v>
      </c>
      <c r="N1" s="529"/>
    </row>
    <row r="2" spans="2:112" ht="24" customHeight="1" thickBot="1" x14ac:dyDescent="0.25">
      <c r="B2" s="290" t="s">
        <v>154</v>
      </c>
    </row>
    <row r="3" spans="2:112" ht="21" customHeight="1" thickBot="1" x14ac:dyDescent="0.25">
      <c r="B3" s="549"/>
      <c r="C3" s="552" t="s">
        <v>112</v>
      </c>
      <c r="D3" s="552"/>
      <c r="E3" s="552"/>
      <c r="F3" s="552"/>
      <c r="G3" s="552"/>
      <c r="H3" s="552"/>
      <c r="I3" s="552"/>
      <c r="J3" s="552"/>
      <c r="K3" s="552"/>
      <c r="L3" s="552"/>
      <c r="M3" s="553"/>
      <c r="N3" s="547" t="s">
        <v>111</v>
      </c>
      <c r="O3" s="547"/>
      <c r="P3" s="547"/>
      <c r="Q3" s="547"/>
      <c r="R3" s="547"/>
      <c r="S3" s="547"/>
      <c r="T3" s="547"/>
      <c r="U3" s="547"/>
      <c r="V3" s="547"/>
      <c r="W3" s="547"/>
      <c r="X3" s="548"/>
      <c r="Y3" s="546" t="s">
        <v>110</v>
      </c>
      <c r="Z3" s="547"/>
      <c r="AA3" s="547"/>
      <c r="AB3" s="547"/>
      <c r="AC3" s="547"/>
      <c r="AD3" s="547"/>
      <c r="AE3" s="547"/>
      <c r="AF3" s="547"/>
      <c r="AG3" s="547"/>
      <c r="AH3" s="547"/>
      <c r="AI3" s="548"/>
      <c r="AJ3" s="546" t="s">
        <v>109</v>
      </c>
      <c r="AK3" s="547"/>
      <c r="AL3" s="547"/>
      <c r="AM3" s="547"/>
      <c r="AN3" s="547"/>
      <c r="AO3" s="547"/>
      <c r="AP3" s="547"/>
      <c r="AQ3" s="547"/>
      <c r="AR3" s="547"/>
      <c r="AS3" s="547"/>
      <c r="AT3" s="548"/>
      <c r="AU3" s="546" t="s">
        <v>108</v>
      </c>
      <c r="AV3" s="547"/>
      <c r="AW3" s="547"/>
      <c r="AX3" s="547"/>
      <c r="AY3" s="547"/>
      <c r="AZ3" s="547"/>
      <c r="BA3" s="547"/>
      <c r="BB3" s="547"/>
      <c r="BC3" s="547"/>
      <c r="BD3" s="547"/>
      <c r="BE3" s="548"/>
      <c r="BF3" s="546" t="s">
        <v>107</v>
      </c>
      <c r="BG3" s="547"/>
      <c r="BH3" s="547"/>
      <c r="BI3" s="547"/>
      <c r="BJ3" s="547"/>
      <c r="BK3" s="547"/>
      <c r="BL3" s="547"/>
      <c r="BM3" s="547"/>
      <c r="BN3" s="547"/>
      <c r="BO3" s="547"/>
      <c r="BP3" s="548"/>
      <c r="BQ3" s="546" t="s">
        <v>106</v>
      </c>
      <c r="BR3" s="547"/>
      <c r="BS3" s="547"/>
      <c r="BT3" s="547"/>
      <c r="BU3" s="547"/>
      <c r="BV3" s="547"/>
      <c r="BW3" s="547"/>
      <c r="BX3" s="547"/>
      <c r="BY3" s="547"/>
      <c r="BZ3" s="547"/>
      <c r="CA3" s="548"/>
      <c r="CB3" s="546" t="s">
        <v>128</v>
      </c>
      <c r="CC3" s="547"/>
      <c r="CD3" s="547"/>
      <c r="CE3" s="547"/>
      <c r="CF3" s="547"/>
      <c r="CG3" s="547"/>
      <c r="CH3" s="547"/>
      <c r="CI3" s="547"/>
      <c r="CJ3" s="547"/>
      <c r="CK3" s="547"/>
      <c r="CL3" s="548"/>
      <c r="CM3" s="546" t="s">
        <v>161</v>
      </c>
      <c r="CN3" s="547"/>
      <c r="CO3" s="547"/>
      <c r="CP3" s="547"/>
      <c r="CQ3" s="547"/>
      <c r="CR3" s="547"/>
      <c r="CS3" s="547"/>
      <c r="CT3" s="547"/>
      <c r="CU3" s="547"/>
      <c r="CV3" s="547"/>
      <c r="CW3" s="548"/>
      <c r="CX3" s="546" t="s">
        <v>157</v>
      </c>
      <c r="CY3" s="547"/>
      <c r="CZ3" s="547"/>
      <c r="DA3" s="547"/>
      <c r="DB3" s="547"/>
      <c r="DC3" s="547"/>
      <c r="DD3" s="547"/>
      <c r="DE3" s="547"/>
      <c r="DF3" s="547"/>
      <c r="DG3" s="547"/>
      <c r="DH3" s="548"/>
    </row>
    <row r="4" spans="2:112" ht="21" customHeight="1" x14ac:dyDescent="0.2">
      <c r="B4" s="550"/>
      <c r="C4" s="554" t="s">
        <v>61</v>
      </c>
      <c r="D4" s="533"/>
      <c r="E4" s="534"/>
      <c r="F4" s="535" t="s">
        <v>62</v>
      </c>
      <c r="G4" s="533"/>
      <c r="H4" s="533"/>
      <c r="I4" s="533"/>
      <c r="J4" s="533"/>
      <c r="K4" s="533"/>
      <c r="L4" s="536"/>
      <c r="M4" s="530" t="s">
        <v>52</v>
      </c>
      <c r="N4" s="554" t="s">
        <v>61</v>
      </c>
      <c r="O4" s="533"/>
      <c r="P4" s="534"/>
      <c r="Q4" s="535" t="s">
        <v>62</v>
      </c>
      <c r="R4" s="533"/>
      <c r="S4" s="533"/>
      <c r="T4" s="533"/>
      <c r="U4" s="533"/>
      <c r="V4" s="533"/>
      <c r="W4" s="534"/>
      <c r="X4" s="530" t="s">
        <v>52</v>
      </c>
      <c r="Y4" s="532" t="s">
        <v>61</v>
      </c>
      <c r="Z4" s="533"/>
      <c r="AA4" s="536"/>
      <c r="AB4" s="535" t="s">
        <v>62</v>
      </c>
      <c r="AC4" s="533"/>
      <c r="AD4" s="533"/>
      <c r="AE4" s="533"/>
      <c r="AF4" s="533"/>
      <c r="AG4" s="533"/>
      <c r="AH4" s="534"/>
      <c r="AI4" s="530" t="s">
        <v>52</v>
      </c>
      <c r="AJ4" s="532" t="s">
        <v>61</v>
      </c>
      <c r="AK4" s="533"/>
      <c r="AL4" s="534"/>
      <c r="AM4" s="535" t="s">
        <v>62</v>
      </c>
      <c r="AN4" s="533"/>
      <c r="AO4" s="533"/>
      <c r="AP4" s="533"/>
      <c r="AQ4" s="533"/>
      <c r="AR4" s="533"/>
      <c r="AS4" s="534"/>
      <c r="AT4" s="530" t="s">
        <v>52</v>
      </c>
      <c r="AU4" s="532" t="s">
        <v>61</v>
      </c>
      <c r="AV4" s="533"/>
      <c r="AW4" s="536"/>
      <c r="AX4" s="535" t="s">
        <v>62</v>
      </c>
      <c r="AY4" s="533"/>
      <c r="AZ4" s="533"/>
      <c r="BA4" s="533"/>
      <c r="BB4" s="533"/>
      <c r="BC4" s="533"/>
      <c r="BD4" s="536"/>
      <c r="BE4" s="530" t="s">
        <v>52</v>
      </c>
      <c r="BF4" s="532" t="s">
        <v>61</v>
      </c>
      <c r="BG4" s="533"/>
      <c r="BH4" s="534"/>
      <c r="BI4" s="535" t="s">
        <v>62</v>
      </c>
      <c r="BJ4" s="533"/>
      <c r="BK4" s="533"/>
      <c r="BL4" s="533"/>
      <c r="BM4" s="533"/>
      <c r="BN4" s="533"/>
      <c r="BO4" s="534"/>
      <c r="BP4" s="530" t="s">
        <v>52</v>
      </c>
      <c r="BQ4" s="532" t="s">
        <v>61</v>
      </c>
      <c r="BR4" s="533"/>
      <c r="BS4" s="534"/>
      <c r="BT4" s="535" t="s">
        <v>62</v>
      </c>
      <c r="BU4" s="533"/>
      <c r="BV4" s="533"/>
      <c r="BW4" s="533"/>
      <c r="BX4" s="533"/>
      <c r="BY4" s="533"/>
      <c r="BZ4" s="534"/>
      <c r="CA4" s="530" t="s">
        <v>52</v>
      </c>
      <c r="CB4" s="532" t="s">
        <v>61</v>
      </c>
      <c r="CC4" s="533"/>
      <c r="CD4" s="534"/>
      <c r="CE4" s="535" t="s">
        <v>62</v>
      </c>
      <c r="CF4" s="533"/>
      <c r="CG4" s="533"/>
      <c r="CH4" s="533"/>
      <c r="CI4" s="533"/>
      <c r="CJ4" s="533"/>
      <c r="CK4" s="534"/>
      <c r="CL4" s="530" t="s">
        <v>52</v>
      </c>
      <c r="CM4" s="532" t="s">
        <v>61</v>
      </c>
      <c r="CN4" s="533"/>
      <c r="CO4" s="534"/>
      <c r="CP4" s="535" t="s">
        <v>62</v>
      </c>
      <c r="CQ4" s="533"/>
      <c r="CR4" s="533"/>
      <c r="CS4" s="533"/>
      <c r="CT4" s="533"/>
      <c r="CU4" s="533"/>
      <c r="CV4" s="534"/>
      <c r="CW4" s="530" t="s">
        <v>52</v>
      </c>
      <c r="CX4" s="532" t="s">
        <v>61</v>
      </c>
      <c r="CY4" s="533"/>
      <c r="CZ4" s="534"/>
      <c r="DA4" s="535" t="s">
        <v>62</v>
      </c>
      <c r="DB4" s="533"/>
      <c r="DC4" s="533"/>
      <c r="DD4" s="533"/>
      <c r="DE4" s="533"/>
      <c r="DF4" s="533"/>
      <c r="DG4" s="534"/>
      <c r="DH4" s="530" t="s">
        <v>52</v>
      </c>
    </row>
    <row r="5" spans="2:112" ht="30" customHeight="1" thickBot="1" x14ac:dyDescent="0.25">
      <c r="B5" s="551"/>
      <c r="C5" s="264" t="s">
        <v>43</v>
      </c>
      <c r="D5" s="265" t="s">
        <v>44</v>
      </c>
      <c r="E5" s="266" t="s">
        <v>45</v>
      </c>
      <c r="F5" s="267" t="s">
        <v>83</v>
      </c>
      <c r="G5" s="259" t="s">
        <v>47</v>
      </c>
      <c r="H5" s="259" t="s">
        <v>48</v>
      </c>
      <c r="I5" s="259" t="s">
        <v>49</v>
      </c>
      <c r="J5" s="259" t="s">
        <v>50</v>
      </c>
      <c r="K5" s="259" t="s">
        <v>51</v>
      </c>
      <c r="L5" s="268" t="s">
        <v>45</v>
      </c>
      <c r="M5" s="531"/>
      <c r="N5" s="264" t="s">
        <v>43</v>
      </c>
      <c r="O5" s="259" t="s">
        <v>44</v>
      </c>
      <c r="P5" s="265" t="s">
        <v>45</v>
      </c>
      <c r="Q5" s="267" t="s">
        <v>83</v>
      </c>
      <c r="R5" s="259" t="s">
        <v>47</v>
      </c>
      <c r="S5" s="259" t="s">
        <v>48</v>
      </c>
      <c r="T5" s="259" t="s">
        <v>49</v>
      </c>
      <c r="U5" s="259" t="s">
        <v>50</v>
      </c>
      <c r="V5" s="259" t="s">
        <v>51</v>
      </c>
      <c r="W5" s="265" t="s">
        <v>45</v>
      </c>
      <c r="X5" s="531"/>
      <c r="Y5" s="350" t="s">
        <v>43</v>
      </c>
      <c r="Z5" s="259" t="s">
        <v>44</v>
      </c>
      <c r="AA5" s="268" t="s">
        <v>45</v>
      </c>
      <c r="AB5" s="267" t="s">
        <v>83</v>
      </c>
      <c r="AC5" s="259" t="s">
        <v>47</v>
      </c>
      <c r="AD5" s="259" t="s">
        <v>48</v>
      </c>
      <c r="AE5" s="259" t="s">
        <v>49</v>
      </c>
      <c r="AF5" s="259" t="s">
        <v>50</v>
      </c>
      <c r="AG5" s="259" t="s">
        <v>51</v>
      </c>
      <c r="AH5" s="265" t="s">
        <v>45</v>
      </c>
      <c r="AI5" s="531"/>
      <c r="AJ5" s="350" t="s">
        <v>43</v>
      </c>
      <c r="AK5" s="259" t="s">
        <v>44</v>
      </c>
      <c r="AL5" s="265" t="s">
        <v>45</v>
      </c>
      <c r="AM5" s="267" t="s">
        <v>83</v>
      </c>
      <c r="AN5" s="259" t="s">
        <v>47</v>
      </c>
      <c r="AO5" s="259" t="s">
        <v>48</v>
      </c>
      <c r="AP5" s="259" t="s">
        <v>49</v>
      </c>
      <c r="AQ5" s="259" t="s">
        <v>50</v>
      </c>
      <c r="AR5" s="259" t="s">
        <v>51</v>
      </c>
      <c r="AS5" s="265" t="s">
        <v>45</v>
      </c>
      <c r="AT5" s="531"/>
      <c r="AU5" s="350" t="s">
        <v>43</v>
      </c>
      <c r="AV5" s="259" t="s">
        <v>44</v>
      </c>
      <c r="AW5" s="268" t="s">
        <v>45</v>
      </c>
      <c r="AX5" s="267" t="s">
        <v>83</v>
      </c>
      <c r="AY5" s="259" t="s">
        <v>47</v>
      </c>
      <c r="AZ5" s="259" t="s">
        <v>48</v>
      </c>
      <c r="BA5" s="259" t="s">
        <v>49</v>
      </c>
      <c r="BB5" s="259" t="s">
        <v>50</v>
      </c>
      <c r="BC5" s="259" t="s">
        <v>51</v>
      </c>
      <c r="BD5" s="268" t="s">
        <v>45</v>
      </c>
      <c r="BE5" s="531"/>
      <c r="BF5" s="350" t="s">
        <v>43</v>
      </c>
      <c r="BG5" s="259" t="s">
        <v>44</v>
      </c>
      <c r="BH5" s="265" t="s">
        <v>45</v>
      </c>
      <c r="BI5" s="267" t="s">
        <v>83</v>
      </c>
      <c r="BJ5" s="259" t="s">
        <v>47</v>
      </c>
      <c r="BK5" s="259" t="s">
        <v>48</v>
      </c>
      <c r="BL5" s="259" t="s">
        <v>49</v>
      </c>
      <c r="BM5" s="259" t="s">
        <v>50</v>
      </c>
      <c r="BN5" s="259" t="s">
        <v>51</v>
      </c>
      <c r="BO5" s="265" t="s">
        <v>45</v>
      </c>
      <c r="BP5" s="531"/>
      <c r="BQ5" s="350" t="s">
        <v>43</v>
      </c>
      <c r="BR5" s="259" t="s">
        <v>44</v>
      </c>
      <c r="BS5" s="265" t="s">
        <v>45</v>
      </c>
      <c r="BT5" s="267" t="s">
        <v>83</v>
      </c>
      <c r="BU5" s="259" t="s">
        <v>47</v>
      </c>
      <c r="BV5" s="259" t="s">
        <v>48</v>
      </c>
      <c r="BW5" s="259" t="s">
        <v>49</v>
      </c>
      <c r="BX5" s="259" t="s">
        <v>50</v>
      </c>
      <c r="BY5" s="259" t="s">
        <v>51</v>
      </c>
      <c r="BZ5" s="265" t="s">
        <v>45</v>
      </c>
      <c r="CA5" s="531"/>
      <c r="CB5" s="350" t="s">
        <v>43</v>
      </c>
      <c r="CC5" s="259" t="s">
        <v>44</v>
      </c>
      <c r="CD5" s="265" t="s">
        <v>45</v>
      </c>
      <c r="CE5" s="267" t="s">
        <v>83</v>
      </c>
      <c r="CF5" s="259" t="s">
        <v>47</v>
      </c>
      <c r="CG5" s="259" t="s">
        <v>48</v>
      </c>
      <c r="CH5" s="259" t="s">
        <v>49</v>
      </c>
      <c r="CI5" s="259" t="s">
        <v>50</v>
      </c>
      <c r="CJ5" s="259" t="s">
        <v>51</v>
      </c>
      <c r="CK5" s="265" t="s">
        <v>45</v>
      </c>
      <c r="CL5" s="531"/>
      <c r="CM5" s="365" t="s">
        <v>43</v>
      </c>
      <c r="CN5" s="259" t="s">
        <v>44</v>
      </c>
      <c r="CO5" s="265" t="s">
        <v>45</v>
      </c>
      <c r="CP5" s="267" t="s">
        <v>83</v>
      </c>
      <c r="CQ5" s="259" t="s">
        <v>47</v>
      </c>
      <c r="CR5" s="259" t="s">
        <v>48</v>
      </c>
      <c r="CS5" s="259" t="s">
        <v>49</v>
      </c>
      <c r="CT5" s="259" t="s">
        <v>50</v>
      </c>
      <c r="CU5" s="259" t="s">
        <v>51</v>
      </c>
      <c r="CV5" s="265" t="s">
        <v>45</v>
      </c>
      <c r="CW5" s="531"/>
      <c r="CX5" s="365" t="s">
        <v>43</v>
      </c>
      <c r="CY5" s="259" t="s">
        <v>44</v>
      </c>
      <c r="CZ5" s="265" t="s">
        <v>45</v>
      </c>
      <c r="DA5" s="267" t="s">
        <v>83</v>
      </c>
      <c r="DB5" s="259" t="s">
        <v>47</v>
      </c>
      <c r="DC5" s="259" t="s">
        <v>48</v>
      </c>
      <c r="DD5" s="259" t="s">
        <v>49</v>
      </c>
      <c r="DE5" s="259" t="s">
        <v>50</v>
      </c>
      <c r="DF5" s="259" t="s">
        <v>51</v>
      </c>
      <c r="DG5" s="265" t="s">
        <v>45</v>
      </c>
      <c r="DH5" s="531"/>
    </row>
    <row r="6" spans="2:112" ht="21" customHeight="1" x14ac:dyDescent="0.2">
      <c r="B6" s="260" t="s">
        <v>4</v>
      </c>
      <c r="C6" s="269">
        <v>0</v>
      </c>
      <c r="D6" s="270">
        <v>0</v>
      </c>
      <c r="E6" s="271">
        <v>0</v>
      </c>
      <c r="F6" s="272">
        <v>0</v>
      </c>
      <c r="G6" s="273">
        <v>11966</v>
      </c>
      <c r="H6" s="273">
        <v>17461</v>
      </c>
      <c r="I6" s="273">
        <v>18984</v>
      </c>
      <c r="J6" s="273">
        <v>24239</v>
      </c>
      <c r="K6" s="273">
        <v>22074</v>
      </c>
      <c r="L6" s="274">
        <v>94724</v>
      </c>
      <c r="M6" s="275">
        <v>94724</v>
      </c>
      <c r="N6" s="269">
        <v>5</v>
      </c>
      <c r="O6" s="273">
        <v>7</v>
      </c>
      <c r="P6" s="270">
        <v>12</v>
      </c>
      <c r="Q6" s="272">
        <v>0</v>
      </c>
      <c r="R6" s="273">
        <v>50</v>
      </c>
      <c r="S6" s="273">
        <v>158</v>
      </c>
      <c r="T6" s="273">
        <v>299</v>
      </c>
      <c r="U6" s="273">
        <v>709</v>
      </c>
      <c r="V6" s="273">
        <v>1302</v>
      </c>
      <c r="W6" s="270">
        <v>2518</v>
      </c>
      <c r="X6" s="275">
        <v>2530</v>
      </c>
      <c r="Y6" s="269">
        <v>1352</v>
      </c>
      <c r="Z6" s="273">
        <v>3124</v>
      </c>
      <c r="AA6" s="270">
        <v>4476</v>
      </c>
      <c r="AB6" s="272">
        <v>0</v>
      </c>
      <c r="AC6" s="273">
        <v>8695</v>
      </c>
      <c r="AD6" s="273">
        <v>13164</v>
      </c>
      <c r="AE6" s="273">
        <v>7705</v>
      </c>
      <c r="AF6" s="273">
        <v>7061</v>
      </c>
      <c r="AG6" s="273">
        <v>5630</v>
      </c>
      <c r="AH6" s="270">
        <v>42255</v>
      </c>
      <c r="AI6" s="275">
        <v>46731</v>
      </c>
      <c r="AJ6" s="269">
        <v>228</v>
      </c>
      <c r="AK6" s="273">
        <v>746</v>
      </c>
      <c r="AL6" s="270">
        <v>974</v>
      </c>
      <c r="AM6" s="272">
        <v>0</v>
      </c>
      <c r="AN6" s="273">
        <v>1262</v>
      </c>
      <c r="AO6" s="273">
        <v>1825</v>
      </c>
      <c r="AP6" s="273">
        <v>1075</v>
      </c>
      <c r="AQ6" s="273">
        <v>1356</v>
      </c>
      <c r="AR6" s="273">
        <v>625</v>
      </c>
      <c r="AS6" s="270">
        <v>6143</v>
      </c>
      <c r="AT6" s="275">
        <v>7117</v>
      </c>
      <c r="AU6" s="269">
        <v>0</v>
      </c>
      <c r="AV6" s="273">
        <v>0</v>
      </c>
      <c r="AW6" s="270">
        <v>0</v>
      </c>
      <c r="AX6" s="272">
        <v>0</v>
      </c>
      <c r="AY6" s="273">
        <v>10093</v>
      </c>
      <c r="AZ6" s="273">
        <v>9365</v>
      </c>
      <c r="BA6" s="273">
        <v>5100</v>
      </c>
      <c r="BB6" s="273">
        <v>3036</v>
      </c>
      <c r="BC6" s="273">
        <v>1343</v>
      </c>
      <c r="BD6" s="274">
        <v>28937</v>
      </c>
      <c r="BE6" s="275">
        <v>28937</v>
      </c>
      <c r="BF6" s="269">
        <v>0</v>
      </c>
      <c r="BG6" s="273">
        <v>0</v>
      </c>
      <c r="BH6" s="270">
        <v>0</v>
      </c>
      <c r="BI6" s="272">
        <v>0</v>
      </c>
      <c r="BJ6" s="273">
        <v>2088</v>
      </c>
      <c r="BK6" s="273">
        <v>3085</v>
      </c>
      <c r="BL6" s="273">
        <v>2013</v>
      </c>
      <c r="BM6" s="273">
        <v>1408</v>
      </c>
      <c r="BN6" s="273">
        <v>542</v>
      </c>
      <c r="BO6" s="270">
        <v>9136</v>
      </c>
      <c r="BP6" s="275">
        <v>9136</v>
      </c>
      <c r="BQ6" s="269">
        <v>18</v>
      </c>
      <c r="BR6" s="273">
        <v>72</v>
      </c>
      <c r="BS6" s="270">
        <v>90</v>
      </c>
      <c r="BT6" s="272">
        <v>0</v>
      </c>
      <c r="BU6" s="273">
        <v>960</v>
      </c>
      <c r="BV6" s="273">
        <v>1879</v>
      </c>
      <c r="BW6" s="273">
        <v>2978</v>
      </c>
      <c r="BX6" s="273">
        <v>2109</v>
      </c>
      <c r="BY6" s="273">
        <v>1148</v>
      </c>
      <c r="BZ6" s="270">
        <v>9074</v>
      </c>
      <c r="CA6" s="275">
        <v>9164</v>
      </c>
      <c r="CB6" s="269">
        <v>0</v>
      </c>
      <c r="CC6" s="273">
        <v>16</v>
      </c>
      <c r="CD6" s="270">
        <v>16</v>
      </c>
      <c r="CE6" s="272">
        <v>0</v>
      </c>
      <c r="CF6" s="273">
        <v>118</v>
      </c>
      <c r="CG6" s="273">
        <v>231</v>
      </c>
      <c r="CH6" s="273">
        <v>292</v>
      </c>
      <c r="CI6" s="273">
        <v>320</v>
      </c>
      <c r="CJ6" s="273">
        <v>265</v>
      </c>
      <c r="CK6" s="270">
        <v>1226</v>
      </c>
      <c r="CL6" s="275">
        <v>1242</v>
      </c>
      <c r="CM6" s="269">
        <v>0</v>
      </c>
      <c r="CN6" s="273">
        <v>0</v>
      </c>
      <c r="CO6" s="270">
        <v>0</v>
      </c>
      <c r="CP6" s="272">
        <v>0</v>
      </c>
      <c r="CQ6" s="273">
        <v>0</v>
      </c>
      <c r="CR6" s="273">
        <v>0</v>
      </c>
      <c r="CS6" s="273">
        <v>0</v>
      </c>
      <c r="CT6" s="273">
        <v>0</v>
      </c>
      <c r="CU6" s="273">
        <v>0</v>
      </c>
      <c r="CV6" s="270">
        <v>0</v>
      </c>
      <c r="CW6" s="275">
        <v>0</v>
      </c>
      <c r="CX6" s="269">
        <v>0</v>
      </c>
      <c r="CY6" s="273">
        <v>0</v>
      </c>
      <c r="CZ6" s="270">
        <v>0</v>
      </c>
      <c r="DA6" s="272">
        <v>0</v>
      </c>
      <c r="DB6" s="273">
        <v>0</v>
      </c>
      <c r="DC6" s="273">
        <v>0</v>
      </c>
      <c r="DD6" s="273">
        <v>0</v>
      </c>
      <c r="DE6" s="273">
        <v>0</v>
      </c>
      <c r="DF6" s="273">
        <v>0</v>
      </c>
      <c r="DG6" s="270">
        <v>0</v>
      </c>
      <c r="DH6" s="275">
        <v>0</v>
      </c>
    </row>
    <row r="7" spans="2:112" ht="21" customHeight="1" x14ac:dyDescent="0.2">
      <c r="B7" s="261" t="s">
        <v>5</v>
      </c>
      <c r="C7" s="276">
        <v>0</v>
      </c>
      <c r="D7" s="277">
        <v>0</v>
      </c>
      <c r="E7" s="278">
        <v>0</v>
      </c>
      <c r="F7" s="279">
        <v>0</v>
      </c>
      <c r="G7" s="280">
        <v>4365</v>
      </c>
      <c r="H7" s="280">
        <v>9012</v>
      </c>
      <c r="I7" s="280">
        <v>7099</v>
      </c>
      <c r="J7" s="280">
        <v>10053</v>
      </c>
      <c r="K7" s="280">
        <v>8488</v>
      </c>
      <c r="L7" s="281">
        <v>39017</v>
      </c>
      <c r="M7" s="282">
        <v>39017</v>
      </c>
      <c r="N7" s="276">
        <v>5</v>
      </c>
      <c r="O7" s="280">
        <v>7</v>
      </c>
      <c r="P7" s="277">
        <v>12</v>
      </c>
      <c r="Q7" s="279">
        <v>0</v>
      </c>
      <c r="R7" s="280">
        <v>6</v>
      </c>
      <c r="S7" s="280">
        <v>74</v>
      </c>
      <c r="T7" s="280">
        <v>153</v>
      </c>
      <c r="U7" s="280">
        <v>283</v>
      </c>
      <c r="V7" s="280">
        <v>559</v>
      </c>
      <c r="W7" s="277">
        <v>1075</v>
      </c>
      <c r="X7" s="282">
        <v>1087</v>
      </c>
      <c r="Y7" s="276">
        <v>724</v>
      </c>
      <c r="Z7" s="280">
        <v>1598</v>
      </c>
      <c r="AA7" s="277">
        <v>2322</v>
      </c>
      <c r="AB7" s="279">
        <v>0</v>
      </c>
      <c r="AC7" s="280">
        <v>3282</v>
      </c>
      <c r="AD7" s="280">
        <v>7587</v>
      </c>
      <c r="AE7" s="280">
        <v>3718</v>
      </c>
      <c r="AF7" s="280">
        <v>3175</v>
      </c>
      <c r="AG7" s="280">
        <v>2777</v>
      </c>
      <c r="AH7" s="277">
        <v>20539</v>
      </c>
      <c r="AI7" s="282">
        <v>22861</v>
      </c>
      <c r="AJ7" s="276">
        <v>74</v>
      </c>
      <c r="AK7" s="280">
        <v>532</v>
      </c>
      <c r="AL7" s="277">
        <v>606</v>
      </c>
      <c r="AM7" s="279">
        <v>0</v>
      </c>
      <c r="AN7" s="280">
        <v>321</v>
      </c>
      <c r="AO7" s="280">
        <v>823</v>
      </c>
      <c r="AP7" s="280">
        <v>464</v>
      </c>
      <c r="AQ7" s="280">
        <v>699</v>
      </c>
      <c r="AR7" s="280">
        <v>311</v>
      </c>
      <c r="AS7" s="277">
        <v>2618</v>
      </c>
      <c r="AT7" s="282">
        <v>3224</v>
      </c>
      <c r="AU7" s="276">
        <v>0</v>
      </c>
      <c r="AV7" s="280">
        <v>0</v>
      </c>
      <c r="AW7" s="277">
        <v>0</v>
      </c>
      <c r="AX7" s="279">
        <v>0</v>
      </c>
      <c r="AY7" s="280">
        <v>3348</v>
      </c>
      <c r="AZ7" s="280">
        <v>3921</v>
      </c>
      <c r="BA7" s="280">
        <v>2102</v>
      </c>
      <c r="BB7" s="280">
        <v>1182</v>
      </c>
      <c r="BC7" s="280">
        <v>439</v>
      </c>
      <c r="BD7" s="281">
        <v>10992</v>
      </c>
      <c r="BE7" s="282">
        <v>10992</v>
      </c>
      <c r="BF7" s="276">
        <v>0</v>
      </c>
      <c r="BG7" s="280">
        <v>0</v>
      </c>
      <c r="BH7" s="277">
        <v>0</v>
      </c>
      <c r="BI7" s="279">
        <v>0</v>
      </c>
      <c r="BJ7" s="280">
        <v>690</v>
      </c>
      <c r="BK7" s="280">
        <v>1458</v>
      </c>
      <c r="BL7" s="280">
        <v>937</v>
      </c>
      <c r="BM7" s="280">
        <v>620</v>
      </c>
      <c r="BN7" s="280">
        <v>315</v>
      </c>
      <c r="BO7" s="277">
        <v>4020</v>
      </c>
      <c r="BP7" s="282">
        <v>4020</v>
      </c>
      <c r="BQ7" s="276">
        <v>0</v>
      </c>
      <c r="BR7" s="280">
        <v>19</v>
      </c>
      <c r="BS7" s="277">
        <v>19</v>
      </c>
      <c r="BT7" s="279">
        <v>0</v>
      </c>
      <c r="BU7" s="280">
        <v>329</v>
      </c>
      <c r="BV7" s="280">
        <v>780</v>
      </c>
      <c r="BW7" s="280">
        <v>1176</v>
      </c>
      <c r="BX7" s="280">
        <v>821</v>
      </c>
      <c r="BY7" s="280">
        <v>481</v>
      </c>
      <c r="BZ7" s="277">
        <v>3587</v>
      </c>
      <c r="CA7" s="282">
        <v>3606</v>
      </c>
      <c r="CB7" s="276">
        <v>0</v>
      </c>
      <c r="CC7" s="280">
        <v>9</v>
      </c>
      <c r="CD7" s="277">
        <v>9</v>
      </c>
      <c r="CE7" s="279">
        <v>0</v>
      </c>
      <c r="CF7" s="280">
        <v>49</v>
      </c>
      <c r="CG7" s="280">
        <v>127</v>
      </c>
      <c r="CH7" s="280">
        <v>168</v>
      </c>
      <c r="CI7" s="280">
        <v>201</v>
      </c>
      <c r="CJ7" s="280">
        <v>201</v>
      </c>
      <c r="CK7" s="277">
        <v>746</v>
      </c>
      <c r="CL7" s="282">
        <v>755</v>
      </c>
      <c r="CM7" s="276">
        <v>0</v>
      </c>
      <c r="CN7" s="280">
        <v>0</v>
      </c>
      <c r="CO7" s="277">
        <v>0</v>
      </c>
      <c r="CP7" s="279">
        <v>0</v>
      </c>
      <c r="CQ7" s="280">
        <v>0</v>
      </c>
      <c r="CR7" s="280">
        <v>0</v>
      </c>
      <c r="CS7" s="280">
        <v>0</v>
      </c>
      <c r="CT7" s="280">
        <v>0</v>
      </c>
      <c r="CU7" s="280">
        <v>0</v>
      </c>
      <c r="CV7" s="277">
        <v>0</v>
      </c>
      <c r="CW7" s="282">
        <v>0</v>
      </c>
      <c r="CX7" s="276">
        <v>0</v>
      </c>
      <c r="CY7" s="280">
        <v>0</v>
      </c>
      <c r="CZ7" s="277">
        <v>0</v>
      </c>
      <c r="DA7" s="279">
        <v>0</v>
      </c>
      <c r="DB7" s="280">
        <v>0</v>
      </c>
      <c r="DC7" s="280">
        <v>0</v>
      </c>
      <c r="DD7" s="280">
        <v>0</v>
      </c>
      <c r="DE7" s="280">
        <v>0</v>
      </c>
      <c r="DF7" s="280">
        <v>0</v>
      </c>
      <c r="DG7" s="277">
        <v>0</v>
      </c>
      <c r="DH7" s="282">
        <v>0</v>
      </c>
    </row>
    <row r="8" spans="2:112" ht="21" customHeight="1" x14ac:dyDescent="0.2">
      <c r="B8" s="261" t="s">
        <v>6</v>
      </c>
      <c r="C8" s="276">
        <v>0</v>
      </c>
      <c r="D8" s="277">
        <v>0</v>
      </c>
      <c r="E8" s="278">
        <v>0</v>
      </c>
      <c r="F8" s="279">
        <v>0</v>
      </c>
      <c r="G8" s="280">
        <v>2263</v>
      </c>
      <c r="H8" s="280">
        <v>2520</v>
      </c>
      <c r="I8" s="280">
        <v>2655</v>
      </c>
      <c r="J8" s="280">
        <v>4543</v>
      </c>
      <c r="K8" s="280">
        <v>3905</v>
      </c>
      <c r="L8" s="281">
        <v>15886</v>
      </c>
      <c r="M8" s="282">
        <v>15886</v>
      </c>
      <c r="N8" s="276">
        <v>0</v>
      </c>
      <c r="O8" s="280">
        <v>0</v>
      </c>
      <c r="P8" s="277">
        <v>0</v>
      </c>
      <c r="Q8" s="279">
        <v>0</v>
      </c>
      <c r="R8" s="280">
        <v>10</v>
      </c>
      <c r="S8" s="280">
        <v>23</v>
      </c>
      <c r="T8" s="280">
        <v>45</v>
      </c>
      <c r="U8" s="280">
        <v>112</v>
      </c>
      <c r="V8" s="280">
        <v>164</v>
      </c>
      <c r="W8" s="277">
        <v>354</v>
      </c>
      <c r="X8" s="282">
        <v>354</v>
      </c>
      <c r="Y8" s="276">
        <v>209</v>
      </c>
      <c r="Z8" s="280">
        <v>635</v>
      </c>
      <c r="AA8" s="277">
        <v>844</v>
      </c>
      <c r="AB8" s="279">
        <v>0</v>
      </c>
      <c r="AC8" s="280">
        <v>2316</v>
      </c>
      <c r="AD8" s="280">
        <v>1944</v>
      </c>
      <c r="AE8" s="280">
        <v>1476</v>
      </c>
      <c r="AF8" s="280">
        <v>1479</v>
      </c>
      <c r="AG8" s="280">
        <v>895</v>
      </c>
      <c r="AH8" s="277">
        <v>8110</v>
      </c>
      <c r="AI8" s="282">
        <v>8954</v>
      </c>
      <c r="AJ8" s="276">
        <v>35</v>
      </c>
      <c r="AK8" s="280">
        <v>0</v>
      </c>
      <c r="AL8" s="277">
        <v>35</v>
      </c>
      <c r="AM8" s="279">
        <v>0</v>
      </c>
      <c r="AN8" s="280">
        <v>243</v>
      </c>
      <c r="AO8" s="280">
        <v>190</v>
      </c>
      <c r="AP8" s="280">
        <v>222</v>
      </c>
      <c r="AQ8" s="280">
        <v>94</v>
      </c>
      <c r="AR8" s="280">
        <v>69</v>
      </c>
      <c r="AS8" s="277">
        <v>818</v>
      </c>
      <c r="AT8" s="282">
        <v>853</v>
      </c>
      <c r="AU8" s="276">
        <v>0</v>
      </c>
      <c r="AV8" s="280">
        <v>0</v>
      </c>
      <c r="AW8" s="277">
        <v>0</v>
      </c>
      <c r="AX8" s="279">
        <v>0</v>
      </c>
      <c r="AY8" s="280">
        <v>2053</v>
      </c>
      <c r="AZ8" s="280">
        <v>1275</v>
      </c>
      <c r="BA8" s="280">
        <v>753</v>
      </c>
      <c r="BB8" s="280">
        <v>534</v>
      </c>
      <c r="BC8" s="280">
        <v>288</v>
      </c>
      <c r="BD8" s="281">
        <v>4903</v>
      </c>
      <c r="BE8" s="282">
        <v>4903</v>
      </c>
      <c r="BF8" s="276">
        <v>0</v>
      </c>
      <c r="BG8" s="280">
        <v>0</v>
      </c>
      <c r="BH8" s="277">
        <v>0</v>
      </c>
      <c r="BI8" s="279">
        <v>0</v>
      </c>
      <c r="BJ8" s="280">
        <v>330</v>
      </c>
      <c r="BK8" s="280">
        <v>407</v>
      </c>
      <c r="BL8" s="280">
        <v>291</v>
      </c>
      <c r="BM8" s="280">
        <v>268</v>
      </c>
      <c r="BN8" s="280">
        <v>49</v>
      </c>
      <c r="BO8" s="277">
        <v>1345</v>
      </c>
      <c r="BP8" s="282">
        <v>1345</v>
      </c>
      <c r="BQ8" s="276">
        <v>0</v>
      </c>
      <c r="BR8" s="280">
        <v>0</v>
      </c>
      <c r="BS8" s="277">
        <v>0</v>
      </c>
      <c r="BT8" s="279">
        <v>0</v>
      </c>
      <c r="BU8" s="280">
        <v>135</v>
      </c>
      <c r="BV8" s="280">
        <v>127</v>
      </c>
      <c r="BW8" s="280">
        <v>367</v>
      </c>
      <c r="BX8" s="280">
        <v>231</v>
      </c>
      <c r="BY8" s="280">
        <v>109</v>
      </c>
      <c r="BZ8" s="277">
        <v>969</v>
      </c>
      <c r="CA8" s="282">
        <v>969</v>
      </c>
      <c r="CB8" s="276">
        <v>0</v>
      </c>
      <c r="CC8" s="280">
        <v>0</v>
      </c>
      <c r="CD8" s="277">
        <v>0</v>
      </c>
      <c r="CE8" s="279">
        <v>0</v>
      </c>
      <c r="CF8" s="280">
        <v>26</v>
      </c>
      <c r="CG8" s="280">
        <v>44</v>
      </c>
      <c r="CH8" s="280">
        <v>47</v>
      </c>
      <c r="CI8" s="280">
        <v>52</v>
      </c>
      <c r="CJ8" s="280">
        <v>13</v>
      </c>
      <c r="CK8" s="277">
        <v>182</v>
      </c>
      <c r="CL8" s="282">
        <v>182</v>
      </c>
      <c r="CM8" s="276">
        <v>0</v>
      </c>
      <c r="CN8" s="280">
        <v>0</v>
      </c>
      <c r="CO8" s="277">
        <v>0</v>
      </c>
      <c r="CP8" s="279">
        <v>0</v>
      </c>
      <c r="CQ8" s="280">
        <v>0</v>
      </c>
      <c r="CR8" s="280">
        <v>0</v>
      </c>
      <c r="CS8" s="280">
        <v>0</v>
      </c>
      <c r="CT8" s="280">
        <v>0</v>
      </c>
      <c r="CU8" s="280">
        <v>0</v>
      </c>
      <c r="CV8" s="277">
        <v>0</v>
      </c>
      <c r="CW8" s="282">
        <v>0</v>
      </c>
      <c r="CX8" s="276">
        <v>0</v>
      </c>
      <c r="CY8" s="280">
        <v>0</v>
      </c>
      <c r="CZ8" s="277">
        <v>0</v>
      </c>
      <c r="DA8" s="279">
        <v>0</v>
      </c>
      <c r="DB8" s="280">
        <v>0</v>
      </c>
      <c r="DC8" s="280">
        <v>0</v>
      </c>
      <c r="DD8" s="280">
        <v>0</v>
      </c>
      <c r="DE8" s="280">
        <v>0</v>
      </c>
      <c r="DF8" s="280">
        <v>0</v>
      </c>
      <c r="DG8" s="277">
        <v>0</v>
      </c>
      <c r="DH8" s="282">
        <v>0</v>
      </c>
    </row>
    <row r="9" spans="2:112" ht="21" customHeight="1" x14ac:dyDescent="0.2">
      <c r="B9" s="261" t="s">
        <v>14</v>
      </c>
      <c r="C9" s="276">
        <v>0</v>
      </c>
      <c r="D9" s="277">
        <v>0</v>
      </c>
      <c r="E9" s="278">
        <v>0</v>
      </c>
      <c r="F9" s="279">
        <v>0</v>
      </c>
      <c r="G9" s="280">
        <v>563</v>
      </c>
      <c r="H9" s="280">
        <v>1007</v>
      </c>
      <c r="I9" s="280">
        <v>1360</v>
      </c>
      <c r="J9" s="280">
        <v>1412</v>
      </c>
      <c r="K9" s="280">
        <v>1546</v>
      </c>
      <c r="L9" s="281">
        <v>5888</v>
      </c>
      <c r="M9" s="282">
        <v>5888</v>
      </c>
      <c r="N9" s="276">
        <v>0</v>
      </c>
      <c r="O9" s="280">
        <v>0</v>
      </c>
      <c r="P9" s="277">
        <v>0</v>
      </c>
      <c r="Q9" s="279">
        <v>0</v>
      </c>
      <c r="R9" s="280">
        <v>0</v>
      </c>
      <c r="S9" s="280">
        <v>6</v>
      </c>
      <c r="T9" s="280">
        <v>19</v>
      </c>
      <c r="U9" s="280">
        <v>58</v>
      </c>
      <c r="V9" s="280">
        <v>100</v>
      </c>
      <c r="W9" s="277">
        <v>183</v>
      </c>
      <c r="X9" s="282">
        <v>183</v>
      </c>
      <c r="Y9" s="276">
        <v>36</v>
      </c>
      <c r="Z9" s="280">
        <v>226</v>
      </c>
      <c r="AA9" s="277">
        <v>262</v>
      </c>
      <c r="AB9" s="279">
        <v>0</v>
      </c>
      <c r="AC9" s="280">
        <v>292</v>
      </c>
      <c r="AD9" s="280">
        <v>808</v>
      </c>
      <c r="AE9" s="280">
        <v>482</v>
      </c>
      <c r="AF9" s="280">
        <v>521</v>
      </c>
      <c r="AG9" s="280">
        <v>277</v>
      </c>
      <c r="AH9" s="277">
        <v>2380</v>
      </c>
      <c r="AI9" s="282">
        <v>2642</v>
      </c>
      <c r="AJ9" s="276">
        <v>0</v>
      </c>
      <c r="AK9" s="280">
        <v>41</v>
      </c>
      <c r="AL9" s="277">
        <v>41</v>
      </c>
      <c r="AM9" s="279">
        <v>0</v>
      </c>
      <c r="AN9" s="280">
        <v>22</v>
      </c>
      <c r="AO9" s="280">
        <v>77</v>
      </c>
      <c r="AP9" s="280">
        <v>32</v>
      </c>
      <c r="AQ9" s="280">
        <v>22</v>
      </c>
      <c r="AR9" s="280">
        <v>8</v>
      </c>
      <c r="AS9" s="277">
        <v>161</v>
      </c>
      <c r="AT9" s="282">
        <v>202</v>
      </c>
      <c r="AU9" s="276">
        <v>0</v>
      </c>
      <c r="AV9" s="280">
        <v>0</v>
      </c>
      <c r="AW9" s="277">
        <v>0</v>
      </c>
      <c r="AX9" s="279">
        <v>0</v>
      </c>
      <c r="AY9" s="280">
        <v>769</v>
      </c>
      <c r="AZ9" s="280">
        <v>823</v>
      </c>
      <c r="BA9" s="280">
        <v>524</v>
      </c>
      <c r="BB9" s="280">
        <v>227</v>
      </c>
      <c r="BC9" s="280">
        <v>113</v>
      </c>
      <c r="BD9" s="281">
        <v>2456</v>
      </c>
      <c r="BE9" s="282">
        <v>2456</v>
      </c>
      <c r="BF9" s="276">
        <v>0</v>
      </c>
      <c r="BG9" s="280">
        <v>0</v>
      </c>
      <c r="BH9" s="277">
        <v>0</v>
      </c>
      <c r="BI9" s="279">
        <v>0</v>
      </c>
      <c r="BJ9" s="280">
        <v>67</v>
      </c>
      <c r="BK9" s="280">
        <v>145</v>
      </c>
      <c r="BL9" s="280">
        <v>96</v>
      </c>
      <c r="BM9" s="280">
        <v>95</v>
      </c>
      <c r="BN9" s="280">
        <v>9</v>
      </c>
      <c r="BO9" s="277">
        <v>412</v>
      </c>
      <c r="BP9" s="282">
        <v>412</v>
      </c>
      <c r="BQ9" s="276">
        <v>0</v>
      </c>
      <c r="BR9" s="280">
        <v>14</v>
      </c>
      <c r="BS9" s="277">
        <v>14</v>
      </c>
      <c r="BT9" s="279">
        <v>0</v>
      </c>
      <c r="BU9" s="280">
        <v>63</v>
      </c>
      <c r="BV9" s="280">
        <v>204</v>
      </c>
      <c r="BW9" s="280">
        <v>223</v>
      </c>
      <c r="BX9" s="280">
        <v>186</v>
      </c>
      <c r="BY9" s="280">
        <v>106</v>
      </c>
      <c r="BZ9" s="277">
        <v>782</v>
      </c>
      <c r="CA9" s="282">
        <v>796</v>
      </c>
      <c r="CB9" s="276">
        <v>0</v>
      </c>
      <c r="CC9" s="280">
        <v>0</v>
      </c>
      <c r="CD9" s="277">
        <v>0</v>
      </c>
      <c r="CE9" s="279">
        <v>0</v>
      </c>
      <c r="CF9" s="280">
        <v>0</v>
      </c>
      <c r="CG9" s="280">
        <v>11</v>
      </c>
      <c r="CH9" s="280">
        <v>0</v>
      </c>
      <c r="CI9" s="280">
        <v>0</v>
      </c>
      <c r="CJ9" s="280">
        <v>0</v>
      </c>
      <c r="CK9" s="277">
        <v>11</v>
      </c>
      <c r="CL9" s="282">
        <v>11</v>
      </c>
      <c r="CM9" s="276">
        <v>0</v>
      </c>
      <c r="CN9" s="280">
        <v>0</v>
      </c>
      <c r="CO9" s="277">
        <v>0</v>
      </c>
      <c r="CP9" s="279">
        <v>0</v>
      </c>
      <c r="CQ9" s="280">
        <v>0</v>
      </c>
      <c r="CR9" s="280">
        <v>0</v>
      </c>
      <c r="CS9" s="280">
        <v>0</v>
      </c>
      <c r="CT9" s="280">
        <v>0</v>
      </c>
      <c r="CU9" s="280">
        <v>0</v>
      </c>
      <c r="CV9" s="277">
        <v>0</v>
      </c>
      <c r="CW9" s="282">
        <v>0</v>
      </c>
      <c r="CX9" s="276">
        <v>0</v>
      </c>
      <c r="CY9" s="280">
        <v>0</v>
      </c>
      <c r="CZ9" s="277">
        <v>0</v>
      </c>
      <c r="DA9" s="279">
        <v>0</v>
      </c>
      <c r="DB9" s="280">
        <v>0</v>
      </c>
      <c r="DC9" s="280">
        <v>0</v>
      </c>
      <c r="DD9" s="280">
        <v>0</v>
      </c>
      <c r="DE9" s="280">
        <v>0</v>
      </c>
      <c r="DF9" s="280">
        <v>0</v>
      </c>
      <c r="DG9" s="277">
        <v>0</v>
      </c>
      <c r="DH9" s="282">
        <v>0</v>
      </c>
    </row>
    <row r="10" spans="2:112" ht="21" customHeight="1" x14ac:dyDescent="0.2">
      <c r="B10" s="261" t="s">
        <v>7</v>
      </c>
      <c r="C10" s="276">
        <v>0</v>
      </c>
      <c r="D10" s="277">
        <v>0</v>
      </c>
      <c r="E10" s="278">
        <v>0</v>
      </c>
      <c r="F10" s="279">
        <v>0</v>
      </c>
      <c r="G10" s="280">
        <v>844</v>
      </c>
      <c r="H10" s="280">
        <v>650</v>
      </c>
      <c r="I10" s="280">
        <v>859</v>
      </c>
      <c r="J10" s="280">
        <v>659</v>
      </c>
      <c r="K10" s="280">
        <v>694</v>
      </c>
      <c r="L10" s="281">
        <v>3706</v>
      </c>
      <c r="M10" s="282">
        <v>3706</v>
      </c>
      <c r="N10" s="276">
        <v>0</v>
      </c>
      <c r="O10" s="280">
        <v>0</v>
      </c>
      <c r="P10" s="277">
        <v>0</v>
      </c>
      <c r="Q10" s="279">
        <v>0</v>
      </c>
      <c r="R10" s="280">
        <v>4</v>
      </c>
      <c r="S10" s="280">
        <v>25</v>
      </c>
      <c r="T10" s="280">
        <v>9</v>
      </c>
      <c r="U10" s="280">
        <v>1</v>
      </c>
      <c r="V10" s="280">
        <v>63</v>
      </c>
      <c r="W10" s="277">
        <v>102</v>
      </c>
      <c r="X10" s="282">
        <v>102</v>
      </c>
      <c r="Y10" s="276">
        <v>3</v>
      </c>
      <c r="Z10" s="280">
        <v>0</v>
      </c>
      <c r="AA10" s="277">
        <v>3</v>
      </c>
      <c r="AB10" s="279">
        <v>0</v>
      </c>
      <c r="AC10" s="280">
        <v>250</v>
      </c>
      <c r="AD10" s="280">
        <v>234</v>
      </c>
      <c r="AE10" s="280">
        <v>208</v>
      </c>
      <c r="AF10" s="280">
        <v>131</v>
      </c>
      <c r="AG10" s="280">
        <v>216</v>
      </c>
      <c r="AH10" s="277">
        <v>1039</v>
      </c>
      <c r="AI10" s="282">
        <v>1042</v>
      </c>
      <c r="AJ10" s="276">
        <v>6</v>
      </c>
      <c r="AK10" s="280">
        <v>0</v>
      </c>
      <c r="AL10" s="277">
        <v>6</v>
      </c>
      <c r="AM10" s="279">
        <v>0</v>
      </c>
      <c r="AN10" s="280">
        <v>59</v>
      </c>
      <c r="AO10" s="280">
        <v>42</v>
      </c>
      <c r="AP10" s="280">
        <v>42</v>
      </c>
      <c r="AQ10" s="280">
        <v>27</v>
      </c>
      <c r="AR10" s="280">
        <v>24</v>
      </c>
      <c r="AS10" s="277">
        <v>194</v>
      </c>
      <c r="AT10" s="282">
        <v>200</v>
      </c>
      <c r="AU10" s="276">
        <v>0</v>
      </c>
      <c r="AV10" s="280">
        <v>0</v>
      </c>
      <c r="AW10" s="277">
        <v>0</v>
      </c>
      <c r="AX10" s="279">
        <v>0</v>
      </c>
      <c r="AY10" s="280">
        <v>553</v>
      </c>
      <c r="AZ10" s="280">
        <v>301</v>
      </c>
      <c r="BA10" s="280">
        <v>143</v>
      </c>
      <c r="BB10" s="280">
        <v>63</v>
      </c>
      <c r="BC10" s="280">
        <v>49</v>
      </c>
      <c r="BD10" s="281">
        <v>1109</v>
      </c>
      <c r="BE10" s="282">
        <v>1109</v>
      </c>
      <c r="BF10" s="276">
        <v>0</v>
      </c>
      <c r="BG10" s="280">
        <v>0</v>
      </c>
      <c r="BH10" s="277">
        <v>0</v>
      </c>
      <c r="BI10" s="279">
        <v>0</v>
      </c>
      <c r="BJ10" s="280">
        <v>163</v>
      </c>
      <c r="BK10" s="280">
        <v>46</v>
      </c>
      <c r="BL10" s="280">
        <v>44</v>
      </c>
      <c r="BM10" s="280">
        <v>11</v>
      </c>
      <c r="BN10" s="280">
        <v>14</v>
      </c>
      <c r="BO10" s="277">
        <v>278</v>
      </c>
      <c r="BP10" s="282">
        <v>278</v>
      </c>
      <c r="BQ10" s="276">
        <v>0</v>
      </c>
      <c r="BR10" s="280">
        <v>0</v>
      </c>
      <c r="BS10" s="277">
        <v>0</v>
      </c>
      <c r="BT10" s="279">
        <v>0</v>
      </c>
      <c r="BU10" s="280">
        <v>32</v>
      </c>
      <c r="BV10" s="280">
        <v>75</v>
      </c>
      <c r="BW10" s="280">
        <v>111</v>
      </c>
      <c r="BX10" s="280">
        <v>54</v>
      </c>
      <c r="BY10" s="280">
        <v>21</v>
      </c>
      <c r="BZ10" s="277">
        <v>293</v>
      </c>
      <c r="CA10" s="282">
        <v>293</v>
      </c>
      <c r="CB10" s="276">
        <v>0</v>
      </c>
      <c r="CC10" s="280">
        <v>0</v>
      </c>
      <c r="CD10" s="277">
        <v>0</v>
      </c>
      <c r="CE10" s="279">
        <v>0</v>
      </c>
      <c r="CF10" s="280">
        <v>7</v>
      </c>
      <c r="CG10" s="280">
        <v>0</v>
      </c>
      <c r="CH10" s="280">
        <v>0</v>
      </c>
      <c r="CI10" s="280">
        <v>13</v>
      </c>
      <c r="CJ10" s="280">
        <v>0</v>
      </c>
      <c r="CK10" s="277">
        <v>20</v>
      </c>
      <c r="CL10" s="282">
        <v>20</v>
      </c>
      <c r="CM10" s="276">
        <v>0</v>
      </c>
      <c r="CN10" s="280">
        <v>0</v>
      </c>
      <c r="CO10" s="277">
        <v>0</v>
      </c>
      <c r="CP10" s="279">
        <v>0</v>
      </c>
      <c r="CQ10" s="280">
        <v>0</v>
      </c>
      <c r="CR10" s="280">
        <v>0</v>
      </c>
      <c r="CS10" s="280">
        <v>0</v>
      </c>
      <c r="CT10" s="280">
        <v>0</v>
      </c>
      <c r="CU10" s="280">
        <v>0</v>
      </c>
      <c r="CV10" s="277">
        <v>0</v>
      </c>
      <c r="CW10" s="282">
        <v>0</v>
      </c>
      <c r="CX10" s="276">
        <v>0</v>
      </c>
      <c r="CY10" s="280">
        <v>0</v>
      </c>
      <c r="CZ10" s="277">
        <v>0</v>
      </c>
      <c r="DA10" s="279">
        <v>0</v>
      </c>
      <c r="DB10" s="280">
        <v>0</v>
      </c>
      <c r="DC10" s="280">
        <v>0</v>
      </c>
      <c r="DD10" s="280">
        <v>0</v>
      </c>
      <c r="DE10" s="280">
        <v>0</v>
      </c>
      <c r="DF10" s="280">
        <v>0</v>
      </c>
      <c r="DG10" s="277">
        <v>0</v>
      </c>
      <c r="DH10" s="282">
        <v>0</v>
      </c>
    </row>
    <row r="11" spans="2:112" ht="21" customHeight="1" x14ac:dyDescent="0.2">
      <c r="B11" s="261" t="s">
        <v>8</v>
      </c>
      <c r="C11" s="276">
        <v>0</v>
      </c>
      <c r="D11" s="277">
        <v>0</v>
      </c>
      <c r="E11" s="278">
        <v>0</v>
      </c>
      <c r="F11" s="279">
        <v>0</v>
      </c>
      <c r="G11" s="280">
        <v>244</v>
      </c>
      <c r="H11" s="280">
        <v>305</v>
      </c>
      <c r="I11" s="280">
        <v>325</v>
      </c>
      <c r="J11" s="280">
        <v>364</v>
      </c>
      <c r="K11" s="280">
        <v>446</v>
      </c>
      <c r="L11" s="281">
        <v>1684</v>
      </c>
      <c r="M11" s="282">
        <v>1684</v>
      </c>
      <c r="N11" s="276">
        <v>0</v>
      </c>
      <c r="O11" s="280">
        <v>0</v>
      </c>
      <c r="P11" s="277">
        <v>0</v>
      </c>
      <c r="Q11" s="279">
        <v>0</v>
      </c>
      <c r="R11" s="280">
        <v>0</v>
      </c>
      <c r="S11" s="280">
        <v>2</v>
      </c>
      <c r="T11" s="280">
        <v>5</v>
      </c>
      <c r="U11" s="280">
        <v>27</v>
      </c>
      <c r="V11" s="280">
        <v>42</v>
      </c>
      <c r="W11" s="277">
        <v>76</v>
      </c>
      <c r="X11" s="282">
        <v>76</v>
      </c>
      <c r="Y11" s="276">
        <v>19</v>
      </c>
      <c r="Z11" s="280">
        <v>11</v>
      </c>
      <c r="AA11" s="277">
        <v>30</v>
      </c>
      <c r="AB11" s="279">
        <v>0</v>
      </c>
      <c r="AC11" s="280">
        <v>103</v>
      </c>
      <c r="AD11" s="280">
        <v>126</v>
      </c>
      <c r="AE11" s="280">
        <v>102</v>
      </c>
      <c r="AF11" s="280">
        <v>102</v>
      </c>
      <c r="AG11" s="280">
        <v>60</v>
      </c>
      <c r="AH11" s="277">
        <v>493</v>
      </c>
      <c r="AI11" s="282">
        <v>523</v>
      </c>
      <c r="AJ11" s="276">
        <v>12</v>
      </c>
      <c r="AK11" s="280">
        <v>4</v>
      </c>
      <c r="AL11" s="277">
        <v>16</v>
      </c>
      <c r="AM11" s="279">
        <v>0</v>
      </c>
      <c r="AN11" s="280">
        <v>62</v>
      </c>
      <c r="AO11" s="280">
        <v>31</v>
      </c>
      <c r="AP11" s="280">
        <v>32</v>
      </c>
      <c r="AQ11" s="280">
        <v>123</v>
      </c>
      <c r="AR11" s="280">
        <v>9</v>
      </c>
      <c r="AS11" s="277">
        <v>257</v>
      </c>
      <c r="AT11" s="282">
        <v>273</v>
      </c>
      <c r="AU11" s="276">
        <v>0</v>
      </c>
      <c r="AV11" s="280">
        <v>0</v>
      </c>
      <c r="AW11" s="277">
        <v>0</v>
      </c>
      <c r="AX11" s="279">
        <v>0</v>
      </c>
      <c r="AY11" s="280">
        <v>214</v>
      </c>
      <c r="AZ11" s="280">
        <v>198</v>
      </c>
      <c r="BA11" s="280">
        <v>42</v>
      </c>
      <c r="BB11" s="280">
        <v>106</v>
      </c>
      <c r="BC11" s="280">
        <v>30</v>
      </c>
      <c r="BD11" s="281">
        <v>590</v>
      </c>
      <c r="BE11" s="282">
        <v>590</v>
      </c>
      <c r="BF11" s="276">
        <v>0</v>
      </c>
      <c r="BG11" s="280">
        <v>0</v>
      </c>
      <c r="BH11" s="277">
        <v>0</v>
      </c>
      <c r="BI11" s="279">
        <v>0</v>
      </c>
      <c r="BJ11" s="280">
        <v>69</v>
      </c>
      <c r="BK11" s="280">
        <v>63</v>
      </c>
      <c r="BL11" s="280">
        <v>26</v>
      </c>
      <c r="BM11" s="280">
        <v>42</v>
      </c>
      <c r="BN11" s="280">
        <v>15</v>
      </c>
      <c r="BO11" s="277">
        <v>215</v>
      </c>
      <c r="BP11" s="282">
        <v>215</v>
      </c>
      <c r="BQ11" s="276">
        <v>3</v>
      </c>
      <c r="BR11" s="280">
        <v>3</v>
      </c>
      <c r="BS11" s="277">
        <v>6</v>
      </c>
      <c r="BT11" s="279">
        <v>0</v>
      </c>
      <c r="BU11" s="280">
        <v>32</v>
      </c>
      <c r="BV11" s="280">
        <v>76</v>
      </c>
      <c r="BW11" s="280">
        <v>153</v>
      </c>
      <c r="BX11" s="280">
        <v>35</v>
      </c>
      <c r="BY11" s="280">
        <v>14</v>
      </c>
      <c r="BZ11" s="277">
        <v>310</v>
      </c>
      <c r="CA11" s="282">
        <v>316</v>
      </c>
      <c r="CB11" s="276">
        <v>0</v>
      </c>
      <c r="CC11" s="280">
        <v>0</v>
      </c>
      <c r="CD11" s="277">
        <v>0</v>
      </c>
      <c r="CE11" s="279">
        <v>0</v>
      </c>
      <c r="CF11" s="280">
        <v>0</v>
      </c>
      <c r="CG11" s="280">
        <v>0</v>
      </c>
      <c r="CH11" s="280">
        <v>0</v>
      </c>
      <c r="CI11" s="280">
        <v>0</v>
      </c>
      <c r="CJ11" s="280">
        <v>0</v>
      </c>
      <c r="CK11" s="277">
        <v>0</v>
      </c>
      <c r="CL11" s="282">
        <v>0</v>
      </c>
      <c r="CM11" s="276">
        <v>0</v>
      </c>
      <c r="CN11" s="280">
        <v>0</v>
      </c>
      <c r="CO11" s="277">
        <v>0</v>
      </c>
      <c r="CP11" s="279">
        <v>0</v>
      </c>
      <c r="CQ11" s="280">
        <v>0</v>
      </c>
      <c r="CR11" s="280">
        <v>0</v>
      </c>
      <c r="CS11" s="280">
        <v>0</v>
      </c>
      <c r="CT11" s="280">
        <v>0</v>
      </c>
      <c r="CU11" s="280">
        <v>0</v>
      </c>
      <c r="CV11" s="277">
        <v>0</v>
      </c>
      <c r="CW11" s="282">
        <v>0</v>
      </c>
      <c r="CX11" s="276">
        <v>0</v>
      </c>
      <c r="CY11" s="280">
        <v>0</v>
      </c>
      <c r="CZ11" s="277">
        <v>0</v>
      </c>
      <c r="DA11" s="279">
        <v>0</v>
      </c>
      <c r="DB11" s="280">
        <v>0</v>
      </c>
      <c r="DC11" s="280">
        <v>0</v>
      </c>
      <c r="DD11" s="280">
        <v>0</v>
      </c>
      <c r="DE11" s="280">
        <v>0</v>
      </c>
      <c r="DF11" s="280">
        <v>0</v>
      </c>
      <c r="DG11" s="277">
        <v>0</v>
      </c>
      <c r="DH11" s="282">
        <v>0</v>
      </c>
    </row>
    <row r="12" spans="2:112" ht="21" customHeight="1" x14ac:dyDescent="0.2">
      <c r="B12" s="261" t="s">
        <v>9</v>
      </c>
      <c r="C12" s="276">
        <v>0</v>
      </c>
      <c r="D12" s="277">
        <v>0</v>
      </c>
      <c r="E12" s="278">
        <v>0</v>
      </c>
      <c r="F12" s="279">
        <v>0</v>
      </c>
      <c r="G12" s="280">
        <v>543</v>
      </c>
      <c r="H12" s="280">
        <v>722</v>
      </c>
      <c r="I12" s="280">
        <v>1009</v>
      </c>
      <c r="J12" s="280">
        <v>1206</v>
      </c>
      <c r="K12" s="280">
        <v>1554</v>
      </c>
      <c r="L12" s="281">
        <v>5034</v>
      </c>
      <c r="M12" s="282">
        <v>5034</v>
      </c>
      <c r="N12" s="276">
        <v>0</v>
      </c>
      <c r="O12" s="280">
        <v>0</v>
      </c>
      <c r="P12" s="277">
        <v>0</v>
      </c>
      <c r="Q12" s="279">
        <v>0</v>
      </c>
      <c r="R12" s="280">
        <v>16</v>
      </c>
      <c r="S12" s="280">
        <v>4</v>
      </c>
      <c r="T12" s="280">
        <v>0</v>
      </c>
      <c r="U12" s="280">
        <v>73</v>
      </c>
      <c r="V12" s="280">
        <v>96</v>
      </c>
      <c r="W12" s="277">
        <v>189</v>
      </c>
      <c r="X12" s="282">
        <v>189</v>
      </c>
      <c r="Y12" s="276">
        <v>35</v>
      </c>
      <c r="Z12" s="280">
        <v>74</v>
      </c>
      <c r="AA12" s="277">
        <v>109</v>
      </c>
      <c r="AB12" s="279">
        <v>0</v>
      </c>
      <c r="AC12" s="280">
        <v>500</v>
      </c>
      <c r="AD12" s="280">
        <v>392</v>
      </c>
      <c r="AE12" s="280">
        <v>219</v>
      </c>
      <c r="AF12" s="280">
        <v>250</v>
      </c>
      <c r="AG12" s="280">
        <v>339</v>
      </c>
      <c r="AH12" s="277">
        <v>1700</v>
      </c>
      <c r="AI12" s="282">
        <v>1809</v>
      </c>
      <c r="AJ12" s="276">
        <v>6</v>
      </c>
      <c r="AK12" s="280">
        <v>56</v>
      </c>
      <c r="AL12" s="277">
        <v>62</v>
      </c>
      <c r="AM12" s="279">
        <v>0</v>
      </c>
      <c r="AN12" s="280">
        <v>70</v>
      </c>
      <c r="AO12" s="280">
        <v>108</v>
      </c>
      <c r="AP12" s="280">
        <v>41</v>
      </c>
      <c r="AQ12" s="280">
        <v>113</v>
      </c>
      <c r="AR12" s="280">
        <v>89</v>
      </c>
      <c r="AS12" s="277">
        <v>421</v>
      </c>
      <c r="AT12" s="282">
        <v>483</v>
      </c>
      <c r="AU12" s="276">
        <v>0</v>
      </c>
      <c r="AV12" s="280">
        <v>0</v>
      </c>
      <c r="AW12" s="277">
        <v>0</v>
      </c>
      <c r="AX12" s="279">
        <v>0</v>
      </c>
      <c r="AY12" s="280">
        <v>383</v>
      </c>
      <c r="AZ12" s="280">
        <v>256</v>
      </c>
      <c r="BA12" s="280">
        <v>162</v>
      </c>
      <c r="BB12" s="280">
        <v>129</v>
      </c>
      <c r="BC12" s="280">
        <v>43</v>
      </c>
      <c r="BD12" s="281">
        <v>973</v>
      </c>
      <c r="BE12" s="282">
        <v>973</v>
      </c>
      <c r="BF12" s="276">
        <v>0</v>
      </c>
      <c r="BG12" s="280">
        <v>0</v>
      </c>
      <c r="BH12" s="277">
        <v>0</v>
      </c>
      <c r="BI12" s="279">
        <v>0</v>
      </c>
      <c r="BJ12" s="280">
        <v>75</v>
      </c>
      <c r="BK12" s="280">
        <v>97</v>
      </c>
      <c r="BL12" s="280">
        <v>36</v>
      </c>
      <c r="BM12" s="280">
        <v>64</v>
      </c>
      <c r="BN12" s="280">
        <v>0</v>
      </c>
      <c r="BO12" s="277">
        <v>272</v>
      </c>
      <c r="BP12" s="282">
        <v>272</v>
      </c>
      <c r="BQ12" s="276">
        <v>6</v>
      </c>
      <c r="BR12" s="280">
        <v>0</v>
      </c>
      <c r="BS12" s="277">
        <v>6</v>
      </c>
      <c r="BT12" s="279">
        <v>0</v>
      </c>
      <c r="BU12" s="280">
        <v>81</v>
      </c>
      <c r="BV12" s="280">
        <v>129</v>
      </c>
      <c r="BW12" s="280">
        <v>75</v>
      </c>
      <c r="BX12" s="280">
        <v>130</v>
      </c>
      <c r="BY12" s="280">
        <v>59</v>
      </c>
      <c r="BZ12" s="277">
        <v>474</v>
      </c>
      <c r="CA12" s="282">
        <v>480</v>
      </c>
      <c r="CB12" s="276">
        <v>0</v>
      </c>
      <c r="CC12" s="280">
        <v>0</v>
      </c>
      <c r="CD12" s="277">
        <v>0</v>
      </c>
      <c r="CE12" s="279">
        <v>0</v>
      </c>
      <c r="CF12" s="280">
        <v>0</v>
      </c>
      <c r="CG12" s="280">
        <v>22</v>
      </c>
      <c r="CH12" s="280">
        <v>4</v>
      </c>
      <c r="CI12" s="280">
        <v>24</v>
      </c>
      <c r="CJ12" s="280">
        <v>0</v>
      </c>
      <c r="CK12" s="277">
        <v>50</v>
      </c>
      <c r="CL12" s="282">
        <v>50</v>
      </c>
      <c r="CM12" s="276">
        <v>0</v>
      </c>
      <c r="CN12" s="280">
        <v>0</v>
      </c>
      <c r="CO12" s="277">
        <v>0</v>
      </c>
      <c r="CP12" s="279">
        <v>0</v>
      </c>
      <c r="CQ12" s="280">
        <v>0</v>
      </c>
      <c r="CR12" s="280">
        <v>0</v>
      </c>
      <c r="CS12" s="280">
        <v>0</v>
      </c>
      <c r="CT12" s="280">
        <v>0</v>
      </c>
      <c r="CU12" s="280">
        <v>0</v>
      </c>
      <c r="CV12" s="277">
        <v>0</v>
      </c>
      <c r="CW12" s="282">
        <v>0</v>
      </c>
      <c r="CX12" s="276">
        <v>0</v>
      </c>
      <c r="CY12" s="280">
        <v>0</v>
      </c>
      <c r="CZ12" s="277">
        <v>0</v>
      </c>
      <c r="DA12" s="279">
        <v>0</v>
      </c>
      <c r="DB12" s="280">
        <v>0</v>
      </c>
      <c r="DC12" s="280">
        <v>0</v>
      </c>
      <c r="DD12" s="280">
        <v>0</v>
      </c>
      <c r="DE12" s="280">
        <v>0</v>
      </c>
      <c r="DF12" s="280">
        <v>0</v>
      </c>
      <c r="DG12" s="277">
        <v>0</v>
      </c>
      <c r="DH12" s="282">
        <v>0</v>
      </c>
    </row>
    <row r="13" spans="2:112" ht="21" customHeight="1" x14ac:dyDescent="0.2">
      <c r="B13" s="261" t="s">
        <v>10</v>
      </c>
      <c r="C13" s="276">
        <v>0</v>
      </c>
      <c r="D13" s="277">
        <v>0</v>
      </c>
      <c r="E13" s="278">
        <v>0</v>
      </c>
      <c r="F13" s="279">
        <v>0</v>
      </c>
      <c r="G13" s="280">
        <v>1271</v>
      </c>
      <c r="H13" s="280">
        <v>827</v>
      </c>
      <c r="I13" s="280">
        <v>1319</v>
      </c>
      <c r="J13" s="280">
        <v>1643</v>
      </c>
      <c r="K13" s="280">
        <v>1902</v>
      </c>
      <c r="L13" s="281">
        <v>6962</v>
      </c>
      <c r="M13" s="282">
        <v>6962</v>
      </c>
      <c r="N13" s="276">
        <v>0</v>
      </c>
      <c r="O13" s="280">
        <v>0</v>
      </c>
      <c r="P13" s="277">
        <v>0</v>
      </c>
      <c r="Q13" s="279">
        <v>0</v>
      </c>
      <c r="R13" s="280">
        <v>9</v>
      </c>
      <c r="S13" s="280">
        <v>4</v>
      </c>
      <c r="T13" s="280">
        <v>6</v>
      </c>
      <c r="U13" s="280">
        <v>29</v>
      </c>
      <c r="V13" s="280">
        <v>57</v>
      </c>
      <c r="W13" s="277">
        <v>105</v>
      </c>
      <c r="X13" s="282">
        <v>105</v>
      </c>
      <c r="Y13" s="276">
        <v>92</v>
      </c>
      <c r="Z13" s="280">
        <v>183</v>
      </c>
      <c r="AA13" s="277">
        <v>275</v>
      </c>
      <c r="AB13" s="279">
        <v>0</v>
      </c>
      <c r="AC13" s="280">
        <v>538</v>
      </c>
      <c r="AD13" s="280">
        <v>402</v>
      </c>
      <c r="AE13" s="280">
        <v>232</v>
      </c>
      <c r="AF13" s="280">
        <v>248</v>
      </c>
      <c r="AG13" s="280">
        <v>238</v>
      </c>
      <c r="AH13" s="277">
        <v>1658</v>
      </c>
      <c r="AI13" s="282">
        <v>1933</v>
      </c>
      <c r="AJ13" s="276">
        <v>32</v>
      </c>
      <c r="AK13" s="280">
        <v>45</v>
      </c>
      <c r="AL13" s="277">
        <v>77</v>
      </c>
      <c r="AM13" s="279">
        <v>0</v>
      </c>
      <c r="AN13" s="280">
        <v>110</v>
      </c>
      <c r="AO13" s="280">
        <v>130</v>
      </c>
      <c r="AP13" s="280">
        <v>55</v>
      </c>
      <c r="AQ13" s="280">
        <v>21</v>
      </c>
      <c r="AR13" s="280">
        <v>30</v>
      </c>
      <c r="AS13" s="277">
        <v>346</v>
      </c>
      <c r="AT13" s="282">
        <v>423</v>
      </c>
      <c r="AU13" s="276">
        <v>0</v>
      </c>
      <c r="AV13" s="280">
        <v>0</v>
      </c>
      <c r="AW13" s="277">
        <v>0</v>
      </c>
      <c r="AX13" s="279">
        <v>0</v>
      </c>
      <c r="AY13" s="280">
        <v>907</v>
      </c>
      <c r="AZ13" s="280">
        <v>506</v>
      </c>
      <c r="BA13" s="280">
        <v>342</v>
      </c>
      <c r="BB13" s="280">
        <v>118</v>
      </c>
      <c r="BC13" s="280">
        <v>33</v>
      </c>
      <c r="BD13" s="281">
        <v>1906</v>
      </c>
      <c r="BE13" s="282">
        <v>1906</v>
      </c>
      <c r="BF13" s="276">
        <v>0</v>
      </c>
      <c r="BG13" s="280">
        <v>0</v>
      </c>
      <c r="BH13" s="277">
        <v>0</v>
      </c>
      <c r="BI13" s="279">
        <v>0</v>
      </c>
      <c r="BJ13" s="280">
        <v>133</v>
      </c>
      <c r="BK13" s="280">
        <v>115</v>
      </c>
      <c r="BL13" s="280">
        <v>43</v>
      </c>
      <c r="BM13" s="280">
        <v>16</v>
      </c>
      <c r="BN13" s="280">
        <v>1</v>
      </c>
      <c r="BO13" s="277">
        <v>308</v>
      </c>
      <c r="BP13" s="282">
        <v>308</v>
      </c>
      <c r="BQ13" s="276">
        <v>0</v>
      </c>
      <c r="BR13" s="280">
        <v>3</v>
      </c>
      <c r="BS13" s="277">
        <v>3</v>
      </c>
      <c r="BT13" s="279">
        <v>0</v>
      </c>
      <c r="BU13" s="280">
        <v>50</v>
      </c>
      <c r="BV13" s="280">
        <v>35</v>
      </c>
      <c r="BW13" s="280">
        <v>222</v>
      </c>
      <c r="BX13" s="280">
        <v>100</v>
      </c>
      <c r="BY13" s="280">
        <v>38</v>
      </c>
      <c r="BZ13" s="277">
        <v>445</v>
      </c>
      <c r="CA13" s="282">
        <v>448</v>
      </c>
      <c r="CB13" s="276">
        <v>0</v>
      </c>
      <c r="CC13" s="280">
        <v>0</v>
      </c>
      <c r="CD13" s="277">
        <v>0</v>
      </c>
      <c r="CE13" s="279">
        <v>0</v>
      </c>
      <c r="CF13" s="280">
        <v>17</v>
      </c>
      <c r="CG13" s="280">
        <v>0</v>
      </c>
      <c r="CH13" s="280">
        <v>0</v>
      </c>
      <c r="CI13" s="280">
        <v>0</v>
      </c>
      <c r="CJ13" s="280">
        <v>0</v>
      </c>
      <c r="CK13" s="277">
        <v>17</v>
      </c>
      <c r="CL13" s="282">
        <v>17</v>
      </c>
      <c r="CM13" s="276">
        <v>0</v>
      </c>
      <c r="CN13" s="280">
        <v>0</v>
      </c>
      <c r="CO13" s="277">
        <v>0</v>
      </c>
      <c r="CP13" s="279">
        <v>0</v>
      </c>
      <c r="CQ13" s="280">
        <v>0</v>
      </c>
      <c r="CR13" s="280">
        <v>0</v>
      </c>
      <c r="CS13" s="280">
        <v>0</v>
      </c>
      <c r="CT13" s="280">
        <v>0</v>
      </c>
      <c r="CU13" s="280">
        <v>0</v>
      </c>
      <c r="CV13" s="277">
        <v>0</v>
      </c>
      <c r="CW13" s="282">
        <v>0</v>
      </c>
      <c r="CX13" s="276">
        <v>0</v>
      </c>
      <c r="CY13" s="280">
        <v>0</v>
      </c>
      <c r="CZ13" s="277">
        <v>0</v>
      </c>
      <c r="DA13" s="279">
        <v>0</v>
      </c>
      <c r="DB13" s="280">
        <v>0</v>
      </c>
      <c r="DC13" s="280">
        <v>0</v>
      </c>
      <c r="DD13" s="280">
        <v>0</v>
      </c>
      <c r="DE13" s="280">
        <v>0</v>
      </c>
      <c r="DF13" s="280">
        <v>0</v>
      </c>
      <c r="DG13" s="277">
        <v>0</v>
      </c>
      <c r="DH13" s="282">
        <v>0</v>
      </c>
    </row>
    <row r="14" spans="2:112" ht="21" customHeight="1" x14ac:dyDescent="0.2">
      <c r="B14" s="261" t="s">
        <v>11</v>
      </c>
      <c r="C14" s="276">
        <v>0</v>
      </c>
      <c r="D14" s="277">
        <v>0</v>
      </c>
      <c r="E14" s="278">
        <v>0</v>
      </c>
      <c r="F14" s="279">
        <v>0</v>
      </c>
      <c r="G14" s="280">
        <v>165</v>
      </c>
      <c r="H14" s="280">
        <v>109</v>
      </c>
      <c r="I14" s="280">
        <v>241</v>
      </c>
      <c r="J14" s="280">
        <v>416</v>
      </c>
      <c r="K14" s="280">
        <v>246</v>
      </c>
      <c r="L14" s="281">
        <v>1177</v>
      </c>
      <c r="M14" s="282">
        <v>1177</v>
      </c>
      <c r="N14" s="276">
        <v>0</v>
      </c>
      <c r="O14" s="280">
        <v>0</v>
      </c>
      <c r="P14" s="277">
        <v>0</v>
      </c>
      <c r="Q14" s="279">
        <v>0</v>
      </c>
      <c r="R14" s="280">
        <v>1</v>
      </c>
      <c r="S14" s="280">
        <v>0</v>
      </c>
      <c r="T14" s="280">
        <v>2</v>
      </c>
      <c r="U14" s="280">
        <v>14</v>
      </c>
      <c r="V14" s="280">
        <v>20</v>
      </c>
      <c r="W14" s="277">
        <v>37</v>
      </c>
      <c r="X14" s="282">
        <v>37</v>
      </c>
      <c r="Y14" s="276">
        <v>3</v>
      </c>
      <c r="Z14" s="280">
        <v>16</v>
      </c>
      <c r="AA14" s="277">
        <v>19</v>
      </c>
      <c r="AB14" s="279">
        <v>0</v>
      </c>
      <c r="AC14" s="280">
        <v>211</v>
      </c>
      <c r="AD14" s="280">
        <v>152</v>
      </c>
      <c r="AE14" s="280">
        <v>65</v>
      </c>
      <c r="AF14" s="280">
        <v>182</v>
      </c>
      <c r="AG14" s="280">
        <v>43</v>
      </c>
      <c r="AH14" s="277">
        <v>653</v>
      </c>
      <c r="AI14" s="282">
        <v>672</v>
      </c>
      <c r="AJ14" s="276">
        <v>3</v>
      </c>
      <c r="AK14" s="280">
        <v>0</v>
      </c>
      <c r="AL14" s="277">
        <v>3</v>
      </c>
      <c r="AM14" s="279">
        <v>0</v>
      </c>
      <c r="AN14" s="280">
        <v>44</v>
      </c>
      <c r="AO14" s="280">
        <v>8</v>
      </c>
      <c r="AP14" s="280">
        <v>0</v>
      </c>
      <c r="AQ14" s="280">
        <v>27</v>
      </c>
      <c r="AR14" s="280">
        <v>12</v>
      </c>
      <c r="AS14" s="277">
        <v>91</v>
      </c>
      <c r="AT14" s="282">
        <v>94</v>
      </c>
      <c r="AU14" s="276">
        <v>0</v>
      </c>
      <c r="AV14" s="280">
        <v>0</v>
      </c>
      <c r="AW14" s="277">
        <v>0</v>
      </c>
      <c r="AX14" s="279">
        <v>0</v>
      </c>
      <c r="AY14" s="280">
        <v>132</v>
      </c>
      <c r="AZ14" s="280">
        <v>135</v>
      </c>
      <c r="BA14" s="280">
        <v>89</v>
      </c>
      <c r="BB14" s="280">
        <v>98</v>
      </c>
      <c r="BC14" s="280">
        <v>10</v>
      </c>
      <c r="BD14" s="281">
        <v>464</v>
      </c>
      <c r="BE14" s="282">
        <v>464</v>
      </c>
      <c r="BF14" s="276">
        <v>0</v>
      </c>
      <c r="BG14" s="280">
        <v>0</v>
      </c>
      <c r="BH14" s="277">
        <v>0</v>
      </c>
      <c r="BI14" s="279">
        <v>0</v>
      </c>
      <c r="BJ14" s="280">
        <v>68</v>
      </c>
      <c r="BK14" s="280">
        <v>73</v>
      </c>
      <c r="BL14" s="280">
        <v>58</v>
      </c>
      <c r="BM14" s="280">
        <v>8</v>
      </c>
      <c r="BN14" s="280">
        <v>6</v>
      </c>
      <c r="BO14" s="277">
        <v>213</v>
      </c>
      <c r="BP14" s="282">
        <v>213</v>
      </c>
      <c r="BQ14" s="276">
        <v>0</v>
      </c>
      <c r="BR14" s="280">
        <v>0</v>
      </c>
      <c r="BS14" s="277">
        <v>0</v>
      </c>
      <c r="BT14" s="279">
        <v>0</v>
      </c>
      <c r="BU14" s="280">
        <v>34</v>
      </c>
      <c r="BV14" s="280">
        <v>9</v>
      </c>
      <c r="BW14" s="280">
        <v>50</v>
      </c>
      <c r="BX14" s="280">
        <v>23</v>
      </c>
      <c r="BY14" s="280">
        <v>48</v>
      </c>
      <c r="BZ14" s="277">
        <v>164</v>
      </c>
      <c r="CA14" s="282">
        <v>164</v>
      </c>
      <c r="CB14" s="276">
        <v>0</v>
      </c>
      <c r="CC14" s="280">
        <v>0</v>
      </c>
      <c r="CD14" s="277">
        <v>0</v>
      </c>
      <c r="CE14" s="279">
        <v>0</v>
      </c>
      <c r="CF14" s="280">
        <v>0</v>
      </c>
      <c r="CG14" s="280">
        <v>0</v>
      </c>
      <c r="CH14" s="280">
        <v>6</v>
      </c>
      <c r="CI14" s="280">
        <v>3</v>
      </c>
      <c r="CJ14" s="280">
        <v>19</v>
      </c>
      <c r="CK14" s="277">
        <v>28</v>
      </c>
      <c r="CL14" s="282">
        <v>28</v>
      </c>
      <c r="CM14" s="276">
        <v>0</v>
      </c>
      <c r="CN14" s="280">
        <v>0</v>
      </c>
      <c r="CO14" s="277">
        <v>0</v>
      </c>
      <c r="CP14" s="279">
        <v>0</v>
      </c>
      <c r="CQ14" s="280">
        <v>0</v>
      </c>
      <c r="CR14" s="280">
        <v>0</v>
      </c>
      <c r="CS14" s="280">
        <v>0</v>
      </c>
      <c r="CT14" s="280">
        <v>0</v>
      </c>
      <c r="CU14" s="280">
        <v>0</v>
      </c>
      <c r="CV14" s="277">
        <v>0</v>
      </c>
      <c r="CW14" s="282">
        <v>0</v>
      </c>
      <c r="CX14" s="276">
        <v>0</v>
      </c>
      <c r="CY14" s="280">
        <v>0</v>
      </c>
      <c r="CZ14" s="277">
        <v>0</v>
      </c>
      <c r="DA14" s="279">
        <v>0</v>
      </c>
      <c r="DB14" s="280">
        <v>0</v>
      </c>
      <c r="DC14" s="280">
        <v>0</v>
      </c>
      <c r="DD14" s="280">
        <v>0</v>
      </c>
      <c r="DE14" s="280">
        <v>0</v>
      </c>
      <c r="DF14" s="280">
        <v>0</v>
      </c>
      <c r="DG14" s="277">
        <v>0</v>
      </c>
      <c r="DH14" s="282">
        <v>0</v>
      </c>
    </row>
    <row r="15" spans="2:112" ht="21" customHeight="1" x14ac:dyDescent="0.2">
      <c r="B15" s="261" t="s">
        <v>12</v>
      </c>
      <c r="C15" s="276">
        <v>0</v>
      </c>
      <c r="D15" s="277">
        <v>0</v>
      </c>
      <c r="E15" s="278">
        <v>0</v>
      </c>
      <c r="F15" s="279">
        <v>0</v>
      </c>
      <c r="G15" s="280">
        <v>513</v>
      </c>
      <c r="H15" s="280">
        <v>345</v>
      </c>
      <c r="I15" s="280">
        <v>1030</v>
      </c>
      <c r="J15" s="280">
        <v>717</v>
      </c>
      <c r="K15" s="280">
        <v>283</v>
      </c>
      <c r="L15" s="281">
        <v>2888</v>
      </c>
      <c r="M15" s="282">
        <v>2888</v>
      </c>
      <c r="N15" s="276">
        <v>0</v>
      </c>
      <c r="O15" s="280">
        <v>0</v>
      </c>
      <c r="P15" s="277">
        <v>0</v>
      </c>
      <c r="Q15" s="279">
        <v>0</v>
      </c>
      <c r="R15" s="280">
        <v>0</v>
      </c>
      <c r="S15" s="280">
        <v>7</v>
      </c>
      <c r="T15" s="280">
        <v>1</v>
      </c>
      <c r="U15" s="280">
        <v>13</v>
      </c>
      <c r="V15" s="280">
        <v>39</v>
      </c>
      <c r="W15" s="277">
        <v>60</v>
      </c>
      <c r="X15" s="282">
        <v>60</v>
      </c>
      <c r="Y15" s="276">
        <v>29</v>
      </c>
      <c r="Z15" s="280">
        <v>71</v>
      </c>
      <c r="AA15" s="277">
        <v>100</v>
      </c>
      <c r="AB15" s="279">
        <v>0</v>
      </c>
      <c r="AC15" s="280">
        <v>110</v>
      </c>
      <c r="AD15" s="280">
        <v>177</v>
      </c>
      <c r="AE15" s="280">
        <v>181</v>
      </c>
      <c r="AF15" s="280">
        <v>132</v>
      </c>
      <c r="AG15" s="280">
        <v>100</v>
      </c>
      <c r="AH15" s="277">
        <v>700</v>
      </c>
      <c r="AI15" s="282">
        <v>800</v>
      </c>
      <c r="AJ15" s="276">
        <v>0</v>
      </c>
      <c r="AK15" s="280">
        <v>14</v>
      </c>
      <c r="AL15" s="277">
        <v>14</v>
      </c>
      <c r="AM15" s="279">
        <v>0</v>
      </c>
      <c r="AN15" s="280">
        <v>29</v>
      </c>
      <c r="AO15" s="280">
        <v>22</v>
      </c>
      <c r="AP15" s="280">
        <v>20</v>
      </c>
      <c r="AQ15" s="280">
        <v>0</v>
      </c>
      <c r="AR15" s="280">
        <v>0</v>
      </c>
      <c r="AS15" s="277">
        <v>71</v>
      </c>
      <c r="AT15" s="282">
        <v>85</v>
      </c>
      <c r="AU15" s="276">
        <v>0</v>
      </c>
      <c r="AV15" s="280">
        <v>0</v>
      </c>
      <c r="AW15" s="277">
        <v>0</v>
      </c>
      <c r="AX15" s="279">
        <v>0</v>
      </c>
      <c r="AY15" s="280">
        <v>319</v>
      </c>
      <c r="AZ15" s="280">
        <v>208</v>
      </c>
      <c r="BA15" s="280">
        <v>110</v>
      </c>
      <c r="BB15" s="280">
        <v>78</v>
      </c>
      <c r="BC15" s="280">
        <v>38</v>
      </c>
      <c r="BD15" s="281">
        <v>753</v>
      </c>
      <c r="BE15" s="282">
        <v>753</v>
      </c>
      <c r="BF15" s="276">
        <v>0</v>
      </c>
      <c r="BG15" s="280">
        <v>0</v>
      </c>
      <c r="BH15" s="277">
        <v>0</v>
      </c>
      <c r="BI15" s="279">
        <v>0</v>
      </c>
      <c r="BJ15" s="280">
        <v>79</v>
      </c>
      <c r="BK15" s="280">
        <v>84</v>
      </c>
      <c r="BL15" s="280">
        <v>112</v>
      </c>
      <c r="BM15" s="280">
        <v>48</v>
      </c>
      <c r="BN15" s="280">
        <v>0</v>
      </c>
      <c r="BO15" s="277">
        <v>323</v>
      </c>
      <c r="BP15" s="282">
        <v>323</v>
      </c>
      <c r="BQ15" s="276">
        <v>0</v>
      </c>
      <c r="BR15" s="280">
        <v>3</v>
      </c>
      <c r="BS15" s="277">
        <v>3</v>
      </c>
      <c r="BT15" s="279">
        <v>0</v>
      </c>
      <c r="BU15" s="280">
        <v>61</v>
      </c>
      <c r="BV15" s="280">
        <v>12</v>
      </c>
      <c r="BW15" s="280">
        <v>84</v>
      </c>
      <c r="BX15" s="280">
        <v>84</v>
      </c>
      <c r="BY15" s="280">
        <v>19</v>
      </c>
      <c r="BZ15" s="277">
        <v>260</v>
      </c>
      <c r="CA15" s="282">
        <v>263</v>
      </c>
      <c r="CB15" s="276">
        <v>0</v>
      </c>
      <c r="CC15" s="280">
        <v>0</v>
      </c>
      <c r="CD15" s="277">
        <v>0</v>
      </c>
      <c r="CE15" s="279">
        <v>0</v>
      </c>
      <c r="CF15" s="280">
        <v>0</v>
      </c>
      <c r="CG15" s="280">
        <v>0</v>
      </c>
      <c r="CH15" s="280">
        <v>0</v>
      </c>
      <c r="CI15" s="280">
        <v>1</v>
      </c>
      <c r="CJ15" s="280">
        <v>0</v>
      </c>
      <c r="CK15" s="277">
        <v>1</v>
      </c>
      <c r="CL15" s="282">
        <v>1</v>
      </c>
      <c r="CM15" s="276">
        <v>0</v>
      </c>
      <c r="CN15" s="280">
        <v>0</v>
      </c>
      <c r="CO15" s="277">
        <v>0</v>
      </c>
      <c r="CP15" s="279">
        <v>0</v>
      </c>
      <c r="CQ15" s="280">
        <v>0</v>
      </c>
      <c r="CR15" s="280">
        <v>0</v>
      </c>
      <c r="CS15" s="280">
        <v>0</v>
      </c>
      <c r="CT15" s="280">
        <v>0</v>
      </c>
      <c r="CU15" s="280">
        <v>0</v>
      </c>
      <c r="CV15" s="277">
        <v>0</v>
      </c>
      <c r="CW15" s="282">
        <v>0</v>
      </c>
      <c r="CX15" s="276">
        <v>0</v>
      </c>
      <c r="CY15" s="280">
        <v>0</v>
      </c>
      <c r="CZ15" s="277">
        <v>0</v>
      </c>
      <c r="DA15" s="279">
        <v>0</v>
      </c>
      <c r="DB15" s="280">
        <v>0</v>
      </c>
      <c r="DC15" s="280">
        <v>0</v>
      </c>
      <c r="DD15" s="280">
        <v>0</v>
      </c>
      <c r="DE15" s="280">
        <v>0</v>
      </c>
      <c r="DF15" s="280">
        <v>0</v>
      </c>
      <c r="DG15" s="277">
        <v>0</v>
      </c>
      <c r="DH15" s="282">
        <v>0</v>
      </c>
    </row>
    <row r="16" spans="2:112" ht="21" customHeight="1" x14ac:dyDescent="0.2">
      <c r="B16" s="261" t="s">
        <v>13</v>
      </c>
      <c r="C16" s="276">
        <v>0</v>
      </c>
      <c r="D16" s="277">
        <v>0</v>
      </c>
      <c r="E16" s="278">
        <v>0</v>
      </c>
      <c r="F16" s="279">
        <v>0</v>
      </c>
      <c r="G16" s="280">
        <v>197</v>
      </c>
      <c r="H16" s="280">
        <v>486</v>
      </c>
      <c r="I16" s="280">
        <v>414</v>
      </c>
      <c r="J16" s="280">
        <v>598</v>
      </c>
      <c r="K16" s="280">
        <v>818</v>
      </c>
      <c r="L16" s="281">
        <v>2513</v>
      </c>
      <c r="M16" s="282">
        <v>2513</v>
      </c>
      <c r="N16" s="276">
        <v>0</v>
      </c>
      <c r="O16" s="280">
        <v>0</v>
      </c>
      <c r="P16" s="277">
        <v>0</v>
      </c>
      <c r="Q16" s="279">
        <v>0</v>
      </c>
      <c r="R16" s="280">
        <v>0</v>
      </c>
      <c r="S16" s="280">
        <v>0</v>
      </c>
      <c r="T16" s="280">
        <v>9</v>
      </c>
      <c r="U16" s="280">
        <v>6</v>
      </c>
      <c r="V16" s="280">
        <v>0</v>
      </c>
      <c r="W16" s="277">
        <v>15</v>
      </c>
      <c r="X16" s="282">
        <v>15</v>
      </c>
      <c r="Y16" s="276">
        <v>0</v>
      </c>
      <c r="Z16" s="280">
        <v>18</v>
      </c>
      <c r="AA16" s="277">
        <v>18</v>
      </c>
      <c r="AB16" s="279">
        <v>0</v>
      </c>
      <c r="AC16" s="280">
        <v>133</v>
      </c>
      <c r="AD16" s="280">
        <v>146</v>
      </c>
      <c r="AE16" s="280">
        <v>101</v>
      </c>
      <c r="AF16" s="280">
        <v>119</v>
      </c>
      <c r="AG16" s="280">
        <v>76</v>
      </c>
      <c r="AH16" s="277">
        <v>575</v>
      </c>
      <c r="AI16" s="282">
        <v>593</v>
      </c>
      <c r="AJ16" s="276">
        <v>0</v>
      </c>
      <c r="AK16" s="280">
        <v>10</v>
      </c>
      <c r="AL16" s="277">
        <v>10</v>
      </c>
      <c r="AM16" s="279">
        <v>0</v>
      </c>
      <c r="AN16" s="280">
        <v>15</v>
      </c>
      <c r="AO16" s="280">
        <v>133</v>
      </c>
      <c r="AP16" s="280">
        <v>0</v>
      </c>
      <c r="AQ16" s="280">
        <v>8</v>
      </c>
      <c r="AR16" s="280">
        <v>11</v>
      </c>
      <c r="AS16" s="277">
        <v>167</v>
      </c>
      <c r="AT16" s="282">
        <v>177</v>
      </c>
      <c r="AU16" s="276">
        <v>0</v>
      </c>
      <c r="AV16" s="280">
        <v>0</v>
      </c>
      <c r="AW16" s="277">
        <v>0</v>
      </c>
      <c r="AX16" s="279">
        <v>0</v>
      </c>
      <c r="AY16" s="280">
        <v>130</v>
      </c>
      <c r="AZ16" s="280">
        <v>143</v>
      </c>
      <c r="BA16" s="280">
        <v>63</v>
      </c>
      <c r="BB16" s="280">
        <v>26</v>
      </c>
      <c r="BC16" s="280">
        <v>3</v>
      </c>
      <c r="BD16" s="281">
        <v>365</v>
      </c>
      <c r="BE16" s="282">
        <v>365</v>
      </c>
      <c r="BF16" s="276">
        <v>0</v>
      </c>
      <c r="BG16" s="280">
        <v>0</v>
      </c>
      <c r="BH16" s="277">
        <v>0</v>
      </c>
      <c r="BI16" s="279">
        <v>0</v>
      </c>
      <c r="BJ16" s="280">
        <v>6</v>
      </c>
      <c r="BK16" s="280">
        <v>19</v>
      </c>
      <c r="BL16" s="280">
        <v>35</v>
      </c>
      <c r="BM16" s="280">
        <v>20</v>
      </c>
      <c r="BN16" s="280">
        <v>0</v>
      </c>
      <c r="BO16" s="277">
        <v>80</v>
      </c>
      <c r="BP16" s="282">
        <v>80</v>
      </c>
      <c r="BQ16" s="276">
        <v>0</v>
      </c>
      <c r="BR16" s="280">
        <v>3</v>
      </c>
      <c r="BS16" s="277">
        <v>3</v>
      </c>
      <c r="BT16" s="279">
        <v>0</v>
      </c>
      <c r="BU16" s="280">
        <v>7</v>
      </c>
      <c r="BV16" s="280">
        <v>41</v>
      </c>
      <c r="BW16" s="280">
        <v>26</v>
      </c>
      <c r="BX16" s="280">
        <v>22</v>
      </c>
      <c r="BY16" s="280">
        <v>34</v>
      </c>
      <c r="BZ16" s="277">
        <v>130</v>
      </c>
      <c r="CA16" s="282">
        <v>133</v>
      </c>
      <c r="CB16" s="276">
        <v>0</v>
      </c>
      <c r="CC16" s="280">
        <v>0</v>
      </c>
      <c r="CD16" s="277">
        <v>0</v>
      </c>
      <c r="CE16" s="279">
        <v>0</v>
      </c>
      <c r="CF16" s="280">
        <v>0</v>
      </c>
      <c r="CG16" s="280">
        <v>0</v>
      </c>
      <c r="CH16" s="280">
        <v>9</v>
      </c>
      <c r="CI16" s="280">
        <v>3</v>
      </c>
      <c r="CJ16" s="280">
        <v>0</v>
      </c>
      <c r="CK16" s="277">
        <v>12</v>
      </c>
      <c r="CL16" s="282">
        <v>12</v>
      </c>
      <c r="CM16" s="276">
        <v>0</v>
      </c>
      <c r="CN16" s="280">
        <v>0</v>
      </c>
      <c r="CO16" s="277">
        <v>0</v>
      </c>
      <c r="CP16" s="279">
        <v>0</v>
      </c>
      <c r="CQ16" s="280">
        <v>0</v>
      </c>
      <c r="CR16" s="280">
        <v>0</v>
      </c>
      <c r="CS16" s="280">
        <v>0</v>
      </c>
      <c r="CT16" s="280">
        <v>0</v>
      </c>
      <c r="CU16" s="280">
        <v>0</v>
      </c>
      <c r="CV16" s="277">
        <v>0</v>
      </c>
      <c r="CW16" s="282">
        <v>0</v>
      </c>
      <c r="CX16" s="276">
        <v>0</v>
      </c>
      <c r="CY16" s="280">
        <v>0</v>
      </c>
      <c r="CZ16" s="277">
        <v>0</v>
      </c>
      <c r="DA16" s="279">
        <v>0</v>
      </c>
      <c r="DB16" s="280">
        <v>0</v>
      </c>
      <c r="DC16" s="280">
        <v>0</v>
      </c>
      <c r="DD16" s="280">
        <v>0</v>
      </c>
      <c r="DE16" s="280">
        <v>0</v>
      </c>
      <c r="DF16" s="280">
        <v>0</v>
      </c>
      <c r="DG16" s="277">
        <v>0</v>
      </c>
      <c r="DH16" s="282">
        <v>0</v>
      </c>
    </row>
    <row r="17" spans="2:112" ht="21" customHeight="1" x14ac:dyDescent="0.2">
      <c r="B17" s="261" t="s">
        <v>15</v>
      </c>
      <c r="C17" s="276">
        <v>0</v>
      </c>
      <c r="D17" s="277">
        <v>0</v>
      </c>
      <c r="E17" s="278">
        <v>0</v>
      </c>
      <c r="F17" s="279">
        <v>0</v>
      </c>
      <c r="G17" s="280">
        <v>22</v>
      </c>
      <c r="H17" s="280">
        <v>23</v>
      </c>
      <c r="I17" s="280">
        <v>0</v>
      </c>
      <c r="J17" s="280">
        <v>51</v>
      </c>
      <c r="K17" s="280">
        <v>89</v>
      </c>
      <c r="L17" s="281">
        <v>185</v>
      </c>
      <c r="M17" s="282">
        <v>185</v>
      </c>
      <c r="N17" s="276">
        <v>0</v>
      </c>
      <c r="O17" s="280">
        <v>0</v>
      </c>
      <c r="P17" s="277">
        <v>0</v>
      </c>
      <c r="Q17" s="279">
        <v>0</v>
      </c>
      <c r="R17" s="280">
        <v>0</v>
      </c>
      <c r="S17" s="280">
        <v>0</v>
      </c>
      <c r="T17" s="280">
        <v>0</v>
      </c>
      <c r="U17" s="280">
        <v>0</v>
      </c>
      <c r="V17" s="280">
        <v>13</v>
      </c>
      <c r="W17" s="277">
        <v>13</v>
      </c>
      <c r="X17" s="282">
        <v>13</v>
      </c>
      <c r="Y17" s="276">
        <v>0</v>
      </c>
      <c r="Z17" s="280">
        <v>2</v>
      </c>
      <c r="AA17" s="277">
        <v>2</v>
      </c>
      <c r="AB17" s="279">
        <v>0</v>
      </c>
      <c r="AC17" s="280">
        <v>2</v>
      </c>
      <c r="AD17" s="280">
        <v>49</v>
      </c>
      <c r="AE17" s="280">
        <v>0</v>
      </c>
      <c r="AF17" s="280">
        <v>31</v>
      </c>
      <c r="AG17" s="280">
        <v>42</v>
      </c>
      <c r="AH17" s="277">
        <v>124</v>
      </c>
      <c r="AI17" s="282">
        <v>126</v>
      </c>
      <c r="AJ17" s="276">
        <v>0</v>
      </c>
      <c r="AK17" s="280">
        <v>0</v>
      </c>
      <c r="AL17" s="277">
        <v>0</v>
      </c>
      <c r="AM17" s="279">
        <v>0</v>
      </c>
      <c r="AN17" s="280">
        <v>0</v>
      </c>
      <c r="AO17" s="280">
        <v>0</v>
      </c>
      <c r="AP17" s="280">
        <v>0</v>
      </c>
      <c r="AQ17" s="280">
        <v>0</v>
      </c>
      <c r="AR17" s="280">
        <v>12</v>
      </c>
      <c r="AS17" s="277">
        <v>12</v>
      </c>
      <c r="AT17" s="282">
        <v>12</v>
      </c>
      <c r="AU17" s="276">
        <v>0</v>
      </c>
      <c r="AV17" s="280">
        <v>0</v>
      </c>
      <c r="AW17" s="277">
        <v>0</v>
      </c>
      <c r="AX17" s="279">
        <v>0</v>
      </c>
      <c r="AY17" s="280">
        <v>31</v>
      </c>
      <c r="AZ17" s="280">
        <v>17</v>
      </c>
      <c r="BA17" s="280">
        <v>20</v>
      </c>
      <c r="BB17" s="280">
        <v>11</v>
      </c>
      <c r="BC17" s="280">
        <v>0</v>
      </c>
      <c r="BD17" s="281">
        <v>79</v>
      </c>
      <c r="BE17" s="282">
        <v>79</v>
      </c>
      <c r="BF17" s="276">
        <v>0</v>
      </c>
      <c r="BG17" s="280">
        <v>0</v>
      </c>
      <c r="BH17" s="277">
        <v>0</v>
      </c>
      <c r="BI17" s="279">
        <v>0</v>
      </c>
      <c r="BJ17" s="280">
        <v>18</v>
      </c>
      <c r="BK17" s="280">
        <v>8</v>
      </c>
      <c r="BL17" s="280">
        <v>8</v>
      </c>
      <c r="BM17" s="280">
        <v>13</v>
      </c>
      <c r="BN17" s="280">
        <v>7</v>
      </c>
      <c r="BO17" s="277">
        <v>54</v>
      </c>
      <c r="BP17" s="282">
        <v>54</v>
      </c>
      <c r="BQ17" s="276">
        <v>0</v>
      </c>
      <c r="BR17" s="280">
        <v>0</v>
      </c>
      <c r="BS17" s="277">
        <v>0</v>
      </c>
      <c r="BT17" s="279">
        <v>0</v>
      </c>
      <c r="BU17" s="280">
        <v>0</v>
      </c>
      <c r="BV17" s="280">
        <v>11</v>
      </c>
      <c r="BW17" s="280">
        <v>0</v>
      </c>
      <c r="BX17" s="280">
        <v>5</v>
      </c>
      <c r="BY17" s="280">
        <v>30</v>
      </c>
      <c r="BZ17" s="277">
        <v>46</v>
      </c>
      <c r="CA17" s="282">
        <v>46</v>
      </c>
      <c r="CB17" s="276">
        <v>0</v>
      </c>
      <c r="CC17" s="280">
        <v>0</v>
      </c>
      <c r="CD17" s="277">
        <v>0</v>
      </c>
      <c r="CE17" s="279">
        <v>0</v>
      </c>
      <c r="CF17" s="280">
        <v>0</v>
      </c>
      <c r="CG17" s="280">
        <v>0</v>
      </c>
      <c r="CH17" s="280">
        <v>0</v>
      </c>
      <c r="CI17" s="280">
        <v>0</v>
      </c>
      <c r="CJ17" s="280">
        <v>0</v>
      </c>
      <c r="CK17" s="277">
        <v>0</v>
      </c>
      <c r="CL17" s="282">
        <v>0</v>
      </c>
      <c r="CM17" s="276">
        <v>0</v>
      </c>
      <c r="CN17" s="280">
        <v>0</v>
      </c>
      <c r="CO17" s="277">
        <v>0</v>
      </c>
      <c r="CP17" s="279">
        <v>0</v>
      </c>
      <c r="CQ17" s="280">
        <v>0</v>
      </c>
      <c r="CR17" s="280">
        <v>0</v>
      </c>
      <c r="CS17" s="280">
        <v>0</v>
      </c>
      <c r="CT17" s="280">
        <v>0</v>
      </c>
      <c r="CU17" s="280">
        <v>0</v>
      </c>
      <c r="CV17" s="277">
        <v>0</v>
      </c>
      <c r="CW17" s="282">
        <v>0</v>
      </c>
      <c r="CX17" s="276">
        <v>0</v>
      </c>
      <c r="CY17" s="280">
        <v>0</v>
      </c>
      <c r="CZ17" s="277">
        <v>0</v>
      </c>
      <c r="DA17" s="279">
        <v>0</v>
      </c>
      <c r="DB17" s="280">
        <v>0</v>
      </c>
      <c r="DC17" s="280">
        <v>0</v>
      </c>
      <c r="DD17" s="280">
        <v>0</v>
      </c>
      <c r="DE17" s="280">
        <v>0</v>
      </c>
      <c r="DF17" s="280">
        <v>0</v>
      </c>
      <c r="DG17" s="277">
        <v>0</v>
      </c>
      <c r="DH17" s="282">
        <v>0</v>
      </c>
    </row>
    <row r="18" spans="2:112" ht="21" customHeight="1" x14ac:dyDescent="0.2">
      <c r="B18" s="261" t="s">
        <v>16</v>
      </c>
      <c r="C18" s="276">
        <v>0</v>
      </c>
      <c r="D18" s="277">
        <v>0</v>
      </c>
      <c r="E18" s="278">
        <v>0</v>
      </c>
      <c r="F18" s="279">
        <v>0</v>
      </c>
      <c r="G18" s="280">
        <v>-27</v>
      </c>
      <c r="H18" s="280">
        <v>197</v>
      </c>
      <c r="I18" s="280">
        <v>57</v>
      </c>
      <c r="J18" s="280">
        <v>171</v>
      </c>
      <c r="K18" s="280">
        <v>55</v>
      </c>
      <c r="L18" s="281">
        <v>453</v>
      </c>
      <c r="M18" s="282">
        <v>453</v>
      </c>
      <c r="N18" s="276">
        <v>0</v>
      </c>
      <c r="O18" s="280">
        <v>0</v>
      </c>
      <c r="P18" s="277">
        <v>0</v>
      </c>
      <c r="Q18" s="279">
        <v>0</v>
      </c>
      <c r="R18" s="280">
        <v>0</v>
      </c>
      <c r="S18" s="280">
        <v>3</v>
      </c>
      <c r="T18" s="280">
        <v>5</v>
      </c>
      <c r="U18" s="280">
        <v>5</v>
      </c>
      <c r="V18" s="280">
        <v>4</v>
      </c>
      <c r="W18" s="277">
        <v>17</v>
      </c>
      <c r="X18" s="282">
        <v>17</v>
      </c>
      <c r="Y18" s="276">
        <v>4</v>
      </c>
      <c r="Z18" s="280">
        <v>3</v>
      </c>
      <c r="AA18" s="277">
        <v>7</v>
      </c>
      <c r="AB18" s="279">
        <v>0</v>
      </c>
      <c r="AC18" s="280">
        <v>57</v>
      </c>
      <c r="AD18" s="280">
        <v>129</v>
      </c>
      <c r="AE18" s="280">
        <v>88</v>
      </c>
      <c r="AF18" s="280">
        <v>55</v>
      </c>
      <c r="AG18" s="280">
        <v>14</v>
      </c>
      <c r="AH18" s="277">
        <v>343</v>
      </c>
      <c r="AI18" s="282">
        <v>350</v>
      </c>
      <c r="AJ18" s="276">
        <v>0</v>
      </c>
      <c r="AK18" s="280">
        <v>0</v>
      </c>
      <c r="AL18" s="277">
        <v>0</v>
      </c>
      <c r="AM18" s="279">
        <v>0</v>
      </c>
      <c r="AN18" s="280">
        <v>27</v>
      </c>
      <c r="AO18" s="280">
        <v>0</v>
      </c>
      <c r="AP18" s="280">
        <v>18</v>
      </c>
      <c r="AQ18" s="280">
        <v>10</v>
      </c>
      <c r="AR18" s="280">
        <v>0</v>
      </c>
      <c r="AS18" s="277">
        <v>55</v>
      </c>
      <c r="AT18" s="282">
        <v>55</v>
      </c>
      <c r="AU18" s="276">
        <v>0</v>
      </c>
      <c r="AV18" s="280">
        <v>0</v>
      </c>
      <c r="AW18" s="277">
        <v>0</v>
      </c>
      <c r="AX18" s="279">
        <v>0</v>
      </c>
      <c r="AY18" s="280">
        <v>122</v>
      </c>
      <c r="AZ18" s="280">
        <v>186</v>
      </c>
      <c r="BA18" s="280">
        <v>76</v>
      </c>
      <c r="BB18" s="280">
        <v>41</v>
      </c>
      <c r="BC18" s="280">
        <v>31</v>
      </c>
      <c r="BD18" s="281">
        <v>456</v>
      </c>
      <c r="BE18" s="282">
        <v>456</v>
      </c>
      <c r="BF18" s="276">
        <v>0</v>
      </c>
      <c r="BG18" s="280">
        <v>0</v>
      </c>
      <c r="BH18" s="277">
        <v>0</v>
      </c>
      <c r="BI18" s="279">
        <v>0</v>
      </c>
      <c r="BJ18" s="280">
        <v>58</v>
      </c>
      <c r="BK18" s="280">
        <v>124</v>
      </c>
      <c r="BL18" s="280">
        <v>58</v>
      </c>
      <c r="BM18" s="280">
        <v>14</v>
      </c>
      <c r="BN18" s="280">
        <v>13</v>
      </c>
      <c r="BO18" s="277">
        <v>267</v>
      </c>
      <c r="BP18" s="282">
        <v>267</v>
      </c>
      <c r="BQ18" s="276">
        <v>0</v>
      </c>
      <c r="BR18" s="280">
        <v>0</v>
      </c>
      <c r="BS18" s="277">
        <v>0</v>
      </c>
      <c r="BT18" s="279">
        <v>0</v>
      </c>
      <c r="BU18" s="280">
        <v>6</v>
      </c>
      <c r="BV18" s="280">
        <v>80</v>
      </c>
      <c r="BW18" s="280">
        <v>54</v>
      </c>
      <c r="BX18" s="280">
        <v>0</v>
      </c>
      <c r="BY18" s="280">
        <v>3</v>
      </c>
      <c r="BZ18" s="277">
        <v>143</v>
      </c>
      <c r="CA18" s="282">
        <v>143</v>
      </c>
      <c r="CB18" s="276">
        <v>0</v>
      </c>
      <c r="CC18" s="280">
        <v>0</v>
      </c>
      <c r="CD18" s="277">
        <v>0</v>
      </c>
      <c r="CE18" s="279">
        <v>0</v>
      </c>
      <c r="CF18" s="280">
        <v>3</v>
      </c>
      <c r="CG18" s="280">
        <v>0</v>
      </c>
      <c r="CH18" s="280">
        <v>6</v>
      </c>
      <c r="CI18" s="280">
        <v>0</v>
      </c>
      <c r="CJ18" s="280">
        <v>27</v>
      </c>
      <c r="CK18" s="277">
        <v>36</v>
      </c>
      <c r="CL18" s="282">
        <v>36</v>
      </c>
      <c r="CM18" s="276">
        <v>0</v>
      </c>
      <c r="CN18" s="280">
        <v>0</v>
      </c>
      <c r="CO18" s="277">
        <v>0</v>
      </c>
      <c r="CP18" s="279">
        <v>0</v>
      </c>
      <c r="CQ18" s="280">
        <v>0</v>
      </c>
      <c r="CR18" s="280">
        <v>0</v>
      </c>
      <c r="CS18" s="280">
        <v>0</v>
      </c>
      <c r="CT18" s="280">
        <v>0</v>
      </c>
      <c r="CU18" s="280">
        <v>0</v>
      </c>
      <c r="CV18" s="277">
        <v>0</v>
      </c>
      <c r="CW18" s="282">
        <v>0</v>
      </c>
      <c r="CX18" s="276">
        <v>0</v>
      </c>
      <c r="CY18" s="280">
        <v>0</v>
      </c>
      <c r="CZ18" s="277">
        <v>0</v>
      </c>
      <c r="DA18" s="279">
        <v>0</v>
      </c>
      <c r="DB18" s="280">
        <v>0</v>
      </c>
      <c r="DC18" s="280">
        <v>0</v>
      </c>
      <c r="DD18" s="280">
        <v>0</v>
      </c>
      <c r="DE18" s="280">
        <v>0</v>
      </c>
      <c r="DF18" s="280">
        <v>0</v>
      </c>
      <c r="DG18" s="277">
        <v>0</v>
      </c>
      <c r="DH18" s="282">
        <v>0</v>
      </c>
    </row>
    <row r="19" spans="2:112" ht="21" customHeight="1" x14ac:dyDescent="0.2">
      <c r="B19" s="261" t="s">
        <v>17</v>
      </c>
      <c r="C19" s="276">
        <v>0</v>
      </c>
      <c r="D19" s="277">
        <v>0</v>
      </c>
      <c r="E19" s="278">
        <v>0</v>
      </c>
      <c r="F19" s="279">
        <v>0</v>
      </c>
      <c r="G19" s="280">
        <v>83</v>
      </c>
      <c r="H19" s="280">
        <v>251</v>
      </c>
      <c r="I19" s="280">
        <v>586</v>
      </c>
      <c r="J19" s="280">
        <v>35</v>
      </c>
      <c r="K19" s="280">
        <v>407</v>
      </c>
      <c r="L19" s="281">
        <v>1362</v>
      </c>
      <c r="M19" s="282">
        <v>1362</v>
      </c>
      <c r="N19" s="276">
        <v>0</v>
      </c>
      <c r="O19" s="280">
        <v>0</v>
      </c>
      <c r="P19" s="277">
        <v>0</v>
      </c>
      <c r="Q19" s="279">
        <v>0</v>
      </c>
      <c r="R19" s="280">
        <v>1</v>
      </c>
      <c r="S19" s="280">
        <v>0</v>
      </c>
      <c r="T19" s="280">
        <v>12</v>
      </c>
      <c r="U19" s="280">
        <v>14</v>
      </c>
      <c r="V19" s="280">
        <v>23</v>
      </c>
      <c r="W19" s="277">
        <v>50</v>
      </c>
      <c r="X19" s="282">
        <v>50</v>
      </c>
      <c r="Y19" s="276">
        <v>24</v>
      </c>
      <c r="Z19" s="280">
        <v>75</v>
      </c>
      <c r="AA19" s="277">
        <v>99</v>
      </c>
      <c r="AB19" s="279">
        <v>0</v>
      </c>
      <c r="AC19" s="280">
        <v>113</v>
      </c>
      <c r="AD19" s="280">
        <v>191</v>
      </c>
      <c r="AE19" s="280">
        <v>168</v>
      </c>
      <c r="AF19" s="280">
        <v>14</v>
      </c>
      <c r="AG19" s="280">
        <v>106</v>
      </c>
      <c r="AH19" s="277">
        <v>592</v>
      </c>
      <c r="AI19" s="282">
        <v>691</v>
      </c>
      <c r="AJ19" s="276">
        <v>12</v>
      </c>
      <c r="AK19" s="280">
        <v>0</v>
      </c>
      <c r="AL19" s="277">
        <v>12</v>
      </c>
      <c r="AM19" s="279">
        <v>0</v>
      </c>
      <c r="AN19" s="280">
        <v>30</v>
      </c>
      <c r="AO19" s="280">
        <v>9</v>
      </c>
      <c r="AP19" s="280">
        <v>12</v>
      </c>
      <c r="AQ19" s="280">
        <v>40</v>
      </c>
      <c r="AR19" s="280">
        <v>0</v>
      </c>
      <c r="AS19" s="277">
        <v>91</v>
      </c>
      <c r="AT19" s="282">
        <v>103</v>
      </c>
      <c r="AU19" s="276">
        <v>0</v>
      </c>
      <c r="AV19" s="280">
        <v>0</v>
      </c>
      <c r="AW19" s="277">
        <v>0</v>
      </c>
      <c r="AX19" s="279">
        <v>0</v>
      </c>
      <c r="AY19" s="280">
        <v>171</v>
      </c>
      <c r="AZ19" s="280">
        <v>264</v>
      </c>
      <c r="BA19" s="280">
        <v>137</v>
      </c>
      <c r="BB19" s="280">
        <v>73</v>
      </c>
      <c r="BC19" s="280">
        <v>12</v>
      </c>
      <c r="BD19" s="281">
        <v>657</v>
      </c>
      <c r="BE19" s="282">
        <v>657</v>
      </c>
      <c r="BF19" s="276">
        <v>0</v>
      </c>
      <c r="BG19" s="280">
        <v>0</v>
      </c>
      <c r="BH19" s="277">
        <v>0</v>
      </c>
      <c r="BI19" s="279">
        <v>0</v>
      </c>
      <c r="BJ19" s="280">
        <v>25</v>
      </c>
      <c r="BK19" s="280">
        <v>67</v>
      </c>
      <c r="BL19" s="280">
        <v>57</v>
      </c>
      <c r="BM19" s="280">
        <v>18</v>
      </c>
      <c r="BN19" s="280">
        <v>4</v>
      </c>
      <c r="BO19" s="277">
        <v>171</v>
      </c>
      <c r="BP19" s="282">
        <v>171</v>
      </c>
      <c r="BQ19" s="276">
        <v>0</v>
      </c>
      <c r="BR19" s="280">
        <v>0</v>
      </c>
      <c r="BS19" s="277">
        <v>0</v>
      </c>
      <c r="BT19" s="279">
        <v>0</v>
      </c>
      <c r="BU19" s="280">
        <v>22</v>
      </c>
      <c r="BV19" s="280">
        <v>36</v>
      </c>
      <c r="BW19" s="280">
        <v>123</v>
      </c>
      <c r="BX19" s="280">
        <v>49</v>
      </c>
      <c r="BY19" s="280">
        <v>32</v>
      </c>
      <c r="BZ19" s="277">
        <v>262</v>
      </c>
      <c r="CA19" s="282">
        <v>262</v>
      </c>
      <c r="CB19" s="276">
        <v>0</v>
      </c>
      <c r="CC19" s="280">
        <v>0</v>
      </c>
      <c r="CD19" s="277">
        <v>0</v>
      </c>
      <c r="CE19" s="279">
        <v>0</v>
      </c>
      <c r="CF19" s="280">
        <v>16</v>
      </c>
      <c r="CG19" s="280">
        <v>0</v>
      </c>
      <c r="CH19" s="280">
        <v>12</v>
      </c>
      <c r="CI19" s="280">
        <v>8</v>
      </c>
      <c r="CJ19" s="280">
        <v>0</v>
      </c>
      <c r="CK19" s="277">
        <v>36</v>
      </c>
      <c r="CL19" s="282">
        <v>36</v>
      </c>
      <c r="CM19" s="276">
        <v>0</v>
      </c>
      <c r="CN19" s="280">
        <v>0</v>
      </c>
      <c r="CO19" s="277">
        <v>0</v>
      </c>
      <c r="CP19" s="279">
        <v>0</v>
      </c>
      <c r="CQ19" s="280">
        <v>0</v>
      </c>
      <c r="CR19" s="280">
        <v>0</v>
      </c>
      <c r="CS19" s="280">
        <v>0</v>
      </c>
      <c r="CT19" s="280">
        <v>0</v>
      </c>
      <c r="CU19" s="280">
        <v>0</v>
      </c>
      <c r="CV19" s="277">
        <v>0</v>
      </c>
      <c r="CW19" s="282">
        <v>0</v>
      </c>
      <c r="CX19" s="276">
        <v>0</v>
      </c>
      <c r="CY19" s="280">
        <v>0</v>
      </c>
      <c r="CZ19" s="277">
        <v>0</v>
      </c>
      <c r="DA19" s="279">
        <v>0</v>
      </c>
      <c r="DB19" s="280">
        <v>0</v>
      </c>
      <c r="DC19" s="280">
        <v>0</v>
      </c>
      <c r="DD19" s="280">
        <v>0</v>
      </c>
      <c r="DE19" s="280">
        <v>0</v>
      </c>
      <c r="DF19" s="280">
        <v>0</v>
      </c>
      <c r="DG19" s="277">
        <v>0</v>
      </c>
      <c r="DH19" s="282">
        <v>0</v>
      </c>
    </row>
    <row r="20" spans="2:112" ht="21" customHeight="1" x14ac:dyDescent="0.2">
      <c r="B20" s="261" t="s">
        <v>18</v>
      </c>
      <c r="C20" s="276">
        <v>0</v>
      </c>
      <c r="D20" s="277">
        <v>0</v>
      </c>
      <c r="E20" s="278">
        <v>0</v>
      </c>
      <c r="F20" s="279">
        <v>0</v>
      </c>
      <c r="G20" s="280">
        <v>253</v>
      </c>
      <c r="H20" s="280">
        <v>332</v>
      </c>
      <c r="I20" s="280">
        <v>615</v>
      </c>
      <c r="J20" s="280">
        <v>1093</v>
      </c>
      <c r="K20" s="280">
        <v>550</v>
      </c>
      <c r="L20" s="281">
        <v>2843</v>
      </c>
      <c r="M20" s="282">
        <v>2843</v>
      </c>
      <c r="N20" s="276">
        <v>0</v>
      </c>
      <c r="O20" s="280">
        <v>0</v>
      </c>
      <c r="P20" s="277">
        <v>0</v>
      </c>
      <c r="Q20" s="279">
        <v>0</v>
      </c>
      <c r="R20" s="280">
        <v>0</v>
      </c>
      <c r="S20" s="280">
        <v>0</v>
      </c>
      <c r="T20" s="280">
        <v>9</v>
      </c>
      <c r="U20" s="280">
        <v>10</v>
      </c>
      <c r="V20" s="280">
        <v>22</v>
      </c>
      <c r="W20" s="277">
        <v>41</v>
      </c>
      <c r="X20" s="282">
        <v>41</v>
      </c>
      <c r="Y20" s="276">
        <v>46</v>
      </c>
      <c r="Z20" s="280">
        <v>43</v>
      </c>
      <c r="AA20" s="277">
        <v>89</v>
      </c>
      <c r="AB20" s="279">
        <v>0</v>
      </c>
      <c r="AC20" s="280">
        <v>176</v>
      </c>
      <c r="AD20" s="280">
        <v>293</v>
      </c>
      <c r="AE20" s="280">
        <v>113</v>
      </c>
      <c r="AF20" s="280">
        <v>161</v>
      </c>
      <c r="AG20" s="280">
        <v>141</v>
      </c>
      <c r="AH20" s="277">
        <v>884</v>
      </c>
      <c r="AI20" s="282">
        <v>973</v>
      </c>
      <c r="AJ20" s="276">
        <v>12</v>
      </c>
      <c r="AK20" s="280">
        <v>0</v>
      </c>
      <c r="AL20" s="277">
        <v>12</v>
      </c>
      <c r="AM20" s="279">
        <v>0</v>
      </c>
      <c r="AN20" s="280">
        <v>27</v>
      </c>
      <c r="AO20" s="280">
        <v>47</v>
      </c>
      <c r="AP20" s="280">
        <v>44</v>
      </c>
      <c r="AQ20" s="280">
        <v>12</v>
      </c>
      <c r="AR20" s="280">
        <v>18</v>
      </c>
      <c r="AS20" s="277">
        <v>148</v>
      </c>
      <c r="AT20" s="282">
        <v>160</v>
      </c>
      <c r="AU20" s="276">
        <v>0</v>
      </c>
      <c r="AV20" s="280">
        <v>0</v>
      </c>
      <c r="AW20" s="277">
        <v>0</v>
      </c>
      <c r="AX20" s="279">
        <v>0</v>
      </c>
      <c r="AY20" s="280">
        <v>239</v>
      </c>
      <c r="AZ20" s="280">
        <v>456</v>
      </c>
      <c r="BA20" s="280">
        <v>126</v>
      </c>
      <c r="BB20" s="280">
        <v>79</v>
      </c>
      <c r="BC20" s="280">
        <v>83</v>
      </c>
      <c r="BD20" s="281">
        <v>983</v>
      </c>
      <c r="BE20" s="282">
        <v>983</v>
      </c>
      <c r="BF20" s="276">
        <v>0</v>
      </c>
      <c r="BG20" s="280">
        <v>0</v>
      </c>
      <c r="BH20" s="277">
        <v>0</v>
      </c>
      <c r="BI20" s="279">
        <v>0</v>
      </c>
      <c r="BJ20" s="280">
        <v>89</v>
      </c>
      <c r="BK20" s="280">
        <v>97</v>
      </c>
      <c r="BL20" s="280">
        <v>29</v>
      </c>
      <c r="BM20" s="280">
        <v>57</v>
      </c>
      <c r="BN20" s="280">
        <v>17</v>
      </c>
      <c r="BO20" s="277">
        <v>289</v>
      </c>
      <c r="BP20" s="282">
        <v>289</v>
      </c>
      <c r="BQ20" s="276">
        <v>0</v>
      </c>
      <c r="BR20" s="280">
        <v>0</v>
      </c>
      <c r="BS20" s="277">
        <v>0</v>
      </c>
      <c r="BT20" s="279">
        <v>0</v>
      </c>
      <c r="BU20" s="280">
        <v>6</v>
      </c>
      <c r="BV20" s="280">
        <v>125</v>
      </c>
      <c r="BW20" s="280">
        <v>73</v>
      </c>
      <c r="BX20" s="280">
        <v>199</v>
      </c>
      <c r="BY20" s="280">
        <v>61</v>
      </c>
      <c r="BZ20" s="277">
        <v>464</v>
      </c>
      <c r="CA20" s="282">
        <v>464</v>
      </c>
      <c r="CB20" s="276">
        <v>0</v>
      </c>
      <c r="CC20" s="280">
        <v>0</v>
      </c>
      <c r="CD20" s="277">
        <v>0</v>
      </c>
      <c r="CE20" s="279">
        <v>0</v>
      </c>
      <c r="CF20" s="280">
        <v>0</v>
      </c>
      <c r="CG20" s="280">
        <v>5</v>
      </c>
      <c r="CH20" s="280">
        <v>0</v>
      </c>
      <c r="CI20" s="280">
        <v>0</v>
      </c>
      <c r="CJ20" s="280">
        <v>0</v>
      </c>
      <c r="CK20" s="277">
        <v>5</v>
      </c>
      <c r="CL20" s="282">
        <v>5</v>
      </c>
      <c r="CM20" s="276">
        <v>0</v>
      </c>
      <c r="CN20" s="280">
        <v>0</v>
      </c>
      <c r="CO20" s="277">
        <v>0</v>
      </c>
      <c r="CP20" s="279">
        <v>0</v>
      </c>
      <c r="CQ20" s="280">
        <v>0</v>
      </c>
      <c r="CR20" s="280">
        <v>0</v>
      </c>
      <c r="CS20" s="280">
        <v>0</v>
      </c>
      <c r="CT20" s="280">
        <v>0</v>
      </c>
      <c r="CU20" s="280">
        <v>0</v>
      </c>
      <c r="CV20" s="277">
        <v>0</v>
      </c>
      <c r="CW20" s="282">
        <v>0</v>
      </c>
      <c r="CX20" s="276">
        <v>0</v>
      </c>
      <c r="CY20" s="280">
        <v>0</v>
      </c>
      <c r="CZ20" s="277">
        <v>0</v>
      </c>
      <c r="DA20" s="279">
        <v>0</v>
      </c>
      <c r="DB20" s="280">
        <v>0</v>
      </c>
      <c r="DC20" s="280">
        <v>0</v>
      </c>
      <c r="DD20" s="280">
        <v>0</v>
      </c>
      <c r="DE20" s="280">
        <v>0</v>
      </c>
      <c r="DF20" s="280">
        <v>0</v>
      </c>
      <c r="DG20" s="277">
        <v>0</v>
      </c>
      <c r="DH20" s="282">
        <v>0</v>
      </c>
    </row>
    <row r="21" spans="2:112" ht="21" customHeight="1" x14ac:dyDescent="0.2">
      <c r="B21" s="261" t="s">
        <v>19</v>
      </c>
      <c r="C21" s="276">
        <v>0</v>
      </c>
      <c r="D21" s="277">
        <v>0</v>
      </c>
      <c r="E21" s="278">
        <v>0</v>
      </c>
      <c r="F21" s="279">
        <v>0</v>
      </c>
      <c r="G21" s="280">
        <v>54</v>
      </c>
      <c r="H21" s="280">
        <v>87</v>
      </c>
      <c r="I21" s="280">
        <v>160</v>
      </c>
      <c r="J21" s="280">
        <v>141</v>
      </c>
      <c r="K21" s="280">
        <v>133</v>
      </c>
      <c r="L21" s="281">
        <v>575</v>
      </c>
      <c r="M21" s="282">
        <v>575</v>
      </c>
      <c r="N21" s="276">
        <v>0</v>
      </c>
      <c r="O21" s="280">
        <v>0</v>
      </c>
      <c r="P21" s="277">
        <v>0</v>
      </c>
      <c r="Q21" s="279">
        <v>0</v>
      </c>
      <c r="R21" s="280">
        <v>0</v>
      </c>
      <c r="S21" s="280">
        <v>3</v>
      </c>
      <c r="T21" s="280">
        <v>9</v>
      </c>
      <c r="U21" s="280">
        <v>7</v>
      </c>
      <c r="V21" s="280">
        <v>8</v>
      </c>
      <c r="W21" s="277">
        <v>27</v>
      </c>
      <c r="X21" s="282">
        <v>27</v>
      </c>
      <c r="Y21" s="276">
        <v>12</v>
      </c>
      <c r="Z21" s="280">
        <v>23</v>
      </c>
      <c r="AA21" s="277">
        <v>35</v>
      </c>
      <c r="AB21" s="279">
        <v>0</v>
      </c>
      <c r="AC21" s="280">
        <v>116</v>
      </c>
      <c r="AD21" s="280">
        <v>49</v>
      </c>
      <c r="AE21" s="280">
        <v>59</v>
      </c>
      <c r="AF21" s="280">
        <v>132</v>
      </c>
      <c r="AG21" s="280">
        <v>61</v>
      </c>
      <c r="AH21" s="277">
        <v>417</v>
      </c>
      <c r="AI21" s="282">
        <v>452</v>
      </c>
      <c r="AJ21" s="276">
        <v>20</v>
      </c>
      <c r="AK21" s="280">
        <v>0</v>
      </c>
      <c r="AL21" s="277">
        <v>20</v>
      </c>
      <c r="AM21" s="279">
        <v>0</v>
      </c>
      <c r="AN21" s="280">
        <v>52</v>
      </c>
      <c r="AO21" s="280">
        <v>0</v>
      </c>
      <c r="AP21" s="280">
        <v>12</v>
      </c>
      <c r="AQ21" s="280">
        <v>11</v>
      </c>
      <c r="AR21" s="280">
        <v>0</v>
      </c>
      <c r="AS21" s="277">
        <v>75</v>
      </c>
      <c r="AT21" s="282">
        <v>95</v>
      </c>
      <c r="AU21" s="276">
        <v>0</v>
      </c>
      <c r="AV21" s="280">
        <v>0</v>
      </c>
      <c r="AW21" s="277">
        <v>0</v>
      </c>
      <c r="AX21" s="279">
        <v>0</v>
      </c>
      <c r="AY21" s="280">
        <v>95</v>
      </c>
      <c r="AZ21" s="280">
        <v>60</v>
      </c>
      <c r="BA21" s="280">
        <v>42</v>
      </c>
      <c r="BB21" s="280">
        <v>54</v>
      </c>
      <c r="BC21" s="280">
        <v>45</v>
      </c>
      <c r="BD21" s="281">
        <v>296</v>
      </c>
      <c r="BE21" s="282">
        <v>296</v>
      </c>
      <c r="BF21" s="276">
        <v>0</v>
      </c>
      <c r="BG21" s="280">
        <v>0</v>
      </c>
      <c r="BH21" s="277">
        <v>0</v>
      </c>
      <c r="BI21" s="279">
        <v>0</v>
      </c>
      <c r="BJ21" s="280">
        <v>40</v>
      </c>
      <c r="BK21" s="280">
        <v>16</v>
      </c>
      <c r="BL21" s="280">
        <v>33</v>
      </c>
      <c r="BM21" s="280">
        <v>35</v>
      </c>
      <c r="BN21" s="280">
        <v>9</v>
      </c>
      <c r="BO21" s="277">
        <v>133</v>
      </c>
      <c r="BP21" s="282">
        <v>133</v>
      </c>
      <c r="BQ21" s="276">
        <v>0</v>
      </c>
      <c r="BR21" s="280">
        <v>3</v>
      </c>
      <c r="BS21" s="277">
        <v>3</v>
      </c>
      <c r="BT21" s="279">
        <v>0</v>
      </c>
      <c r="BU21" s="280">
        <v>0</v>
      </c>
      <c r="BV21" s="280">
        <v>18</v>
      </c>
      <c r="BW21" s="280">
        <v>8</v>
      </c>
      <c r="BX21" s="280">
        <v>3</v>
      </c>
      <c r="BY21" s="280">
        <v>27</v>
      </c>
      <c r="BZ21" s="277">
        <v>56</v>
      </c>
      <c r="CA21" s="282">
        <v>59</v>
      </c>
      <c r="CB21" s="276">
        <v>0</v>
      </c>
      <c r="CC21" s="280">
        <v>0</v>
      </c>
      <c r="CD21" s="277">
        <v>0</v>
      </c>
      <c r="CE21" s="279">
        <v>0</v>
      </c>
      <c r="CF21" s="280">
        <v>0</v>
      </c>
      <c r="CG21" s="280">
        <v>0</v>
      </c>
      <c r="CH21" s="280">
        <v>13</v>
      </c>
      <c r="CI21" s="280">
        <v>15</v>
      </c>
      <c r="CJ21" s="280">
        <v>0</v>
      </c>
      <c r="CK21" s="277">
        <v>28</v>
      </c>
      <c r="CL21" s="282">
        <v>28</v>
      </c>
      <c r="CM21" s="276">
        <v>0</v>
      </c>
      <c r="CN21" s="280">
        <v>0</v>
      </c>
      <c r="CO21" s="277">
        <v>0</v>
      </c>
      <c r="CP21" s="279">
        <v>0</v>
      </c>
      <c r="CQ21" s="280">
        <v>0</v>
      </c>
      <c r="CR21" s="280">
        <v>0</v>
      </c>
      <c r="CS21" s="280">
        <v>0</v>
      </c>
      <c r="CT21" s="280">
        <v>0</v>
      </c>
      <c r="CU21" s="280">
        <v>0</v>
      </c>
      <c r="CV21" s="277">
        <v>0</v>
      </c>
      <c r="CW21" s="282">
        <v>0</v>
      </c>
      <c r="CX21" s="276">
        <v>0</v>
      </c>
      <c r="CY21" s="280">
        <v>0</v>
      </c>
      <c r="CZ21" s="277">
        <v>0</v>
      </c>
      <c r="DA21" s="279">
        <v>0</v>
      </c>
      <c r="DB21" s="280">
        <v>0</v>
      </c>
      <c r="DC21" s="280">
        <v>0</v>
      </c>
      <c r="DD21" s="280">
        <v>0</v>
      </c>
      <c r="DE21" s="280">
        <v>0</v>
      </c>
      <c r="DF21" s="280">
        <v>0</v>
      </c>
      <c r="DG21" s="277">
        <v>0</v>
      </c>
      <c r="DH21" s="282">
        <v>0</v>
      </c>
    </row>
    <row r="22" spans="2:112" ht="21" customHeight="1" x14ac:dyDescent="0.2">
      <c r="B22" s="261" t="s">
        <v>20</v>
      </c>
      <c r="C22" s="276">
        <v>0</v>
      </c>
      <c r="D22" s="277">
        <v>0</v>
      </c>
      <c r="E22" s="278">
        <v>0</v>
      </c>
      <c r="F22" s="279">
        <v>0</v>
      </c>
      <c r="G22" s="280">
        <v>84</v>
      </c>
      <c r="H22" s="280">
        <v>123</v>
      </c>
      <c r="I22" s="280">
        <v>262</v>
      </c>
      <c r="J22" s="280">
        <v>145</v>
      </c>
      <c r="K22" s="280">
        <v>122</v>
      </c>
      <c r="L22" s="281">
        <v>736</v>
      </c>
      <c r="M22" s="282">
        <v>736</v>
      </c>
      <c r="N22" s="276">
        <v>0</v>
      </c>
      <c r="O22" s="280">
        <v>0</v>
      </c>
      <c r="P22" s="277">
        <v>0</v>
      </c>
      <c r="Q22" s="279">
        <v>0</v>
      </c>
      <c r="R22" s="280">
        <v>0</v>
      </c>
      <c r="S22" s="280">
        <v>4</v>
      </c>
      <c r="T22" s="280">
        <v>0</v>
      </c>
      <c r="U22" s="280">
        <v>9</v>
      </c>
      <c r="V22" s="280">
        <v>13</v>
      </c>
      <c r="W22" s="277">
        <v>26</v>
      </c>
      <c r="X22" s="282">
        <v>26</v>
      </c>
      <c r="Y22" s="276">
        <v>12</v>
      </c>
      <c r="Z22" s="280">
        <v>29</v>
      </c>
      <c r="AA22" s="277">
        <v>41</v>
      </c>
      <c r="AB22" s="279">
        <v>0</v>
      </c>
      <c r="AC22" s="280">
        <v>140</v>
      </c>
      <c r="AD22" s="280">
        <v>123</v>
      </c>
      <c r="AE22" s="280">
        <v>152</v>
      </c>
      <c r="AF22" s="280">
        <v>17</v>
      </c>
      <c r="AG22" s="280">
        <v>16</v>
      </c>
      <c r="AH22" s="277">
        <v>448</v>
      </c>
      <c r="AI22" s="282">
        <v>489</v>
      </c>
      <c r="AJ22" s="276">
        <v>0</v>
      </c>
      <c r="AK22" s="280">
        <v>26</v>
      </c>
      <c r="AL22" s="277">
        <v>26</v>
      </c>
      <c r="AM22" s="279">
        <v>0</v>
      </c>
      <c r="AN22" s="280">
        <v>54</v>
      </c>
      <c r="AO22" s="280">
        <v>65</v>
      </c>
      <c r="AP22" s="280">
        <v>21</v>
      </c>
      <c r="AQ22" s="280">
        <v>18</v>
      </c>
      <c r="AR22" s="280">
        <v>8</v>
      </c>
      <c r="AS22" s="277">
        <v>166</v>
      </c>
      <c r="AT22" s="282">
        <v>192</v>
      </c>
      <c r="AU22" s="276">
        <v>0</v>
      </c>
      <c r="AV22" s="280">
        <v>0</v>
      </c>
      <c r="AW22" s="277">
        <v>0</v>
      </c>
      <c r="AX22" s="279">
        <v>0</v>
      </c>
      <c r="AY22" s="280">
        <v>50</v>
      </c>
      <c r="AZ22" s="280">
        <v>122</v>
      </c>
      <c r="BA22" s="280">
        <v>84</v>
      </c>
      <c r="BB22" s="280">
        <v>10</v>
      </c>
      <c r="BC22" s="280">
        <v>30</v>
      </c>
      <c r="BD22" s="281">
        <v>296</v>
      </c>
      <c r="BE22" s="282">
        <v>296</v>
      </c>
      <c r="BF22" s="276">
        <v>0</v>
      </c>
      <c r="BG22" s="280">
        <v>0</v>
      </c>
      <c r="BH22" s="277">
        <v>0</v>
      </c>
      <c r="BI22" s="279">
        <v>0</v>
      </c>
      <c r="BJ22" s="280">
        <v>52</v>
      </c>
      <c r="BK22" s="280">
        <v>73</v>
      </c>
      <c r="BL22" s="280">
        <v>27</v>
      </c>
      <c r="BM22" s="280">
        <v>20</v>
      </c>
      <c r="BN22" s="280">
        <v>16</v>
      </c>
      <c r="BO22" s="277">
        <v>188</v>
      </c>
      <c r="BP22" s="282">
        <v>188</v>
      </c>
      <c r="BQ22" s="276">
        <v>0</v>
      </c>
      <c r="BR22" s="280">
        <v>2</v>
      </c>
      <c r="BS22" s="277">
        <v>2</v>
      </c>
      <c r="BT22" s="279">
        <v>0</v>
      </c>
      <c r="BU22" s="280">
        <v>42</v>
      </c>
      <c r="BV22" s="280">
        <v>33</v>
      </c>
      <c r="BW22" s="280">
        <v>19</v>
      </c>
      <c r="BX22" s="280">
        <v>70</v>
      </c>
      <c r="BY22" s="280">
        <v>35</v>
      </c>
      <c r="BZ22" s="277">
        <v>199</v>
      </c>
      <c r="CA22" s="282">
        <v>201</v>
      </c>
      <c r="CB22" s="276">
        <v>0</v>
      </c>
      <c r="CC22" s="280">
        <v>0</v>
      </c>
      <c r="CD22" s="277">
        <v>0</v>
      </c>
      <c r="CE22" s="279">
        <v>0</v>
      </c>
      <c r="CF22" s="280">
        <v>0</v>
      </c>
      <c r="CG22" s="280">
        <v>8</v>
      </c>
      <c r="CH22" s="280">
        <v>11</v>
      </c>
      <c r="CI22" s="280">
        <v>0</v>
      </c>
      <c r="CJ22" s="280">
        <v>0</v>
      </c>
      <c r="CK22" s="277">
        <v>19</v>
      </c>
      <c r="CL22" s="282">
        <v>19</v>
      </c>
      <c r="CM22" s="276">
        <v>0</v>
      </c>
      <c r="CN22" s="280">
        <v>0</v>
      </c>
      <c r="CO22" s="277">
        <v>0</v>
      </c>
      <c r="CP22" s="279">
        <v>0</v>
      </c>
      <c r="CQ22" s="280">
        <v>0</v>
      </c>
      <c r="CR22" s="280">
        <v>0</v>
      </c>
      <c r="CS22" s="280">
        <v>0</v>
      </c>
      <c r="CT22" s="280">
        <v>0</v>
      </c>
      <c r="CU22" s="280">
        <v>0</v>
      </c>
      <c r="CV22" s="277">
        <v>0</v>
      </c>
      <c r="CW22" s="282">
        <v>0</v>
      </c>
      <c r="CX22" s="276">
        <v>0</v>
      </c>
      <c r="CY22" s="280">
        <v>0</v>
      </c>
      <c r="CZ22" s="277">
        <v>0</v>
      </c>
      <c r="DA22" s="279">
        <v>0</v>
      </c>
      <c r="DB22" s="280">
        <v>0</v>
      </c>
      <c r="DC22" s="280">
        <v>0</v>
      </c>
      <c r="DD22" s="280">
        <v>0</v>
      </c>
      <c r="DE22" s="280">
        <v>0</v>
      </c>
      <c r="DF22" s="280">
        <v>0</v>
      </c>
      <c r="DG22" s="277">
        <v>0</v>
      </c>
      <c r="DH22" s="282">
        <v>0</v>
      </c>
    </row>
    <row r="23" spans="2:112" ht="21" customHeight="1" x14ac:dyDescent="0.2">
      <c r="B23" s="261" t="s">
        <v>21</v>
      </c>
      <c r="C23" s="276">
        <v>0</v>
      </c>
      <c r="D23" s="277">
        <v>0</v>
      </c>
      <c r="E23" s="278">
        <v>0</v>
      </c>
      <c r="F23" s="279">
        <v>0</v>
      </c>
      <c r="G23" s="280">
        <v>168</v>
      </c>
      <c r="H23" s="280">
        <v>129</v>
      </c>
      <c r="I23" s="280">
        <v>318</v>
      </c>
      <c r="J23" s="280">
        <v>378</v>
      </c>
      <c r="K23" s="280">
        <v>130</v>
      </c>
      <c r="L23" s="281">
        <v>1123</v>
      </c>
      <c r="M23" s="282">
        <v>1123</v>
      </c>
      <c r="N23" s="276">
        <v>0</v>
      </c>
      <c r="O23" s="280">
        <v>0</v>
      </c>
      <c r="P23" s="277">
        <v>0</v>
      </c>
      <c r="Q23" s="279">
        <v>0</v>
      </c>
      <c r="R23" s="280">
        <v>0</v>
      </c>
      <c r="S23" s="280">
        <v>1</v>
      </c>
      <c r="T23" s="280">
        <v>4</v>
      </c>
      <c r="U23" s="280">
        <v>10</v>
      </c>
      <c r="V23" s="280">
        <v>11</v>
      </c>
      <c r="W23" s="277">
        <v>26</v>
      </c>
      <c r="X23" s="282">
        <v>26</v>
      </c>
      <c r="Y23" s="276">
        <v>37</v>
      </c>
      <c r="Z23" s="280">
        <v>1</v>
      </c>
      <c r="AA23" s="277">
        <v>38</v>
      </c>
      <c r="AB23" s="279">
        <v>0</v>
      </c>
      <c r="AC23" s="280">
        <v>84</v>
      </c>
      <c r="AD23" s="280">
        <v>133</v>
      </c>
      <c r="AE23" s="280">
        <v>73</v>
      </c>
      <c r="AF23" s="280">
        <v>92</v>
      </c>
      <c r="AG23" s="280">
        <v>38</v>
      </c>
      <c r="AH23" s="277">
        <v>420</v>
      </c>
      <c r="AI23" s="282">
        <v>458</v>
      </c>
      <c r="AJ23" s="276">
        <v>8</v>
      </c>
      <c r="AK23" s="280">
        <v>0</v>
      </c>
      <c r="AL23" s="277">
        <v>8</v>
      </c>
      <c r="AM23" s="279">
        <v>0</v>
      </c>
      <c r="AN23" s="280">
        <v>0</v>
      </c>
      <c r="AO23" s="280">
        <v>8</v>
      </c>
      <c r="AP23" s="280">
        <v>0</v>
      </c>
      <c r="AQ23" s="280">
        <v>26</v>
      </c>
      <c r="AR23" s="280">
        <v>9</v>
      </c>
      <c r="AS23" s="277">
        <v>43</v>
      </c>
      <c r="AT23" s="282">
        <v>51</v>
      </c>
      <c r="AU23" s="276">
        <v>0</v>
      </c>
      <c r="AV23" s="280">
        <v>0</v>
      </c>
      <c r="AW23" s="277">
        <v>0</v>
      </c>
      <c r="AX23" s="279">
        <v>0</v>
      </c>
      <c r="AY23" s="280">
        <v>151</v>
      </c>
      <c r="AZ23" s="280">
        <v>90</v>
      </c>
      <c r="BA23" s="280">
        <v>43</v>
      </c>
      <c r="BB23" s="280">
        <v>41</v>
      </c>
      <c r="BC23" s="280">
        <v>29</v>
      </c>
      <c r="BD23" s="281">
        <v>354</v>
      </c>
      <c r="BE23" s="282">
        <v>354</v>
      </c>
      <c r="BF23" s="276">
        <v>0</v>
      </c>
      <c r="BG23" s="280">
        <v>0</v>
      </c>
      <c r="BH23" s="277">
        <v>0</v>
      </c>
      <c r="BI23" s="279">
        <v>0</v>
      </c>
      <c r="BJ23" s="280">
        <v>0</v>
      </c>
      <c r="BK23" s="280">
        <v>36</v>
      </c>
      <c r="BL23" s="280">
        <v>0</v>
      </c>
      <c r="BM23" s="280">
        <v>0</v>
      </c>
      <c r="BN23" s="280">
        <v>16</v>
      </c>
      <c r="BO23" s="277">
        <v>52</v>
      </c>
      <c r="BP23" s="282">
        <v>52</v>
      </c>
      <c r="BQ23" s="276">
        <v>5</v>
      </c>
      <c r="BR23" s="280">
        <v>9</v>
      </c>
      <c r="BS23" s="277">
        <v>14</v>
      </c>
      <c r="BT23" s="279">
        <v>0</v>
      </c>
      <c r="BU23" s="280">
        <v>15</v>
      </c>
      <c r="BV23" s="280">
        <v>23</v>
      </c>
      <c r="BW23" s="280">
        <v>85</v>
      </c>
      <c r="BX23" s="280">
        <v>22</v>
      </c>
      <c r="BY23" s="280">
        <v>15</v>
      </c>
      <c r="BZ23" s="277">
        <v>160</v>
      </c>
      <c r="CA23" s="282">
        <v>174</v>
      </c>
      <c r="CB23" s="276">
        <v>0</v>
      </c>
      <c r="CC23" s="280">
        <v>0</v>
      </c>
      <c r="CD23" s="277">
        <v>0</v>
      </c>
      <c r="CE23" s="279">
        <v>0</v>
      </c>
      <c r="CF23" s="280">
        <v>0</v>
      </c>
      <c r="CG23" s="280">
        <v>12</v>
      </c>
      <c r="CH23" s="280">
        <v>0</v>
      </c>
      <c r="CI23" s="280">
        <v>0</v>
      </c>
      <c r="CJ23" s="280">
        <v>0</v>
      </c>
      <c r="CK23" s="277">
        <v>12</v>
      </c>
      <c r="CL23" s="282">
        <v>12</v>
      </c>
      <c r="CM23" s="276">
        <v>0</v>
      </c>
      <c r="CN23" s="280">
        <v>0</v>
      </c>
      <c r="CO23" s="277">
        <v>0</v>
      </c>
      <c r="CP23" s="279">
        <v>0</v>
      </c>
      <c r="CQ23" s="280">
        <v>0</v>
      </c>
      <c r="CR23" s="280">
        <v>0</v>
      </c>
      <c r="CS23" s="280">
        <v>0</v>
      </c>
      <c r="CT23" s="280">
        <v>0</v>
      </c>
      <c r="CU23" s="280">
        <v>0</v>
      </c>
      <c r="CV23" s="277">
        <v>0</v>
      </c>
      <c r="CW23" s="282">
        <v>0</v>
      </c>
      <c r="CX23" s="276">
        <v>0</v>
      </c>
      <c r="CY23" s="280">
        <v>0</v>
      </c>
      <c r="CZ23" s="277">
        <v>0</v>
      </c>
      <c r="DA23" s="279">
        <v>0</v>
      </c>
      <c r="DB23" s="280">
        <v>0</v>
      </c>
      <c r="DC23" s="280">
        <v>0</v>
      </c>
      <c r="DD23" s="280">
        <v>0</v>
      </c>
      <c r="DE23" s="280">
        <v>0</v>
      </c>
      <c r="DF23" s="280">
        <v>0</v>
      </c>
      <c r="DG23" s="277">
        <v>0</v>
      </c>
      <c r="DH23" s="282">
        <v>0</v>
      </c>
    </row>
    <row r="24" spans="2:112" ht="21" customHeight="1" x14ac:dyDescent="0.2">
      <c r="B24" s="261" t="s">
        <v>22</v>
      </c>
      <c r="C24" s="276">
        <v>0</v>
      </c>
      <c r="D24" s="277">
        <v>0</v>
      </c>
      <c r="E24" s="278">
        <v>0</v>
      </c>
      <c r="F24" s="279">
        <v>0</v>
      </c>
      <c r="G24" s="280">
        <v>44</v>
      </c>
      <c r="H24" s="280">
        <v>10</v>
      </c>
      <c r="I24" s="280">
        <v>37</v>
      </c>
      <c r="J24" s="280">
        <v>5</v>
      </c>
      <c r="K24" s="280">
        <v>194</v>
      </c>
      <c r="L24" s="281">
        <v>290</v>
      </c>
      <c r="M24" s="282">
        <v>290</v>
      </c>
      <c r="N24" s="276">
        <v>0</v>
      </c>
      <c r="O24" s="280">
        <v>0</v>
      </c>
      <c r="P24" s="277">
        <v>0</v>
      </c>
      <c r="Q24" s="279">
        <v>0</v>
      </c>
      <c r="R24" s="280">
        <v>0</v>
      </c>
      <c r="S24" s="280">
        <v>0</v>
      </c>
      <c r="T24" s="280">
        <v>0</v>
      </c>
      <c r="U24" s="280">
        <v>0</v>
      </c>
      <c r="V24" s="280">
        <v>32</v>
      </c>
      <c r="W24" s="277">
        <v>32</v>
      </c>
      <c r="X24" s="282">
        <v>32</v>
      </c>
      <c r="Y24" s="276">
        <v>2</v>
      </c>
      <c r="Z24" s="280">
        <v>6</v>
      </c>
      <c r="AA24" s="277">
        <v>8</v>
      </c>
      <c r="AB24" s="279">
        <v>0</v>
      </c>
      <c r="AC24" s="280">
        <v>36</v>
      </c>
      <c r="AD24" s="280">
        <v>10</v>
      </c>
      <c r="AE24" s="280">
        <v>3</v>
      </c>
      <c r="AF24" s="280">
        <v>20</v>
      </c>
      <c r="AG24" s="280">
        <v>62</v>
      </c>
      <c r="AH24" s="277">
        <v>131</v>
      </c>
      <c r="AI24" s="282">
        <v>139</v>
      </c>
      <c r="AJ24" s="276">
        <v>0</v>
      </c>
      <c r="AK24" s="280">
        <v>0</v>
      </c>
      <c r="AL24" s="277">
        <v>0</v>
      </c>
      <c r="AM24" s="279">
        <v>0</v>
      </c>
      <c r="AN24" s="280">
        <v>35</v>
      </c>
      <c r="AO24" s="280">
        <v>24</v>
      </c>
      <c r="AP24" s="280">
        <v>0</v>
      </c>
      <c r="AQ24" s="280">
        <v>30</v>
      </c>
      <c r="AR24" s="280">
        <v>0</v>
      </c>
      <c r="AS24" s="277">
        <v>89</v>
      </c>
      <c r="AT24" s="282">
        <v>89</v>
      </c>
      <c r="AU24" s="276">
        <v>0</v>
      </c>
      <c r="AV24" s="280">
        <v>0</v>
      </c>
      <c r="AW24" s="277">
        <v>0</v>
      </c>
      <c r="AX24" s="279">
        <v>0</v>
      </c>
      <c r="AY24" s="280">
        <v>100</v>
      </c>
      <c r="AZ24" s="280">
        <v>21</v>
      </c>
      <c r="BA24" s="280">
        <v>12</v>
      </c>
      <c r="BB24" s="280">
        <v>37</v>
      </c>
      <c r="BC24" s="280">
        <v>25</v>
      </c>
      <c r="BD24" s="281">
        <v>195</v>
      </c>
      <c r="BE24" s="282">
        <v>195</v>
      </c>
      <c r="BF24" s="276">
        <v>0</v>
      </c>
      <c r="BG24" s="280">
        <v>0</v>
      </c>
      <c r="BH24" s="277">
        <v>0</v>
      </c>
      <c r="BI24" s="279">
        <v>0</v>
      </c>
      <c r="BJ24" s="280">
        <v>6</v>
      </c>
      <c r="BK24" s="280">
        <v>0</v>
      </c>
      <c r="BL24" s="280">
        <v>10</v>
      </c>
      <c r="BM24" s="280">
        <v>8</v>
      </c>
      <c r="BN24" s="280">
        <v>0</v>
      </c>
      <c r="BO24" s="277">
        <v>24</v>
      </c>
      <c r="BP24" s="282">
        <v>24</v>
      </c>
      <c r="BQ24" s="276">
        <v>0</v>
      </c>
      <c r="BR24" s="280">
        <v>0</v>
      </c>
      <c r="BS24" s="277">
        <v>0</v>
      </c>
      <c r="BT24" s="279">
        <v>0</v>
      </c>
      <c r="BU24" s="280">
        <v>9</v>
      </c>
      <c r="BV24" s="280">
        <v>0</v>
      </c>
      <c r="BW24" s="280">
        <v>46</v>
      </c>
      <c r="BX24" s="280">
        <v>0</v>
      </c>
      <c r="BY24" s="280">
        <v>0</v>
      </c>
      <c r="BZ24" s="277">
        <v>55</v>
      </c>
      <c r="CA24" s="282">
        <v>55</v>
      </c>
      <c r="CB24" s="276">
        <v>0</v>
      </c>
      <c r="CC24" s="280">
        <v>0</v>
      </c>
      <c r="CD24" s="277">
        <v>0</v>
      </c>
      <c r="CE24" s="279">
        <v>0</v>
      </c>
      <c r="CF24" s="280">
        <v>0</v>
      </c>
      <c r="CG24" s="280">
        <v>0</v>
      </c>
      <c r="CH24" s="280">
        <v>3</v>
      </c>
      <c r="CI24" s="280">
        <v>0</v>
      </c>
      <c r="CJ24" s="280">
        <v>0</v>
      </c>
      <c r="CK24" s="277">
        <v>3</v>
      </c>
      <c r="CL24" s="282">
        <v>3</v>
      </c>
      <c r="CM24" s="276">
        <v>0</v>
      </c>
      <c r="CN24" s="280">
        <v>0</v>
      </c>
      <c r="CO24" s="277">
        <v>0</v>
      </c>
      <c r="CP24" s="279">
        <v>0</v>
      </c>
      <c r="CQ24" s="280">
        <v>0</v>
      </c>
      <c r="CR24" s="280">
        <v>0</v>
      </c>
      <c r="CS24" s="280">
        <v>0</v>
      </c>
      <c r="CT24" s="280">
        <v>0</v>
      </c>
      <c r="CU24" s="280">
        <v>0</v>
      </c>
      <c r="CV24" s="277">
        <v>0</v>
      </c>
      <c r="CW24" s="282">
        <v>0</v>
      </c>
      <c r="CX24" s="276">
        <v>0</v>
      </c>
      <c r="CY24" s="280">
        <v>0</v>
      </c>
      <c r="CZ24" s="277">
        <v>0</v>
      </c>
      <c r="DA24" s="279">
        <v>0</v>
      </c>
      <c r="DB24" s="280">
        <v>0</v>
      </c>
      <c r="DC24" s="280">
        <v>0</v>
      </c>
      <c r="DD24" s="280">
        <v>0</v>
      </c>
      <c r="DE24" s="280">
        <v>0</v>
      </c>
      <c r="DF24" s="280">
        <v>0</v>
      </c>
      <c r="DG24" s="277">
        <v>0</v>
      </c>
      <c r="DH24" s="282">
        <v>0</v>
      </c>
    </row>
    <row r="25" spans="2:112" ht="21" customHeight="1" x14ac:dyDescent="0.2">
      <c r="B25" s="261" t="s">
        <v>23</v>
      </c>
      <c r="C25" s="276">
        <v>0</v>
      </c>
      <c r="D25" s="277">
        <v>0</v>
      </c>
      <c r="E25" s="278">
        <v>0</v>
      </c>
      <c r="F25" s="279">
        <v>0</v>
      </c>
      <c r="G25" s="280">
        <v>4</v>
      </c>
      <c r="H25" s="280">
        <v>99</v>
      </c>
      <c r="I25" s="280">
        <v>176</v>
      </c>
      <c r="J25" s="280">
        <v>14</v>
      </c>
      <c r="K25" s="280">
        <v>0</v>
      </c>
      <c r="L25" s="281">
        <v>293</v>
      </c>
      <c r="M25" s="282">
        <v>293</v>
      </c>
      <c r="N25" s="276">
        <v>0</v>
      </c>
      <c r="O25" s="280">
        <v>0</v>
      </c>
      <c r="P25" s="277">
        <v>0</v>
      </c>
      <c r="Q25" s="279">
        <v>0</v>
      </c>
      <c r="R25" s="280">
        <v>1</v>
      </c>
      <c r="S25" s="280">
        <v>0</v>
      </c>
      <c r="T25" s="280">
        <v>2</v>
      </c>
      <c r="U25" s="280">
        <v>0</v>
      </c>
      <c r="V25" s="280">
        <v>5</v>
      </c>
      <c r="W25" s="277">
        <v>8</v>
      </c>
      <c r="X25" s="282">
        <v>8</v>
      </c>
      <c r="Y25" s="276">
        <v>19</v>
      </c>
      <c r="Z25" s="280">
        <v>2</v>
      </c>
      <c r="AA25" s="277">
        <v>21</v>
      </c>
      <c r="AB25" s="279">
        <v>0</v>
      </c>
      <c r="AC25" s="280">
        <v>65</v>
      </c>
      <c r="AD25" s="280">
        <v>65</v>
      </c>
      <c r="AE25" s="280">
        <v>64</v>
      </c>
      <c r="AF25" s="280">
        <v>32</v>
      </c>
      <c r="AG25" s="280">
        <v>4</v>
      </c>
      <c r="AH25" s="277">
        <v>230</v>
      </c>
      <c r="AI25" s="282">
        <v>251</v>
      </c>
      <c r="AJ25" s="276">
        <v>0</v>
      </c>
      <c r="AK25" s="280">
        <v>12</v>
      </c>
      <c r="AL25" s="277">
        <v>12</v>
      </c>
      <c r="AM25" s="279">
        <v>0</v>
      </c>
      <c r="AN25" s="280">
        <v>0</v>
      </c>
      <c r="AO25" s="280">
        <v>42</v>
      </c>
      <c r="AP25" s="280">
        <v>0</v>
      </c>
      <c r="AQ25" s="280">
        <v>0</v>
      </c>
      <c r="AR25" s="280">
        <v>0</v>
      </c>
      <c r="AS25" s="277">
        <v>42</v>
      </c>
      <c r="AT25" s="282">
        <v>54</v>
      </c>
      <c r="AU25" s="276">
        <v>0</v>
      </c>
      <c r="AV25" s="280">
        <v>0</v>
      </c>
      <c r="AW25" s="277">
        <v>0</v>
      </c>
      <c r="AX25" s="279">
        <v>0</v>
      </c>
      <c r="AY25" s="280">
        <v>48</v>
      </c>
      <c r="AZ25" s="280">
        <v>152</v>
      </c>
      <c r="BA25" s="280">
        <v>23</v>
      </c>
      <c r="BB25" s="280">
        <v>43</v>
      </c>
      <c r="BC25" s="280">
        <v>0</v>
      </c>
      <c r="BD25" s="281">
        <v>266</v>
      </c>
      <c r="BE25" s="282">
        <v>266</v>
      </c>
      <c r="BF25" s="276">
        <v>0</v>
      </c>
      <c r="BG25" s="280">
        <v>0</v>
      </c>
      <c r="BH25" s="277">
        <v>0</v>
      </c>
      <c r="BI25" s="279">
        <v>0</v>
      </c>
      <c r="BJ25" s="280">
        <v>17</v>
      </c>
      <c r="BK25" s="280">
        <v>17</v>
      </c>
      <c r="BL25" s="280">
        <v>58</v>
      </c>
      <c r="BM25" s="280">
        <v>27</v>
      </c>
      <c r="BN25" s="280">
        <v>0</v>
      </c>
      <c r="BO25" s="277">
        <v>119</v>
      </c>
      <c r="BP25" s="282">
        <v>119</v>
      </c>
      <c r="BQ25" s="276">
        <v>0</v>
      </c>
      <c r="BR25" s="280">
        <v>0</v>
      </c>
      <c r="BS25" s="277">
        <v>0</v>
      </c>
      <c r="BT25" s="279">
        <v>0</v>
      </c>
      <c r="BU25" s="280">
        <v>22</v>
      </c>
      <c r="BV25" s="280">
        <v>10</v>
      </c>
      <c r="BW25" s="280">
        <v>3</v>
      </c>
      <c r="BX25" s="280">
        <v>6</v>
      </c>
      <c r="BY25" s="280">
        <v>0</v>
      </c>
      <c r="BZ25" s="277">
        <v>41</v>
      </c>
      <c r="CA25" s="282">
        <v>41</v>
      </c>
      <c r="CB25" s="276">
        <v>0</v>
      </c>
      <c r="CC25" s="280">
        <v>0</v>
      </c>
      <c r="CD25" s="277">
        <v>0</v>
      </c>
      <c r="CE25" s="279">
        <v>0</v>
      </c>
      <c r="CF25" s="280">
        <v>0</v>
      </c>
      <c r="CG25" s="280">
        <v>0</v>
      </c>
      <c r="CH25" s="280">
        <v>0</v>
      </c>
      <c r="CI25" s="280">
        <v>0</v>
      </c>
      <c r="CJ25" s="280">
        <v>0</v>
      </c>
      <c r="CK25" s="277">
        <v>0</v>
      </c>
      <c r="CL25" s="282">
        <v>0</v>
      </c>
      <c r="CM25" s="276">
        <v>0</v>
      </c>
      <c r="CN25" s="280">
        <v>0</v>
      </c>
      <c r="CO25" s="277">
        <v>0</v>
      </c>
      <c r="CP25" s="279">
        <v>0</v>
      </c>
      <c r="CQ25" s="280">
        <v>0</v>
      </c>
      <c r="CR25" s="280">
        <v>0</v>
      </c>
      <c r="CS25" s="280">
        <v>0</v>
      </c>
      <c r="CT25" s="280">
        <v>0</v>
      </c>
      <c r="CU25" s="280">
        <v>0</v>
      </c>
      <c r="CV25" s="277">
        <v>0</v>
      </c>
      <c r="CW25" s="282">
        <v>0</v>
      </c>
      <c r="CX25" s="276">
        <v>0</v>
      </c>
      <c r="CY25" s="280">
        <v>0</v>
      </c>
      <c r="CZ25" s="277">
        <v>0</v>
      </c>
      <c r="DA25" s="279">
        <v>0</v>
      </c>
      <c r="DB25" s="280">
        <v>0</v>
      </c>
      <c r="DC25" s="280">
        <v>0</v>
      </c>
      <c r="DD25" s="280">
        <v>0</v>
      </c>
      <c r="DE25" s="280">
        <v>0</v>
      </c>
      <c r="DF25" s="280">
        <v>0</v>
      </c>
      <c r="DG25" s="277">
        <v>0</v>
      </c>
      <c r="DH25" s="282">
        <v>0</v>
      </c>
    </row>
    <row r="26" spans="2:112" ht="21" customHeight="1" x14ac:dyDescent="0.2">
      <c r="B26" s="261" t="s">
        <v>24</v>
      </c>
      <c r="C26" s="276">
        <v>0</v>
      </c>
      <c r="D26" s="277">
        <v>0</v>
      </c>
      <c r="E26" s="278">
        <v>0</v>
      </c>
      <c r="F26" s="279">
        <v>0</v>
      </c>
      <c r="G26" s="280">
        <v>87</v>
      </c>
      <c r="H26" s="280">
        <v>74</v>
      </c>
      <c r="I26" s="280">
        <v>121</v>
      </c>
      <c r="J26" s="280">
        <v>94</v>
      </c>
      <c r="K26" s="280">
        <v>263</v>
      </c>
      <c r="L26" s="281">
        <v>639</v>
      </c>
      <c r="M26" s="282">
        <v>639</v>
      </c>
      <c r="N26" s="276">
        <v>0</v>
      </c>
      <c r="O26" s="280">
        <v>0</v>
      </c>
      <c r="P26" s="277">
        <v>0</v>
      </c>
      <c r="Q26" s="279">
        <v>0</v>
      </c>
      <c r="R26" s="280">
        <v>0</v>
      </c>
      <c r="S26" s="280">
        <v>0</v>
      </c>
      <c r="T26" s="280">
        <v>0</v>
      </c>
      <c r="U26" s="280">
        <v>0</v>
      </c>
      <c r="V26" s="280">
        <v>10</v>
      </c>
      <c r="W26" s="277">
        <v>10</v>
      </c>
      <c r="X26" s="282">
        <v>10</v>
      </c>
      <c r="Y26" s="276">
        <v>2</v>
      </c>
      <c r="Z26" s="280">
        <v>7</v>
      </c>
      <c r="AA26" s="277">
        <v>9</v>
      </c>
      <c r="AB26" s="279">
        <v>0</v>
      </c>
      <c r="AC26" s="280">
        <v>48</v>
      </c>
      <c r="AD26" s="280">
        <v>7</v>
      </c>
      <c r="AE26" s="280">
        <v>55</v>
      </c>
      <c r="AF26" s="280">
        <v>14</v>
      </c>
      <c r="AG26" s="280">
        <v>26</v>
      </c>
      <c r="AH26" s="277">
        <v>150</v>
      </c>
      <c r="AI26" s="282">
        <v>159</v>
      </c>
      <c r="AJ26" s="276">
        <v>0</v>
      </c>
      <c r="AK26" s="280">
        <v>0</v>
      </c>
      <c r="AL26" s="277">
        <v>0</v>
      </c>
      <c r="AM26" s="279">
        <v>0</v>
      </c>
      <c r="AN26" s="280">
        <v>0</v>
      </c>
      <c r="AO26" s="280">
        <v>0</v>
      </c>
      <c r="AP26" s="280">
        <v>0</v>
      </c>
      <c r="AQ26" s="280">
        <v>0</v>
      </c>
      <c r="AR26" s="280">
        <v>12</v>
      </c>
      <c r="AS26" s="277">
        <v>12</v>
      </c>
      <c r="AT26" s="282">
        <v>12</v>
      </c>
      <c r="AU26" s="276">
        <v>0</v>
      </c>
      <c r="AV26" s="280">
        <v>0</v>
      </c>
      <c r="AW26" s="277">
        <v>0</v>
      </c>
      <c r="AX26" s="279">
        <v>0</v>
      </c>
      <c r="AY26" s="280">
        <v>66</v>
      </c>
      <c r="AZ26" s="280">
        <v>51</v>
      </c>
      <c r="BA26" s="280">
        <v>22</v>
      </c>
      <c r="BB26" s="280">
        <v>7</v>
      </c>
      <c r="BC26" s="280">
        <v>8</v>
      </c>
      <c r="BD26" s="281">
        <v>154</v>
      </c>
      <c r="BE26" s="282">
        <v>154</v>
      </c>
      <c r="BF26" s="276">
        <v>0</v>
      </c>
      <c r="BG26" s="280">
        <v>0</v>
      </c>
      <c r="BH26" s="277">
        <v>0</v>
      </c>
      <c r="BI26" s="279">
        <v>0</v>
      </c>
      <c r="BJ26" s="280">
        <v>31</v>
      </c>
      <c r="BK26" s="280">
        <v>48</v>
      </c>
      <c r="BL26" s="280">
        <v>9</v>
      </c>
      <c r="BM26" s="280">
        <v>0</v>
      </c>
      <c r="BN26" s="280">
        <v>32</v>
      </c>
      <c r="BO26" s="277">
        <v>120</v>
      </c>
      <c r="BP26" s="282">
        <v>120</v>
      </c>
      <c r="BQ26" s="276">
        <v>4</v>
      </c>
      <c r="BR26" s="280">
        <v>13</v>
      </c>
      <c r="BS26" s="277">
        <v>17</v>
      </c>
      <c r="BT26" s="279">
        <v>0</v>
      </c>
      <c r="BU26" s="280">
        <v>0</v>
      </c>
      <c r="BV26" s="280">
        <v>7</v>
      </c>
      <c r="BW26" s="280">
        <v>8</v>
      </c>
      <c r="BX26" s="280">
        <v>3</v>
      </c>
      <c r="BY26" s="280">
        <v>6</v>
      </c>
      <c r="BZ26" s="277">
        <v>24</v>
      </c>
      <c r="CA26" s="282">
        <v>41</v>
      </c>
      <c r="CB26" s="276">
        <v>0</v>
      </c>
      <c r="CC26" s="280">
        <v>0</v>
      </c>
      <c r="CD26" s="277">
        <v>0</v>
      </c>
      <c r="CE26" s="279">
        <v>0</v>
      </c>
      <c r="CF26" s="280">
        <v>0</v>
      </c>
      <c r="CG26" s="280">
        <v>0</v>
      </c>
      <c r="CH26" s="280">
        <v>0</v>
      </c>
      <c r="CI26" s="280">
        <v>0</v>
      </c>
      <c r="CJ26" s="280">
        <v>0</v>
      </c>
      <c r="CK26" s="277">
        <v>0</v>
      </c>
      <c r="CL26" s="282">
        <v>0</v>
      </c>
      <c r="CM26" s="276">
        <v>0</v>
      </c>
      <c r="CN26" s="280">
        <v>0</v>
      </c>
      <c r="CO26" s="277">
        <v>0</v>
      </c>
      <c r="CP26" s="279">
        <v>0</v>
      </c>
      <c r="CQ26" s="280">
        <v>0</v>
      </c>
      <c r="CR26" s="280">
        <v>0</v>
      </c>
      <c r="CS26" s="280">
        <v>0</v>
      </c>
      <c r="CT26" s="280">
        <v>0</v>
      </c>
      <c r="CU26" s="280">
        <v>0</v>
      </c>
      <c r="CV26" s="277">
        <v>0</v>
      </c>
      <c r="CW26" s="282">
        <v>0</v>
      </c>
      <c r="CX26" s="276">
        <v>0</v>
      </c>
      <c r="CY26" s="280">
        <v>0</v>
      </c>
      <c r="CZ26" s="277">
        <v>0</v>
      </c>
      <c r="DA26" s="279">
        <v>0</v>
      </c>
      <c r="DB26" s="280">
        <v>0</v>
      </c>
      <c r="DC26" s="280">
        <v>0</v>
      </c>
      <c r="DD26" s="280">
        <v>0</v>
      </c>
      <c r="DE26" s="280">
        <v>0</v>
      </c>
      <c r="DF26" s="280">
        <v>0</v>
      </c>
      <c r="DG26" s="277">
        <v>0</v>
      </c>
      <c r="DH26" s="282">
        <v>0</v>
      </c>
    </row>
    <row r="27" spans="2:112" ht="21" customHeight="1" x14ac:dyDescent="0.2">
      <c r="B27" s="261" t="s">
        <v>25</v>
      </c>
      <c r="C27" s="276">
        <v>0</v>
      </c>
      <c r="D27" s="277">
        <v>0</v>
      </c>
      <c r="E27" s="278">
        <v>0</v>
      </c>
      <c r="F27" s="279">
        <v>0</v>
      </c>
      <c r="G27" s="280">
        <v>27</v>
      </c>
      <c r="H27" s="280">
        <v>32</v>
      </c>
      <c r="I27" s="280">
        <v>20</v>
      </c>
      <c r="J27" s="280">
        <v>3</v>
      </c>
      <c r="K27" s="280">
        <v>2</v>
      </c>
      <c r="L27" s="281">
        <v>84</v>
      </c>
      <c r="M27" s="282">
        <v>84</v>
      </c>
      <c r="N27" s="276">
        <v>0</v>
      </c>
      <c r="O27" s="280">
        <v>0</v>
      </c>
      <c r="P27" s="277">
        <v>0</v>
      </c>
      <c r="Q27" s="279">
        <v>0</v>
      </c>
      <c r="R27" s="280">
        <v>0</v>
      </c>
      <c r="S27" s="280">
        <v>2</v>
      </c>
      <c r="T27" s="280">
        <v>0</v>
      </c>
      <c r="U27" s="280">
        <v>23</v>
      </c>
      <c r="V27" s="280">
        <v>9</v>
      </c>
      <c r="W27" s="277">
        <v>34</v>
      </c>
      <c r="X27" s="282">
        <v>34</v>
      </c>
      <c r="Y27" s="276">
        <v>5</v>
      </c>
      <c r="Z27" s="280">
        <v>21</v>
      </c>
      <c r="AA27" s="277">
        <v>26</v>
      </c>
      <c r="AB27" s="279">
        <v>0</v>
      </c>
      <c r="AC27" s="280">
        <v>22</v>
      </c>
      <c r="AD27" s="280">
        <v>19</v>
      </c>
      <c r="AE27" s="280">
        <v>14</v>
      </c>
      <c r="AF27" s="280">
        <v>2</v>
      </c>
      <c r="AG27" s="280">
        <v>23</v>
      </c>
      <c r="AH27" s="277">
        <v>80</v>
      </c>
      <c r="AI27" s="282">
        <v>106</v>
      </c>
      <c r="AJ27" s="276">
        <v>0</v>
      </c>
      <c r="AK27" s="280">
        <v>0</v>
      </c>
      <c r="AL27" s="277">
        <v>0</v>
      </c>
      <c r="AM27" s="279">
        <v>0</v>
      </c>
      <c r="AN27" s="280">
        <v>0</v>
      </c>
      <c r="AO27" s="280">
        <v>0</v>
      </c>
      <c r="AP27" s="280">
        <v>0</v>
      </c>
      <c r="AQ27" s="280">
        <v>0</v>
      </c>
      <c r="AR27" s="280">
        <v>0</v>
      </c>
      <c r="AS27" s="277">
        <v>0</v>
      </c>
      <c r="AT27" s="282">
        <v>0</v>
      </c>
      <c r="AU27" s="276">
        <v>0</v>
      </c>
      <c r="AV27" s="280">
        <v>0</v>
      </c>
      <c r="AW27" s="277">
        <v>0</v>
      </c>
      <c r="AX27" s="279">
        <v>0</v>
      </c>
      <c r="AY27" s="280">
        <v>48</v>
      </c>
      <c r="AZ27" s="280">
        <v>36</v>
      </c>
      <c r="BA27" s="280">
        <v>39</v>
      </c>
      <c r="BB27" s="280">
        <v>18</v>
      </c>
      <c r="BC27" s="280">
        <v>19</v>
      </c>
      <c r="BD27" s="281">
        <v>160</v>
      </c>
      <c r="BE27" s="282">
        <v>160</v>
      </c>
      <c r="BF27" s="276">
        <v>0</v>
      </c>
      <c r="BG27" s="280">
        <v>0</v>
      </c>
      <c r="BH27" s="277">
        <v>0</v>
      </c>
      <c r="BI27" s="279">
        <v>0</v>
      </c>
      <c r="BJ27" s="280">
        <v>8</v>
      </c>
      <c r="BK27" s="280">
        <v>27</v>
      </c>
      <c r="BL27" s="280">
        <v>9</v>
      </c>
      <c r="BM27" s="280">
        <v>0</v>
      </c>
      <c r="BN27" s="280">
        <v>11</v>
      </c>
      <c r="BO27" s="277">
        <v>55</v>
      </c>
      <c r="BP27" s="282">
        <v>55</v>
      </c>
      <c r="BQ27" s="276">
        <v>0</v>
      </c>
      <c r="BR27" s="280">
        <v>0</v>
      </c>
      <c r="BS27" s="277">
        <v>0</v>
      </c>
      <c r="BT27" s="279">
        <v>0</v>
      </c>
      <c r="BU27" s="280">
        <v>0</v>
      </c>
      <c r="BV27" s="280">
        <v>10</v>
      </c>
      <c r="BW27" s="280">
        <v>17</v>
      </c>
      <c r="BX27" s="280">
        <v>0</v>
      </c>
      <c r="BY27" s="280">
        <v>8</v>
      </c>
      <c r="BZ27" s="277">
        <v>35</v>
      </c>
      <c r="CA27" s="282">
        <v>35</v>
      </c>
      <c r="CB27" s="276">
        <v>0</v>
      </c>
      <c r="CC27" s="280">
        <v>0</v>
      </c>
      <c r="CD27" s="277">
        <v>0</v>
      </c>
      <c r="CE27" s="279">
        <v>0</v>
      </c>
      <c r="CF27" s="280">
        <v>0</v>
      </c>
      <c r="CG27" s="280">
        <v>0</v>
      </c>
      <c r="CH27" s="280">
        <v>0</v>
      </c>
      <c r="CI27" s="280">
        <v>0</v>
      </c>
      <c r="CJ27" s="280">
        <v>3</v>
      </c>
      <c r="CK27" s="277">
        <v>3</v>
      </c>
      <c r="CL27" s="282">
        <v>3</v>
      </c>
      <c r="CM27" s="276">
        <v>0</v>
      </c>
      <c r="CN27" s="280">
        <v>0</v>
      </c>
      <c r="CO27" s="277">
        <v>0</v>
      </c>
      <c r="CP27" s="279">
        <v>0</v>
      </c>
      <c r="CQ27" s="280">
        <v>0</v>
      </c>
      <c r="CR27" s="280">
        <v>0</v>
      </c>
      <c r="CS27" s="280">
        <v>0</v>
      </c>
      <c r="CT27" s="280">
        <v>0</v>
      </c>
      <c r="CU27" s="280">
        <v>0</v>
      </c>
      <c r="CV27" s="277">
        <v>0</v>
      </c>
      <c r="CW27" s="282">
        <v>0</v>
      </c>
      <c r="CX27" s="276">
        <v>0</v>
      </c>
      <c r="CY27" s="280">
        <v>0</v>
      </c>
      <c r="CZ27" s="277">
        <v>0</v>
      </c>
      <c r="DA27" s="279">
        <v>0</v>
      </c>
      <c r="DB27" s="280">
        <v>0</v>
      </c>
      <c r="DC27" s="280">
        <v>0</v>
      </c>
      <c r="DD27" s="280">
        <v>0</v>
      </c>
      <c r="DE27" s="280">
        <v>0</v>
      </c>
      <c r="DF27" s="280">
        <v>0</v>
      </c>
      <c r="DG27" s="277">
        <v>0</v>
      </c>
      <c r="DH27" s="282">
        <v>0</v>
      </c>
    </row>
    <row r="28" spans="2:112" ht="21" customHeight="1" x14ac:dyDescent="0.2">
      <c r="B28" s="261" t="s">
        <v>26</v>
      </c>
      <c r="C28" s="276">
        <v>0</v>
      </c>
      <c r="D28" s="277">
        <v>0</v>
      </c>
      <c r="E28" s="278">
        <v>0</v>
      </c>
      <c r="F28" s="279">
        <v>0</v>
      </c>
      <c r="G28" s="280">
        <v>20</v>
      </c>
      <c r="H28" s="280">
        <v>12</v>
      </c>
      <c r="I28" s="280">
        <v>96</v>
      </c>
      <c r="J28" s="280">
        <v>120</v>
      </c>
      <c r="K28" s="280">
        <v>110</v>
      </c>
      <c r="L28" s="281">
        <v>358</v>
      </c>
      <c r="M28" s="282">
        <v>358</v>
      </c>
      <c r="N28" s="276">
        <v>0</v>
      </c>
      <c r="O28" s="280">
        <v>0</v>
      </c>
      <c r="P28" s="277">
        <v>0</v>
      </c>
      <c r="Q28" s="279">
        <v>0</v>
      </c>
      <c r="R28" s="280">
        <v>0</v>
      </c>
      <c r="S28" s="280">
        <v>0</v>
      </c>
      <c r="T28" s="280">
        <v>4</v>
      </c>
      <c r="U28" s="280">
        <v>0</v>
      </c>
      <c r="V28" s="280">
        <v>4</v>
      </c>
      <c r="W28" s="277">
        <v>8</v>
      </c>
      <c r="X28" s="282">
        <v>8</v>
      </c>
      <c r="Y28" s="276">
        <v>0</v>
      </c>
      <c r="Z28" s="280">
        <v>35</v>
      </c>
      <c r="AA28" s="277">
        <v>35</v>
      </c>
      <c r="AB28" s="279">
        <v>0</v>
      </c>
      <c r="AC28" s="280">
        <v>35</v>
      </c>
      <c r="AD28" s="280">
        <v>38</v>
      </c>
      <c r="AE28" s="280">
        <v>18</v>
      </c>
      <c r="AF28" s="280">
        <v>36</v>
      </c>
      <c r="AG28" s="280">
        <v>43</v>
      </c>
      <c r="AH28" s="277">
        <v>170</v>
      </c>
      <c r="AI28" s="282">
        <v>205</v>
      </c>
      <c r="AJ28" s="276">
        <v>0</v>
      </c>
      <c r="AK28" s="280">
        <v>0</v>
      </c>
      <c r="AL28" s="277">
        <v>0</v>
      </c>
      <c r="AM28" s="279">
        <v>0</v>
      </c>
      <c r="AN28" s="280">
        <v>0</v>
      </c>
      <c r="AO28" s="280">
        <v>27</v>
      </c>
      <c r="AP28" s="280">
        <v>6</v>
      </c>
      <c r="AQ28" s="280">
        <v>0</v>
      </c>
      <c r="AR28" s="280">
        <v>0</v>
      </c>
      <c r="AS28" s="277">
        <v>33</v>
      </c>
      <c r="AT28" s="282">
        <v>33</v>
      </c>
      <c r="AU28" s="276">
        <v>0</v>
      </c>
      <c r="AV28" s="280">
        <v>0</v>
      </c>
      <c r="AW28" s="277">
        <v>0</v>
      </c>
      <c r="AX28" s="279">
        <v>0</v>
      </c>
      <c r="AY28" s="280">
        <v>31</v>
      </c>
      <c r="AZ28" s="280">
        <v>20</v>
      </c>
      <c r="BA28" s="280">
        <v>36</v>
      </c>
      <c r="BB28" s="280">
        <v>8</v>
      </c>
      <c r="BC28" s="280">
        <v>0</v>
      </c>
      <c r="BD28" s="281">
        <v>95</v>
      </c>
      <c r="BE28" s="282">
        <v>95</v>
      </c>
      <c r="BF28" s="276">
        <v>0</v>
      </c>
      <c r="BG28" s="280">
        <v>0</v>
      </c>
      <c r="BH28" s="277">
        <v>0</v>
      </c>
      <c r="BI28" s="279">
        <v>0</v>
      </c>
      <c r="BJ28" s="280">
        <v>22</v>
      </c>
      <c r="BK28" s="280">
        <v>31</v>
      </c>
      <c r="BL28" s="280">
        <v>2</v>
      </c>
      <c r="BM28" s="280">
        <v>0</v>
      </c>
      <c r="BN28" s="280">
        <v>0</v>
      </c>
      <c r="BO28" s="277">
        <v>55</v>
      </c>
      <c r="BP28" s="282">
        <v>55</v>
      </c>
      <c r="BQ28" s="276">
        <v>0</v>
      </c>
      <c r="BR28" s="280">
        <v>0</v>
      </c>
      <c r="BS28" s="277">
        <v>0</v>
      </c>
      <c r="BT28" s="279">
        <v>0</v>
      </c>
      <c r="BU28" s="280">
        <v>1</v>
      </c>
      <c r="BV28" s="280">
        <v>0</v>
      </c>
      <c r="BW28" s="280">
        <v>18</v>
      </c>
      <c r="BX28" s="280">
        <v>0</v>
      </c>
      <c r="BY28" s="280">
        <v>0</v>
      </c>
      <c r="BZ28" s="277">
        <v>19</v>
      </c>
      <c r="CA28" s="282">
        <v>19</v>
      </c>
      <c r="CB28" s="276">
        <v>0</v>
      </c>
      <c r="CC28" s="280">
        <v>7</v>
      </c>
      <c r="CD28" s="277">
        <v>7</v>
      </c>
      <c r="CE28" s="279">
        <v>0</v>
      </c>
      <c r="CF28" s="280">
        <v>0</v>
      </c>
      <c r="CG28" s="280">
        <v>0</v>
      </c>
      <c r="CH28" s="280">
        <v>0</v>
      </c>
      <c r="CI28" s="280">
        <v>0</v>
      </c>
      <c r="CJ28" s="280">
        <v>0</v>
      </c>
      <c r="CK28" s="277">
        <v>0</v>
      </c>
      <c r="CL28" s="282">
        <v>7</v>
      </c>
      <c r="CM28" s="276">
        <v>0</v>
      </c>
      <c r="CN28" s="280">
        <v>0</v>
      </c>
      <c r="CO28" s="277">
        <v>0</v>
      </c>
      <c r="CP28" s="279">
        <v>0</v>
      </c>
      <c r="CQ28" s="280">
        <v>0</v>
      </c>
      <c r="CR28" s="280">
        <v>0</v>
      </c>
      <c r="CS28" s="280">
        <v>0</v>
      </c>
      <c r="CT28" s="280">
        <v>0</v>
      </c>
      <c r="CU28" s="280">
        <v>0</v>
      </c>
      <c r="CV28" s="277">
        <v>0</v>
      </c>
      <c r="CW28" s="282">
        <v>0</v>
      </c>
      <c r="CX28" s="276">
        <v>0</v>
      </c>
      <c r="CY28" s="280">
        <v>0</v>
      </c>
      <c r="CZ28" s="277">
        <v>0</v>
      </c>
      <c r="DA28" s="279">
        <v>0</v>
      </c>
      <c r="DB28" s="280">
        <v>0</v>
      </c>
      <c r="DC28" s="280">
        <v>0</v>
      </c>
      <c r="DD28" s="280">
        <v>0</v>
      </c>
      <c r="DE28" s="280">
        <v>0</v>
      </c>
      <c r="DF28" s="280">
        <v>0</v>
      </c>
      <c r="DG28" s="277">
        <v>0</v>
      </c>
      <c r="DH28" s="282">
        <v>0</v>
      </c>
    </row>
    <row r="29" spans="2:112" ht="21" customHeight="1" x14ac:dyDescent="0.2">
      <c r="B29" s="261" t="s">
        <v>27</v>
      </c>
      <c r="C29" s="276">
        <v>0</v>
      </c>
      <c r="D29" s="277">
        <v>0</v>
      </c>
      <c r="E29" s="278">
        <v>0</v>
      </c>
      <c r="F29" s="279">
        <v>0</v>
      </c>
      <c r="G29" s="280">
        <v>10</v>
      </c>
      <c r="H29" s="280">
        <v>46</v>
      </c>
      <c r="I29" s="280">
        <v>68</v>
      </c>
      <c r="J29" s="280">
        <v>0</v>
      </c>
      <c r="K29" s="280">
        <v>89</v>
      </c>
      <c r="L29" s="281">
        <v>213</v>
      </c>
      <c r="M29" s="282">
        <v>213</v>
      </c>
      <c r="N29" s="276">
        <v>0</v>
      </c>
      <c r="O29" s="280">
        <v>0</v>
      </c>
      <c r="P29" s="277">
        <v>0</v>
      </c>
      <c r="Q29" s="279">
        <v>0</v>
      </c>
      <c r="R29" s="280">
        <v>0</v>
      </c>
      <c r="S29" s="280">
        <v>0</v>
      </c>
      <c r="T29" s="280">
        <v>0</v>
      </c>
      <c r="U29" s="280">
        <v>11</v>
      </c>
      <c r="V29" s="280">
        <v>0</v>
      </c>
      <c r="W29" s="277">
        <v>11</v>
      </c>
      <c r="X29" s="282">
        <v>11</v>
      </c>
      <c r="Y29" s="276">
        <v>39</v>
      </c>
      <c r="Z29" s="280">
        <v>13</v>
      </c>
      <c r="AA29" s="277">
        <v>52</v>
      </c>
      <c r="AB29" s="279">
        <v>0</v>
      </c>
      <c r="AC29" s="280">
        <v>6</v>
      </c>
      <c r="AD29" s="280">
        <v>23</v>
      </c>
      <c r="AE29" s="280">
        <v>23</v>
      </c>
      <c r="AF29" s="280">
        <v>22</v>
      </c>
      <c r="AG29" s="280">
        <v>4</v>
      </c>
      <c r="AH29" s="277">
        <v>78</v>
      </c>
      <c r="AI29" s="282">
        <v>130</v>
      </c>
      <c r="AJ29" s="276">
        <v>0</v>
      </c>
      <c r="AK29" s="280">
        <v>0</v>
      </c>
      <c r="AL29" s="277">
        <v>0</v>
      </c>
      <c r="AM29" s="279">
        <v>0</v>
      </c>
      <c r="AN29" s="280">
        <v>0</v>
      </c>
      <c r="AO29" s="280">
        <v>8</v>
      </c>
      <c r="AP29" s="280">
        <v>0</v>
      </c>
      <c r="AQ29" s="280">
        <v>0</v>
      </c>
      <c r="AR29" s="280">
        <v>0</v>
      </c>
      <c r="AS29" s="277">
        <v>8</v>
      </c>
      <c r="AT29" s="282">
        <v>8</v>
      </c>
      <c r="AU29" s="276">
        <v>0</v>
      </c>
      <c r="AV29" s="280">
        <v>0</v>
      </c>
      <c r="AW29" s="277">
        <v>0</v>
      </c>
      <c r="AX29" s="279">
        <v>0</v>
      </c>
      <c r="AY29" s="280">
        <v>10</v>
      </c>
      <c r="AZ29" s="280">
        <v>7</v>
      </c>
      <c r="BA29" s="280">
        <v>16</v>
      </c>
      <c r="BB29" s="280">
        <v>9</v>
      </c>
      <c r="BC29" s="280">
        <v>0</v>
      </c>
      <c r="BD29" s="281">
        <v>42</v>
      </c>
      <c r="BE29" s="282">
        <v>42</v>
      </c>
      <c r="BF29" s="276">
        <v>0</v>
      </c>
      <c r="BG29" s="280">
        <v>0</v>
      </c>
      <c r="BH29" s="277">
        <v>0</v>
      </c>
      <c r="BI29" s="279">
        <v>0</v>
      </c>
      <c r="BJ29" s="280">
        <v>2</v>
      </c>
      <c r="BK29" s="280">
        <v>6</v>
      </c>
      <c r="BL29" s="280">
        <v>8</v>
      </c>
      <c r="BM29" s="280">
        <v>0</v>
      </c>
      <c r="BN29" s="280">
        <v>0</v>
      </c>
      <c r="BO29" s="277">
        <v>16</v>
      </c>
      <c r="BP29" s="282">
        <v>16</v>
      </c>
      <c r="BQ29" s="276">
        <v>0</v>
      </c>
      <c r="BR29" s="280">
        <v>0</v>
      </c>
      <c r="BS29" s="277">
        <v>0</v>
      </c>
      <c r="BT29" s="279">
        <v>0</v>
      </c>
      <c r="BU29" s="280">
        <v>0</v>
      </c>
      <c r="BV29" s="280">
        <v>0</v>
      </c>
      <c r="BW29" s="280">
        <v>31</v>
      </c>
      <c r="BX29" s="280">
        <v>6</v>
      </c>
      <c r="BY29" s="280">
        <v>0</v>
      </c>
      <c r="BZ29" s="277">
        <v>37</v>
      </c>
      <c r="CA29" s="282">
        <v>37</v>
      </c>
      <c r="CB29" s="276">
        <v>0</v>
      </c>
      <c r="CC29" s="280">
        <v>0</v>
      </c>
      <c r="CD29" s="277">
        <v>0</v>
      </c>
      <c r="CE29" s="279">
        <v>0</v>
      </c>
      <c r="CF29" s="280">
        <v>0</v>
      </c>
      <c r="CG29" s="280">
        <v>0</v>
      </c>
      <c r="CH29" s="280">
        <v>0</v>
      </c>
      <c r="CI29" s="280">
        <v>0</v>
      </c>
      <c r="CJ29" s="280">
        <v>0</v>
      </c>
      <c r="CK29" s="277">
        <v>0</v>
      </c>
      <c r="CL29" s="282">
        <v>0</v>
      </c>
      <c r="CM29" s="276">
        <v>0</v>
      </c>
      <c r="CN29" s="280">
        <v>0</v>
      </c>
      <c r="CO29" s="277">
        <v>0</v>
      </c>
      <c r="CP29" s="279">
        <v>0</v>
      </c>
      <c r="CQ29" s="280">
        <v>0</v>
      </c>
      <c r="CR29" s="280">
        <v>0</v>
      </c>
      <c r="CS29" s="280">
        <v>0</v>
      </c>
      <c r="CT29" s="280">
        <v>0</v>
      </c>
      <c r="CU29" s="280">
        <v>0</v>
      </c>
      <c r="CV29" s="277">
        <v>0</v>
      </c>
      <c r="CW29" s="282">
        <v>0</v>
      </c>
      <c r="CX29" s="276">
        <v>0</v>
      </c>
      <c r="CY29" s="280">
        <v>0</v>
      </c>
      <c r="CZ29" s="277">
        <v>0</v>
      </c>
      <c r="DA29" s="279">
        <v>0</v>
      </c>
      <c r="DB29" s="280">
        <v>0</v>
      </c>
      <c r="DC29" s="280">
        <v>0</v>
      </c>
      <c r="DD29" s="280">
        <v>0</v>
      </c>
      <c r="DE29" s="280">
        <v>0</v>
      </c>
      <c r="DF29" s="280">
        <v>0</v>
      </c>
      <c r="DG29" s="277">
        <v>0</v>
      </c>
      <c r="DH29" s="282">
        <v>0</v>
      </c>
    </row>
    <row r="30" spans="2:112" ht="21" customHeight="1" x14ac:dyDescent="0.2">
      <c r="B30" s="261" t="s">
        <v>28</v>
      </c>
      <c r="C30" s="276">
        <v>0</v>
      </c>
      <c r="D30" s="277">
        <v>0</v>
      </c>
      <c r="E30" s="278">
        <v>0</v>
      </c>
      <c r="F30" s="279">
        <v>0</v>
      </c>
      <c r="G30" s="280">
        <v>7</v>
      </c>
      <c r="H30" s="280">
        <v>13</v>
      </c>
      <c r="I30" s="280">
        <v>0</v>
      </c>
      <c r="J30" s="280">
        <v>0</v>
      </c>
      <c r="K30" s="280">
        <v>23</v>
      </c>
      <c r="L30" s="281">
        <v>43</v>
      </c>
      <c r="M30" s="282">
        <v>43</v>
      </c>
      <c r="N30" s="276">
        <v>0</v>
      </c>
      <c r="O30" s="280">
        <v>0</v>
      </c>
      <c r="P30" s="277">
        <v>0</v>
      </c>
      <c r="Q30" s="279">
        <v>0</v>
      </c>
      <c r="R30" s="280">
        <v>0</v>
      </c>
      <c r="S30" s="280">
        <v>0</v>
      </c>
      <c r="T30" s="280">
        <v>0</v>
      </c>
      <c r="U30" s="280">
        <v>0</v>
      </c>
      <c r="V30" s="280">
        <v>0</v>
      </c>
      <c r="W30" s="277">
        <v>0</v>
      </c>
      <c r="X30" s="282">
        <v>0</v>
      </c>
      <c r="Y30" s="276">
        <v>0</v>
      </c>
      <c r="Z30" s="280">
        <v>0</v>
      </c>
      <c r="AA30" s="277">
        <v>0</v>
      </c>
      <c r="AB30" s="279">
        <v>0</v>
      </c>
      <c r="AC30" s="280">
        <v>2</v>
      </c>
      <c r="AD30" s="280">
        <v>14</v>
      </c>
      <c r="AE30" s="280">
        <v>2</v>
      </c>
      <c r="AF30" s="280">
        <v>0</v>
      </c>
      <c r="AG30" s="280">
        <v>0</v>
      </c>
      <c r="AH30" s="277">
        <v>18</v>
      </c>
      <c r="AI30" s="282">
        <v>18</v>
      </c>
      <c r="AJ30" s="276">
        <v>0</v>
      </c>
      <c r="AK30" s="280">
        <v>0</v>
      </c>
      <c r="AL30" s="277">
        <v>0</v>
      </c>
      <c r="AM30" s="279">
        <v>0</v>
      </c>
      <c r="AN30" s="280">
        <v>21</v>
      </c>
      <c r="AO30" s="280">
        <v>0</v>
      </c>
      <c r="AP30" s="280">
        <v>0</v>
      </c>
      <c r="AQ30" s="280">
        <v>0</v>
      </c>
      <c r="AR30" s="280">
        <v>0</v>
      </c>
      <c r="AS30" s="277">
        <v>21</v>
      </c>
      <c r="AT30" s="282">
        <v>21</v>
      </c>
      <c r="AU30" s="276">
        <v>0</v>
      </c>
      <c r="AV30" s="280">
        <v>0</v>
      </c>
      <c r="AW30" s="277">
        <v>0</v>
      </c>
      <c r="AX30" s="279">
        <v>0</v>
      </c>
      <c r="AY30" s="280">
        <v>4</v>
      </c>
      <c r="AZ30" s="280">
        <v>20</v>
      </c>
      <c r="BA30" s="280">
        <v>0</v>
      </c>
      <c r="BB30" s="280">
        <v>12</v>
      </c>
      <c r="BC30" s="280">
        <v>0</v>
      </c>
      <c r="BD30" s="281">
        <v>36</v>
      </c>
      <c r="BE30" s="282">
        <v>36</v>
      </c>
      <c r="BF30" s="276">
        <v>0</v>
      </c>
      <c r="BG30" s="280">
        <v>0</v>
      </c>
      <c r="BH30" s="277">
        <v>0</v>
      </c>
      <c r="BI30" s="279">
        <v>0</v>
      </c>
      <c r="BJ30" s="280">
        <v>12</v>
      </c>
      <c r="BK30" s="280">
        <v>1</v>
      </c>
      <c r="BL30" s="280">
        <v>7</v>
      </c>
      <c r="BM30" s="280">
        <v>0</v>
      </c>
      <c r="BN30" s="280">
        <v>8</v>
      </c>
      <c r="BO30" s="277">
        <v>28</v>
      </c>
      <c r="BP30" s="282">
        <v>28</v>
      </c>
      <c r="BQ30" s="276">
        <v>0</v>
      </c>
      <c r="BR30" s="280">
        <v>0</v>
      </c>
      <c r="BS30" s="277">
        <v>0</v>
      </c>
      <c r="BT30" s="279">
        <v>0</v>
      </c>
      <c r="BU30" s="280">
        <v>0</v>
      </c>
      <c r="BV30" s="280">
        <v>22</v>
      </c>
      <c r="BW30" s="280">
        <v>0</v>
      </c>
      <c r="BX30" s="280">
        <v>0</v>
      </c>
      <c r="BY30" s="280">
        <v>0</v>
      </c>
      <c r="BZ30" s="277">
        <v>22</v>
      </c>
      <c r="CA30" s="282">
        <v>22</v>
      </c>
      <c r="CB30" s="276">
        <v>0</v>
      </c>
      <c r="CC30" s="280">
        <v>0</v>
      </c>
      <c r="CD30" s="277">
        <v>0</v>
      </c>
      <c r="CE30" s="279">
        <v>0</v>
      </c>
      <c r="CF30" s="280">
        <v>0</v>
      </c>
      <c r="CG30" s="280">
        <v>0</v>
      </c>
      <c r="CH30" s="280">
        <v>0</v>
      </c>
      <c r="CI30" s="280">
        <v>0</v>
      </c>
      <c r="CJ30" s="280">
        <v>0</v>
      </c>
      <c r="CK30" s="277">
        <v>0</v>
      </c>
      <c r="CL30" s="282">
        <v>0</v>
      </c>
      <c r="CM30" s="276">
        <v>0</v>
      </c>
      <c r="CN30" s="280">
        <v>0</v>
      </c>
      <c r="CO30" s="277">
        <v>0</v>
      </c>
      <c r="CP30" s="279">
        <v>0</v>
      </c>
      <c r="CQ30" s="280">
        <v>0</v>
      </c>
      <c r="CR30" s="280">
        <v>0</v>
      </c>
      <c r="CS30" s="280">
        <v>0</v>
      </c>
      <c r="CT30" s="280">
        <v>0</v>
      </c>
      <c r="CU30" s="280">
        <v>0</v>
      </c>
      <c r="CV30" s="277">
        <v>0</v>
      </c>
      <c r="CW30" s="282">
        <v>0</v>
      </c>
      <c r="CX30" s="276">
        <v>0</v>
      </c>
      <c r="CY30" s="280">
        <v>0</v>
      </c>
      <c r="CZ30" s="277">
        <v>0</v>
      </c>
      <c r="DA30" s="279">
        <v>0</v>
      </c>
      <c r="DB30" s="280">
        <v>0</v>
      </c>
      <c r="DC30" s="280">
        <v>0</v>
      </c>
      <c r="DD30" s="280">
        <v>0</v>
      </c>
      <c r="DE30" s="280">
        <v>0</v>
      </c>
      <c r="DF30" s="280">
        <v>0</v>
      </c>
      <c r="DG30" s="277">
        <v>0</v>
      </c>
      <c r="DH30" s="282">
        <v>0</v>
      </c>
    </row>
    <row r="31" spans="2:112" ht="21" customHeight="1" x14ac:dyDescent="0.2">
      <c r="B31" s="261" t="s">
        <v>29</v>
      </c>
      <c r="C31" s="276">
        <v>0</v>
      </c>
      <c r="D31" s="277">
        <v>0</v>
      </c>
      <c r="E31" s="278">
        <v>0</v>
      </c>
      <c r="F31" s="279">
        <v>0</v>
      </c>
      <c r="G31" s="280">
        <v>17</v>
      </c>
      <c r="H31" s="280">
        <v>12</v>
      </c>
      <c r="I31" s="280">
        <v>0</v>
      </c>
      <c r="J31" s="280">
        <v>155</v>
      </c>
      <c r="K31" s="280">
        <v>0</v>
      </c>
      <c r="L31" s="281">
        <v>184</v>
      </c>
      <c r="M31" s="282">
        <v>184</v>
      </c>
      <c r="N31" s="276">
        <v>0</v>
      </c>
      <c r="O31" s="280">
        <v>0</v>
      </c>
      <c r="P31" s="277">
        <v>0</v>
      </c>
      <c r="Q31" s="279">
        <v>0</v>
      </c>
      <c r="R31" s="280">
        <v>0</v>
      </c>
      <c r="S31" s="280">
        <v>0</v>
      </c>
      <c r="T31" s="280">
        <v>0</v>
      </c>
      <c r="U31" s="280">
        <v>0</v>
      </c>
      <c r="V31" s="280">
        <v>0</v>
      </c>
      <c r="W31" s="277">
        <v>0</v>
      </c>
      <c r="X31" s="282">
        <v>0</v>
      </c>
      <c r="Y31" s="276">
        <v>0</v>
      </c>
      <c r="Z31" s="280">
        <v>0</v>
      </c>
      <c r="AA31" s="277">
        <v>0</v>
      </c>
      <c r="AB31" s="279">
        <v>0</v>
      </c>
      <c r="AC31" s="280">
        <v>0</v>
      </c>
      <c r="AD31" s="280">
        <v>16</v>
      </c>
      <c r="AE31" s="280">
        <v>29</v>
      </c>
      <c r="AF31" s="280">
        <v>0</v>
      </c>
      <c r="AG31" s="280">
        <v>0</v>
      </c>
      <c r="AH31" s="277">
        <v>45</v>
      </c>
      <c r="AI31" s="282">
        <v>45</v>
      </c>
      <c r="AJ31" s="276">
        <v>0</v>
      </c>
      <c r="AK31" s="280">
        <v>0</v>
      </c>
      <c r="AL31" s="277">
        <v>0</v>
      </c>
      <c r="AM31" s="279">
        <v>0</v>
      </c>
      <c r="AN31" s="280">
        <v>0</v>
      </c>
      <c r="AO31" s="280">
        <v>9</v>
      </c>
      <c r="AP31" s="280">
        <v>24</v>
      </c>
      <c r="AQ31" s="280">
        <v>48</v>
      </c>
      <c r="AR31" s="280">
        <v>0</v>
      </c>
      <c r="AS31" s="277">
        <v>81</v>
      </c>
      <c r="AT31" s="282">
        <v>81</v>
      </c>
      <c r="AU31" s="276">
        <v>0</v>
      </c>
      <c r="AV31" s="280">
        <v>0</v>
      </c>
      <c r="AW31" s="277">
        <v>0</v>
      </c>
      <c r="AX31" s="279">
        <v>0</v>
      </c>
      <c r="AY31" s="280">
        <v>13</v>
      </c>
      <c r="AZ31" s="280">
        <v>0</v>
      </c>
      <c r="BA31" s="280">
        <v>13</v>
      </c>
      <c r="BB31" s="280">
        <v>0</v>
      </c>
      <c r="BC31" s="280">
        <v>0</v>
      </c>
      <c r="BD31" s="281">
        <v>26</v>
      </c>
      <c r="BE31" s="282">
        <v>26</v>
      </c>
      <c r="BF31" s="276">
        <v>0</v>
      </c>
      <c r="BG31" s="280">
        <v>0</v>
      </c>
      <c r="BH31" s="277">
        <v>0</v>
      </c>
      <c r="BI31" s="279">
        <v>0</v>
      </c>
      <c r="BJ31" s="280">
        <v>8</v>
      </c>
      <c r="BK31" s="280">
        <v>8</v>
      </c>
      <c r="BL31" s="280">
        <v>13</v>
      </c>
      <c r="BM31" s="280">
        <v>8</v>
      </c>
      <c r="BN31" s="280">
        <v>0</v>
      </c>
      <c r="BO31" s="277">
        <v>37</v>
      </c>
      <c r="BP31" s="282">
        <v>37</v>
      </c>
      <c r="BQ31" s="276">
        <v>0</v>
      </c>
      <c r="BR31" s="280">
        <v>0</v>
      </c>
      <c r="BS31" s="277">
        <v>0</v>
      </c>
      <c r="BT31" s="279">
        <v>0</v>
      </c>
      <c r="BU31" s="280">
        <v>0</v>
      </c>
      <c r="BV31" s="280">
        <v>0</v>
      </c>
      <c r="BW31" s="280">
        <v>0</v>
      </c>
      <c r="BX31" s="280">
        <v>0</v>
      </c>
      <c r="BY31" s="280">
        <v>0</v>
      </c>
      <c r="BZ31" s="277">
        <v>0</v>
      </c>
      <c r="CA31" s="282">
        <v>0</v>
      </c>
      <c r="CB31" s="276">
        <v>0</v>
      </c>
      <c r="CC31" s="280">
        <v>0</v>
      </c>
      <c r="CD31" s="277">
        <v>0</v>
      </c>
      <c r="CE31" s="279">
        <v>0</v>
      </c>
      <c r="CF31" s="280">
        <v>0</v>
      </c>
      <c r="CG31" s="280">
        <v>0</v>
      </c>
      <c r="CH31" s="280">
        <v>0</v>
      </c>
      <c r="CI31" s="280">
        <v>0</v>
      </c>
      <c r="CJ31" s="280">
        <v>0</v>
      </c>
      <c r="CK31" s="277">
        <v>0</v>
      </c>
      <c r="CL31" s="282">
        <v>0</v>
      </c>
      <c r="CM31" s="276">
        <v>0</v>
      </c>
      <c r="CN31" s="280">
        <v>0</v>
      </c>
      <c r="CO31" s="277">
        <v>0</v>
      </c>
      <c r="CP31" s="279">
        <v>0</v>
      </c>
      <c r="CQ31" s="280">
        <v>0</v>
      </c>
      <c r="CR31" s="280">
        <v>0</v>
      </c>
      <c r="CS31" s="280">
        <v>0</v>
      </c>
      <c r="CT31" s="280">
        <v>0</v>
      </c>
      <c r="CU31" s="280">
        <v>0</v>
      </c>
      <c r="CV31" s="277">
        <v>0</v>
      </c>
      <c r="CW31" s="282">
        <v>0</v>
      </c>
      <c r="CX31" s="276">
        <v>0</v>
      </c>
      <c r="CY31" s="280">
        <v>0</v>
      </c>
      <c r="CZ31" s="277">
        <v>0</v>
      </c>
      <c r="DA31" s="279">
        <v>0</v>
      </c>
      <c r="DB31" s="280">
        <v>0</v>
      </c>
      <c r="DC31" s="280">
        <v>0</v>
      </c>
      <c r="DD31" s="280">
        <v>0</v>
      </c>
      <c r="DE31" s="280">
        <v>0</v>
      </c>
      <c r="DF31" s="280">
        <v>0</v>
      </c>
      <c r="DG31" s="277">
        <v>0</v>
      </c>
      <c r="DH31" s="282">
        <v>0</v>
      </c>
    </row>
    <row r="32" spans="2:112" ht="21" customHeight="1" x14ac:dyDescent="0.2">
      <c r="B32" s="261" t="s">
        <v>30</v>
      </c>
      <c r="C32" s="276">
        <v>0</v>
      </c>
      <c r="D32" s="277">
        <v>0</v>
      </c>
      <c r="E32" s="278">
        <v>0</v>
      </c>
      <c r="F32" s="279">
        <v>0</v>
      </c>
      <c r="G32" s="280">
        <v>8</v>
      </c>
      <c r="H32" s="280">
        <v>0</v>
      </c>
      <c r="I32" s="280">
        <v>92</v>
      </c>
      <c r="J32" s="280">
        <v>4</v>
      </c>
      <c r="K32" s="280">
        <v>0</v>
      </c>
      <c r="L32" s="281">
        <v>104</v>
      </c>
      <c r="M32" s="282">
        <v>104</v>
      </c>
      <c r="N32" s="276">
        <v>0</v>
      </c>
      <c r="O32" s="280">
        <v>0</v>
      </c>
      <c r="P32" s="277">
        <v>0</v>
      </c>
      <c r="Q32" s="279">
        <v>0</v>
      </c>
      <c r="R32" s="280">
        <v>0</v>
      </c>
      <c r="S32" s="280">
        <v>0</v>
      </c>
      <c r="T32" s="280">
        <v>0</v>
      </c>
      <c r="U32" s="280">
        <v>4</v>
      </c>
      <c r="V32" s="280">
        <v>0</v>
      </c>
      <c r="W32" s="277">
        <v>4</v>
      </c>
      <c r="X32" s="282">
        <v>4</v>
      </c>
      <c r="Y32" s="276">
        <v>0</v>
      </c>
      <c r="Z32" s="280">
        <v>0</v>
      </c>
      <c r="AA32" s="277">
        <v>0</v>
      </c>
      <c r="AB32" s="279">
        <v>0</v>
      </c>
      <c r="AC32" s="280">
        <v>4</v>
      </c>
      <c r="AD32" s="280">
        <v>0</v>
      </c>
      <c r="AE32" s="280">
        <v>0</v>
      </c>
      <c r="AF32" s="280">
        <v>4</v>
      </c>
      <c r="AG32" s="280">
        <v>0</v>
      </c>
      <c r="AH32" s="277">
        <v>8</v>
      </c>
      <c r="AI32" s="282">
        <v>8</v>
      </c>
      <c r="AJ32" s="276">
        <v>0</v>
      </c>
      <c r="AK32" s="280">
        <v>0</v>
      </c>
      <c r="AL32" s="277">
        <v>0</v>
      </c>
      <c r="AM32" s="279">
        <v>0</v>
      </c>
      <c r="AN32" s="280">
        <v>0</v>
      </c>
      <c r="AO32" s="280">
        <v>0</v>
      </c>
      <c r="AP32" s="280">
        <v>0</v>
      </c>
      <c r="AQ32" s="280">
        <v>0</v>
      </c>
      <c r="AR32" s="280">
        <v>0</v>
      </c>
      <c r="AS32" s="277">
        <v>0</v>
      </c>
      <c r="AT32" s="282">
        <v>0</v>
      </c>
      <c r="AU32" s="276">
        <v>0</v>
      </c>
      <c r="AV32" s="280">
        <v>0</v>
      </c>
      <c r="AW32" s="277">
        <v>0</v>
      </c>
      <c r="AX32" s="279">
        <v>0</v>
      </c>
      <c r="AY32" s="280">
        <v>13</v>
      </c>
      <c r="AZ32" s="280">
        <v>10</v>
      </c>
      <c r="BA32" s="280">
        <v>0</v>
      </c>
      <c r="BB32" s="280">
        <v>0</v>
      </c>
      <c r="BC32" s="280">
        <v>0</v>
      </c>
      <c r="BD32" s="281">
        <v>23</v>
      </c>
      <c r="BE32" s="282">
        <v>23</v>
      </c>
      <c r="BF32" s="276">
        <v>0</v>
      </c>
      <c r="BG32" s="280">
        <v>0</v>
      </c>
      <c r="BH32" s="277">
        <v>0</v>
      </c>
      <c r="BI32" s="279">
        <v>0</v>
      </c>
      <c r="BJ32" s="280">
        <v>0</v>
      </c>
      <c r="BK32" s="280">
        <v>6</v>
      </c>
      <c r="BL32" s="280">
        <v>0</v>
      </c>
      <c r="BM32" s="280">
        <v>0</v>
      </c>
      <c r="BN32" s="280">
        <v>0</v>
      </c>
      <c r="BO32" s="277">
        <v>6</v>
      </c>
      <c r="BP32" s="282">
        <v>6</v>
      </c>
      <c r="BQ32" s="276">
        <v>0</v>
      </c>
      <c r="BR32" s="280">
        <v>0</v>
      </c>
      <c r="BS32" s="277">
        <v>0</v>
      </c>
      <c r="BT32" s="279">
        <v>0</v>
      </c>
      <c r="BU32" s="280">
        <v>8</v>
      </c>
      <c r="BV32" s="280">
        <v>0</v>
      </c>
      <c r="BW32" s="280">
        <v>0</v>
      </c>
      <c r="BX32" s="280">
        <v>0</v>
      </c>
      <c r="BY32" s="280">
        <v>0</v>
      </c>
      <c r="BZ32" s="277">
        <v>8</v>
      </c>
      <c r="CA32" s="282">
        <v>8</v>
      </c>
      <c r="CB32" s="276">
        <v>0</v>
      </c>
      <c r="CC32" s="280">
        <v>0</v>
      </c>
      <c r="CD32" s="277">
        <v>0</v>
      </c>
      <c r="CE32" s="279">
        <v>0</v>
      </c>
      <c r="CF32" s="280">
        <v>0</v>
      </c>
      <c r="CG32" s="280">
        <v>2</v>
      </c>
      <c r="CH32" s="280">
        <v>0</v>
      </c>
      <c r="CI32" s="280">
        <v>0</v>
      </c>
      <c r="CJ32" s="280">
        <v>0</v>
      </c>
      <c r="CK32" s="277">
        <v>2</v>
      </c>
      <c r="CL32" s="282">
        <v>2</v>
      </c>
      <c r="CM32" s="276">
        <v>0</v>
      </c>
      <c r="CN32" s="280">
        <v>0</v>
      </c>
      <c r="CO32" s="277">
        <v>0</v>
      </c>
      <c r="CP32" s="279">
        <v>0</v>
      </c>
      <c r="CQ32" s="280">
        <v>0</v>
      </c>
      <c r="CR32" s="280">
        <v>0</v>
      </c>
      <c r="CS32" s="280">
        <v>0</v>
      </c>
      <c r="CT32" s="280">
        <v>0</v>
      </c>
      <c r="CU32" s="280">
        <v>0</v>
      </c>
      <c r="CV32" s="277">
        <v>0</v>
      </c>
      <c r="CW32" s="282">
        <v>0</v>
      </c>
      <c r="CX32" s="276">
        <v>0</v>
      </c>
      <c r="CY32" s="280">
        <v>0</v>
      </c>
      <c r="CZ32" s="277">
        <v>0</v>
      </c>
      <c r="DA32" s="279">
        <v>0</v>
      </c>
      <c r="DB32" s="280">
        <v>0</v>
      </c>
      <c r="DC32" s="280">
        <v>0</v>
      </c>
      <c r="DD32" s="280">
        <v>0</v>
      </c>
      <c r="DE32" s="280">
        <v>0</v>
      </c>
      <c r="DF32" s="280">
        <v>0</v>
      </c>
      <c r="DG32" s="277">
        <v>0</v>
      </c>
      <c r="DH32" s="282">
        <v>0</v>
      </c>
    </row>
    <row r="33" spans="2:112" ht="21" customHeight="1" x14ac:dyDescent="0.2">
      <c r="B33" s="261" t="s">
        <v>31</v>
      </c>
      <c r="C33" s="276">
        <v>0</v>
      </c>
      <c r="D33" s="277">
        <v>0</v>
      </c>
      <c r="E33" s="278">
        <v>0</v>
      </c>
      <c r="F33" s="279">
        <v>0</v>
      </c>
      <c r="G33" s="280">
        <v>0</v>
      </c>
      <c r="H33" s="280">
        <v>0</v>
      </c>
      <c r="I33" s="280">
        <v>0</v>
      </c>
      <c r="J33" s="280">
        <v>10</v>
      </c>
      <c r="K33" s="280">
        <v>0</v>
      </c>
      <c r="L33" s="281">
        <v>10</v>
      </c>
      <c r="M33" s="282">
        <v>10</v>
      </c>
      <c r="N33" s="276">
        <v>0</v>
      </c>
      <c r="O33" s="280">
        <v>0</v>
      </c>
      <c r="P33" s="277">
        <v>0</v>
      </c>
      <c r="Q33" s="279">
        <v>0</v>
      </c>
      <c r="R33" s="280">
        <v>0</v>
      </c>
      <c r="S33" s="280">
        <v>0</v>
      </c>
      <c r="T33" s="280">
        <v>0</v>
      </c>
      <c r="U33" s="280">
        <v>0</v>
      </c>
      <c r="V33" s="280">
        <v>8</v>
      </c>
      <c r="W33" s="277">
        <v>8</v>
      </c>
      <c r="X33" s="282">
        <v>8</v>
      </c>
      <c r="Y33" s="276">
        <v>0</v>
      </c>
      <c r="Z33" s="280">
        <v>0</v>
      </c>
      <c r="AA33" s="277">
        <v>0</v>
      </c>
      <c r="AB33" s="279">
        <v>0</v>
      </c>
      <c r="AC33" s="280">
        <v>8</v>
      </c>
      <c r="AD33" s="280">
        <v>0</v>
      </c>
      <c r="AE33" s="280">
        <v>0</v>
      </c>
      <c r="AF33" s="280">
        <v>37</v>
      </c>
      <c r="AG33" s="280">
        <v>25</v>
      </c>
      <c r="AH33" s="277">
        <v>70</v>
      </c>
      <c r="AI33" s="282">
        <v>70</v>
      </c>
      <c r="AJ33" s="276">
        <v>0</v>
      </c>
      <c r="AK33" s="280">
        <v>0</v>
      </c>
      <c r="AL33" s="277">
        <v>0</v>
      </c>
      <c r="AM33" s="279">
        <v>0</v>
      </c>
      <c r="AN33" s="280">
        <v>0</v>
      </c>
      <c r="AO33" s="280">
        <v>0</v>
      </c>
      <c r="AP33" s="280">
        <v>18</v>
      </c>
      <c r="AQ33" s="280">
        <v>0</v>
      </c>
      <c r="AR33" s="280">
        <v>0</v>
      </c>
      <c r="AS33" s="277">
        <v>18</v>
      </c>
      <c r="AT33" s="282">
        <v>18</v>
      </c>
      <c r="AU33" s="276">
        <v>0</v>
      </c>
      <c r="AV33" s="280">
        <v>0</v>
      </c>
      <c r="AW33" s="277">
        <v>0</v>
      </c>
      <c r="AX33" s="279">
        <v>0</v>
      </c>
      <c r="AY33" s="280">
        <v>0</v>
      </c>
      <c r="AZ33" s="280">
        <v>5</v>
      </c>
      <c r="BA33" s="280">
        <v>31</v>
      </c>
      <c r="BB33" s="280">
        <v>9</v>
      </c>
      <c r="BC33" s="280">
        <v>0</v>
      </c>
      <c r="BD33" s="281">
        <v>45</v>
      </c>
      <c r="BE33" s="282">
        <v>45</v>
      </c>
      <c r="BF33" s="276">
        <v>0</v>
      </c>
      <c r="BG33" s="280">
        <v>0</v>
      </c>
      <c r="BH33" s="277">
        <v>0</v>
      </c>
      <c r="BI33" s="279">
        <v>0</v>
      </c>
      <c r="BJ33" s="280">
        <v>0</v>
      </c>
      <c r="BK33" s="280">
        <v>0</v>
      </c>
      <c r="BL33" s="280">
        <v>0</v>
      </c>
      <c r="BM33" s="280">
        <v>0</v>
      </c>
      <c r="BN33" s="280">
        <v>0</v>
      </c>
      <c r="BO33" s="277">
        <v>0</v>
      </c>
      <c r="BP33" s="282">
        <v>0</v>
      </c>
      <c r="BQ33" s="276">
        <v>0</v>
      </c>
      <c r="BR33" s="280">
        <v>0</v>
      </c>
      <c r="BS33" s="277">
        <v>0</v>
      </c>
      <c r="BT33" s="279">
        <v>0</v>
      </c>
      <c r="BU33" s="280">
        <v>0</v>
      </c>
      <c r="BV33" s="280">
        <v>0</v>
      </c>
      <c r="BW33" s="280">
        <v>0</v>
      </c>
      <c r="BX33" s="280">
        <v>0</v>
      </c>
      <c r="BY33" s="280">
        <v>0</v>
      </c>
      <c r="BZ33" s="277">
        <v>0</v>
      </c>
      <c r="CA33" s="282">
        <v>0</v>
      </c>
      <c r="CB33" s="276">
        <v>0</v>
      </c>
      <c r="CC33" s="280">
        <v>0</v>
      </c>
      <c r="CD33" s="277">
        <v>0</v>
      </c>
      <c r="CE33" s="279">
        <v>0</v>
      </c>
      <c r="CF33" s="280">
        <v>0</v>
      </c>
      <c r="CG33" s="280">
        <v>0</v>
      </c>
      <c r="CH33" s="280">
        <v>0</v>
      </c>
      <c r="CI33" s="280">
        <v>0</v>
      </c>
      <c r="CJ33" s="280">
        <v>0</v>
      </c>
      <c r="CK33" s="277">
        <v>0</v>
      </c>
      <c r="CL33" s="282">
        <v>0</v>
      </c>
      <c r="CM33" s="276">
        <v>0</v>
      </c>
      <c r="CN33" s="280">
        <v>0</v>
      </c>
      <c r="CO33" s="277">
        <v>0</v>
      </c>
      <c r="CP33" s="279">
        <v>0</v>
      </c>
      <c r="CQ33" s="280">
        <v>0</v>
      </c>
      <c r="CR33" s="280">
        <v>0</v>
      </c>
      <c r="CS33" s="280">
        <v>0</v>
      </c>
      <c r="CT33" s="280">
        <v>0</v>
      </c>
      <c r="CU33" s="280">
        <v>0</v>
      </c>
      <c r="CV33" s="277">
        <v>0</v>
      </c>
      <c r="CW33" s="282">
        <v>0</v>
      </c>
      <c r="CX33" s="276">
        <v>0</v>
      </c>
      <c r="CY33" s="280">
        <v>0</v>
      </c>
      <c r="CZ33" s="277">
        <v>0</v>
      </c>
      <c r="DA33" s="279">
        <v>0</v>
      </c>
      <c r="DB33" s="280">
        <v>0</v>
      </c>
      <c r="DC33" s="280">
        <v>0</v>
      </c>
      <c r="DD33" s="280">
        <v>0</v>
      </c>
      <c r="DE33" s="280">
        <v>0</v>
      </c>
      <c r="DF33" s="280">
        <v>0</v>
      </c>
      <c r="DG33" s="277">
        <v>0</v>
      </c>
      <c r="DH33" s="282">
        <v>0</v>
      </c>
    </row>
    <row r="34" spans="2:112" ht="21" customHeight="1" x14ac:dyDescent="0.2">
      <c r="B34" s="261" t="s">
        <v>32</v>
      </c>
      <c r="C34" s="276">
        <v>0</v>
      </c>
      <c r="D34" s="277">
        <v>0</v>
      </c>
      <c r="E34" s="278">
        <v>0</v>
      </c>
      <c r="F34" s="279">
        <v>0</v>
      </c>
      <c r="G34" s="280">
        <v>0</v>
      </c>
      <c r="H34" s="280">
        <v>0</v>
      </c>
      <c r="I34" s="280">
        <v>0</v>
      </c>
      <c r="J34" s="280">
        <v>123</v>
      </c>
      <c r="K34" s="280">
        <v>0</v>
      </c>
      <c r="L34" s="281">
        <v>123</v>
      </c>
      <c r="M34" s="282">
        <v>123</v>
      </c>
      <c r="N34" s="276">
        <v>0</v>
      </c>
      <c r="O34" s="280">
        <v>0</v>
      </c>
      <c r="P34" s="277">
        <v>0</v>
      </c>
      <c r="Q34" s="279">
        <v>0</v>
      </c>
      <c r="R34" s="280">
        <v>0</v>
      </c>
      <c r="S34" s="280">
        <v>0</v>
      </c>
      <c r="T34" s="280">
        <v>0</v>
      </c>
      <c r="U34" s="280">
        <v>0</v>
      </c>
      <c r="V34" s="280">
        <v>0</v>
      </c>
      <c r="W34" s="277">
        <v>0</v>
      </c>
      <c r="X34" s="282">
        <v>0</v>
      </c>
      <c r="Y34" s="276">
        <v>0</v>
      </c>
      <c r="Z34" s="280">
        <v>0</v>
      </c>
      <c r="AA34" s="277">
        <v>0</v>
      </c>
      <c r="AB34" s="279">
        <v>0</v>
      </c>
      <c r="AC34" s="280">
        <v>0</v>
      </c>
      <c r="AD34" s="280">
        <v>12</v>
      </c>
      <c r="AE34" s="280">
        <v>0</v>
      </c>
      <c r="AF34" s="280">
        <v>0</v>
      </c>
      <c r="AG34" s="280">
        <v>0</v>
      </c>
      <c r="AH34" s="277">
        <v>12</v>
      </c>
      <c r="AI34" s="282">
        <v>12</v>
      </c>
      <c r="AJ34" s="276">
        <v>8</v>
      </c>
      <c r="AK34" s="280">
        <v>0</v>
      </c>
      <c r="AL34" s="277">
        <v>8</v>
      </c>
      <c r="AM34" s="279">
        <v>0</v>
      </c>
      <c r="AN34" s="280">
        <v>0</v>
      </c>
      <c r="AO34" s="280">
        <v>0</v>
      </c>
      <c r="AP34" s="280">
        <v>0</v>
      </c>
      <c r="AQ34" s="280">
        <v>6</v>
      </c>
      <c r="AR34" s="280">
        <v>0</v>
      </c>
      <c r="AS34" s="277">
        <v>6</v>
      </c>
      <c r="AT34" s="282">
        <v>14</v>
      </c>
      <c r="AU34" s="276">
        <v>0</v>
      </c>
      <c r="AV34" s="280">
        <v>0</v>
      </c>
      <c r="AW34" s="277">
        <v>0</v>
      </c>
      <c r="AX34" s="279">
        <v>0</v>
      </c>
      <c r="AY34" s="280">
        <v>33</v>
      </c>
      <c r="AZ34" s="280">
        <v>28</v>
      </c>
      <c r="BA34" s="280">
        <v>0</v>
      </c>
      <c r="BB34" s="280">
        <v>0</v>
      </c>
      <c r="BC34" s="280">
        <v>0</v>
      </c>
      <c r="BD34" s="281">
        <v>61</v>
      </c>
      <c r="BE34" s="282">
        <v>61</v>
      </c>
      <c r="BF34" s="276">
        <v>0</v>
      </c>
      <c r="BG34" s="280">
        <v>0</v>
      </c>
      <c r="BH34" s="277">
        <v>0</v>
      </c>
      <c r="BI34" s="279">
        <v>0</v>
      </c>
      <c r="BJ34" s="280">
        <v>0</v>
      </c>
      <c r="BK34" s="280">
        <v>0</v>
      </c>
      <c r="BL34" s="280">
        <v>7</v>
      </c>
      <c r="BM34" s="280">
        <v>5</v>
      </c>
      <c r="BN34" s="280">
        <v>0</v>
      </c>
      <c r="BO34" s="277">
        <v>12</v>
      </c>
      <c r="BP34" s="282">
        <v>12</v>
      </c>
      <c r="BQ34" s="276">
        <v>0</v>
      </c>
      <c r="BR34" s="280">
        <v>0</v>
      </c>
      <c r="BS34" s="277">
        <v>0</v>
      </c>
      <c r="BT34" s="279">
        <v>0</v>
      </c>
      <c r="BU34" s="280">
        <v>0</v>
      </c>
      <c r="BV34" s="280">
        <v>0</v>
      </c>
      <c r="BW34" s="280">
        <v>2</v>
      </c>
      <c r="BX34" s="280">
        <v>5</v>
      </c>
      <c r="BY34" s="280">
        <v>0</v>
      </c>
      <c r="BZ34" s="277">
        <v>7</v>
      </c>
      <c r="CA34" s="282">
        <v>7</v>
      </c>
      <c r="CB34" s="276">
        <v>0</v>
      </c>
      <c r="CC34" s="280">
        <v>0</v>
      </c>
      <c r="CD34" s="277">
        <v>0</v>
      </c>
      <c r="CE34" s="279">
        <v>0</v>
      </c>
      <c r="CF34" s="280">
        <v>0</v>
      </c>
      <c r="CG34" s="280">
        <v>0</v>
      </c>
      <c r="CH34" s="280">
        <v>0</v>
      </c>
      <c r="CI34" s="280">
        <v>0</v>
      </c>
      <c r="CJ34" s="280">
        <v>0</v>
      </c>
      <c r="CK34" s="277">
        <v>0</v>
      </c>
      <c r="CL34" s="282">
        <v>0</v>
      </c>
      <c r="CM34" s="276">
        <v>0</v>
      </c>
      <c r="CN34" s="280">
        <v>0</v>
      </c>
      <c r="CO34" s="277">
        <v>0</v>
      </c>
      <c r="CP34" s="279">
        <v>0</v>
      </c>
      <c r="CQ34" s="280">
        <v>0</v>
      </c>
      <c r="CR34" s="280">
        <v>0</v>
      </c>
      <c r="CS34" s="280">
        <v>0</v>
      </c>
      <c r="CT34" s="280">
        <v>0</v>
      </c>
      <c r="CU34" s="280">
        <v>0</v>
      </c>
      <c r="CV34" s="277">
        <v>0</v>
      </c>
      <c r="CW34" s="282">
        <v>0</v>
      </c>
      <c r="CX34" s="276">
        <v>0</v>
      </c>
      <c r="CY34" s="280">
        <v>0</v>
      </c>
      <c r="CZ34" s="277">
        <v>0</v>
      </c>
      <c r="DA34" s="279">
        <v>0</v>
      </c>
      <c r="DB34" s="280">
        <v>0</v>
      </c>
      <c r="DC34" s="280">
        <v>0</v>
      </c>
      <c r="DD34" s="280">
        <v>0</v>
      </c>
      <c r="DE34" s="280">
        <v>0</v>
      </c>
      <c r="DF34" s="280">
        <v>0</v>
      </c>
      <c r="DG34" s="277">
        <v>0</v>
      </c>
      <c r="DH34" s="282">
        <v>0</v>
      </c>
    </row>
    <row r="35" spans="2:112" ht="21" customHeight="1" x14ac:dyDescent="0.2">
      <c r="B35" s="261" t="s">
        <v>33</v>
      </c>
      <c r="C35" s="276">
        <v>0</v>
      </c>
      <c r="D35" s="277">
        <v>0</v>
      </c>
      <c r="E35" s="278">
        <v>0</v>
      </c>
      <c r="F35" s="279">
        <v>0</v>
      </c>
      <c r="G35" s="280">
        <v>31</v>
      </c>
      <c r="H35" s="280">
        <v>0</v>
      </c>
      <c r="I35" s="280">
        <v>12</v>
      </c>
      <c r="J35" s="280">
        <v>4</v>
      </c>
      <c r="K35" s="280">
        <v>0</v>
      </c>
      <c r="L35" s="281">
        <v>47</v>
      </c>
      <c r="M35" s="282">
        <v>47</v>
      </c>
      <c r="N35" s="276">
        <v>0</v>
      </c>
      <c r="O35" s="280">
        <v>0</v>
      </c>
      <c r="P35" s="277">
        <v>0</v>
      </c>
      <c r="Q35" s="279">
        <v>0</v>
      </c>
      <c r="R35" s="280">
        <v>0</v>
      </c>
      <c r="S35" s="280">
        <v>0</v>
      </c>
      <c r="T35" s="280">
        <v>5</v>
      </c>
      <c r="U35" s="280">
        <v>0</v>
      </c>
      <c r="V35" s="280">
        <v>0</v>
      </c>
      <c r="W35" s="277">
        <v>5</v>
      </c>
      <c r="X35" s="282">
        <v>5</v>
      </c>
      <c r="Y35" s="276">
        <v>0</v>
      </c>
      <c r="Z35" s="280">
        <v>0</v>
      </c>
      <c r="AA35" s="277">
        <v>0</v>
      </c>
      <c r="AB35" s="279">
        <v>0</v>
      </c>
      <c r="AC35" s="280">
        <v>0</v>
      </c>
      <c r="AD35" s="280">
        <v>4</v>
      </c>
      <c r="AE35" s="280">
        <v>40</v>
      </c>
      <c r="AF35" s="280">
        <v>4</v>
      </c>
      <c r="AG35" s="280">
        <v>0</v>
      </c>
      <c r="AH35" s="277">
        <v>48</v>
      </c>
      <c r="AI35" s="282">
        <v>48</v>
      </c>
      <c r="AJ35" s="276">
        <v>0</v>
      </c>
      <c r="AK35" s="280">
        <v>6</v>
      </c>
      <c r="AL35" s="277">
        <v>6</v>
      </c>
      <c r="AM35" s="279">
        <v>0</v>
      </c>
      <c r="AN35" s="280">
        <v>12</v>
      </c>
      <c r="AO35" s="280">
        <v>22</v>
      </c>
      <c r="AP35" s="280">
        <v>12</v>
      </c>
      <c r="AQ35" s="280">
        <v>21</v>
      </c>
      <c r="AR35" s="280">
        <v>3</v>
      </c>
      <c r="AS35" s="277">
        <v>70</v>
      </c>
      <c r="AT35" s="282">
        <v>76</v>
      </c>
      <c r="AU35" s="276">
        <v>0</v>
      </c>
      <c r="AV35" s="280">
        <v>0</v>
      </c>
      <c r="AW35" s="277">
        <v>0</v>
      </c>
      <c r="AX35" s="279">
        <v>0</v>
      </c>
      <c r="AY35" s="280">
        <v>13</v>
      </c>
      <c r="AZ35" s="280">
        <v>0</v>
      </c>
      <c r="BA35" s="280">
        <v>0</v>
      </c>
      <c r="BB35" s="280">
        <v>0</v>
      </c>
      <c r="BC35" s="280">
        <v>0</v>
      </c>
      <c r="BD35" s="281">
        <v>13</v>
      </c>
      <c r="BE35" s="282">
        <v>13</v>
      </c>
      <c r="BF35" s="276">
        <v>0</v>
      </c>
      <c r="BG35" s="280">
        <v>0</v>
      </c>
      <c r="BH35" s="277">
        <v>0</v>
      </c>
      <c r="BI35" s="279">
        <v>0</v>
      </c>
      <c r="BJ35" s="280">
        <v>5</v>
      </c>
      <c r="BK35" s="280">
        <v>0</v>
      </c>
      <c r="BL35" s="280">
        <v>0</v>
      </c>
      <c r="BM35" s="280">
        <v>0</v>
      </c>
      <c r="BN35" s="280">
        <v>0</v>
      </c>
      <c r="BO35" s="277">
        <v>5</v>
      </c>
      <c r="BP35" s="282">
        <v>5</v>
      </c>
      <c r="BQ35" s="276">
        <v>0</v>
      </c>
      <c r="BR35" s="280">
        <v>0</v>
      </c>
      <c r="BS35" s="277">
        <v>0</v>
      </c>
      <c r="BT35" s="279">
        <v>0</v>
      </c>
      <c r="BU35" s="280">
        <v>0</v>
      </c>
      <c r="BV35" s="280">
        <v>0</v>
      </c>
      <c r="BW35" s="280">
        <v>3</v>
      </c>
      <c r="BX35" s="280">
        <v>30</v>
      </c>
      <c r="BY35" s="280">
        <v>0</v>
      </c>
      <c r="BZ35" s="277">
        <v>33</v>
      </c>
      <c r="CA35" s="282">
        <v>33</v>
      </c>
      <c r="CB35" s="276">
        <v>0</v>
      </c>
      <c r="CC35" s="280">
        <v>0</v>
      </c>
      <c r="CD35" s="277">
        <v>0</v>
      </c>
      <c r="CE35" s="279">
        <v>0</v>
      </c>
      <c r="CF35" s="280">
        <v>0</v>
      </c>
      <c r="CG35" s="280">
        <v>0</v>
      </c>
      <c r="CH35" s="280">
        <v>13</v>
      </c>
      <c r="CI35" s="280">
        <v>0</v>
      </c>
      <c r="CJ35" s="280">
        <v>0</v>
      </c>
      <c r="CK35" s="277">
        <v>13</v>
      </c>
      <c r="CL35" s="282">
        <v>13</v>
      </c>
      <c r="CM35" s="276">
        <v>0</v>
      </c>
      <c r="CN35" s="280">
        <v>0</v>
      </c>
      <c r="CO35" s="277">
        <v>0</v>
      </c>
      <c r="CP35" s="279">
        <v>0</v>
      </c>
      <c r="CQ35" s="280">
        <v>0</v>
      </c>
      <c r="CR35" s="280">
        <v>0</v>
      </c>
      <c r="CS35" s="280">
        <v>0</v>
      </c>
      <c r="CT35" s="280">
        <v>0</v>
      </c>
      <c r="CU35" s="280">
        <v>0</v>
      </c>
      <c r="CV35" s="277">
        <v>0</v>
      </c>
      <c r="CW35" s="282">
        <v>0</v>
      </c>
      <c r="CX35" s="276">
        <v>0</v>
      </c>
      <c r="CY35" s="280">
        <v>0</v>
      </c>
      <c r="CZ35" s="277">
        <v>0</v>
      </c>
      <c r="DA35" s="279">
        <v>0</v>
      </c>
      <c r="DB35" s="280">
        <v>0</v>
      </c>
      <c r="DC35" s="280">
        <v>0</v>
      </c>
      <c r="DD35" s="280">
        <v>0</v>
      </c>
      <c r="DE35" s="280">
        <v>0</v>
      </c>
      <c r="DF35" s="280">
        <v>0</v>
      </c>
      <c r="DG35" s="277">
        <v>0</v>
      </c>
      <c r="DH35" s="282">
        <v>0</v>
      </c>
    </row>
    <row r="36" spans="2:112" ht="21" customHeight="1" x14ac:dyDescent="0.2">
      <c r="B36" s="261" t="s">
        <v>34</v>
      </c>
      <c r="C36" s="276">
        <v>0</v>
      </c>
      <c r="D36" s="277">
        <v>0</v>
      </c>
      <c r="E36" s="278">
        <v>0</v>
      </c>
      <c r="F36" s="279">
        <v>0</v>
      </c>
      <c r="G36" s="280">
        <v>7</v>
      </c>
      <c r="H36" s="280">
        <v>0</v>
      </c>
      <c r="I36" s="280">
        <v>0</v>
      </c>
      <c r="J36" s="280">
        <v>0</v>
      </c>
      <c r="K36" s="280">
        <v>0</v>
      </c>
      <c r="L36" s="281">
        <v>7</v>
      </c>
      <c r="M36" s="282">
        <v>7</v>
      </c>
      <c r="N36" s="276">
        <v>0</v>
      </c>
      <c r="O36" s="280">
        <v>0</v>
      </c>
      <c r="P36" s="277">
        <v>0</v>
      </c>
      <c r="Q36" s="279">
        <v>0</v>
      </c>
      <c r="R36" s="280">
        <v>0</v>
      </c>
      <c r="S36" s="280">
        <v>0</v>
      </c>
      <c r="T36" s="280">
        <v>0</v>
      </c>
      <c r="U36" s="280">
        <v>0</v>
      </c>
      <c r="V36" s="280">
        <v>0</v>
      </c>
      <c r="W36" s="277">
        <v>0</v>
      </c>
      <c r="X36" s="282">
        <v>0</v>
      </c>
      <c r="Y36" s="276">
        <v>0</v>
      </c>
      <c r="Z36" s="280">
        <v>0</v>
      </c>
      <c r="AA36" s="277">
        <v>0</v>
      </c>
      <c r="AB36" s="279">
        <v>0</v>
      </c>
      <c r="AC36" s="280">
        <v>0</v>
      </c>
      <c r="AD36" s="280">
        <v>0</v>
      </c>
      <c r="AE36" s="280">
        <v>0</v>
      </c>
      <c r="AF36" s="280">
        <v>0</v>
      </c>
      <c r="AG36" s="280">
        <v>0</v>
      </c>
      <c r="AH36" s="277">
        <v>0</v>
      </c>
      <c r="AI36" s="282">
        <v>0</v>
      </c>
      <c r="AJ36" s="276">
        <v>0</v>
      </c>
      <c r="AK36" s="280">
        <v>0</v>
      </c>
      <c r="AL36" s="277">
        <v>0</v>
      </c>
      <c r="AM36" s="279">
        <v>0</v>
      </c>
      <c r="AN36" s="280">
        <v>0</v>
      </c>
      <c r="AO36" s="280">
        <v>0</v>
      </c>
      <c r="AP36" s="280">
        <v>0</v>
      </c>
      <c r="AQ36" s="280">
        <v>0</v>
      </c>
      <c r="AR36" s="280">
        <v>0</v>
      </c>
      <c r="AS36" s="277">
        <v>0</v>
      </c>
      <c r="AT36" s="282">
        <v>0</v>
      </c>
      <c r="AU36" s="276">
        <v>0</v>
      </c>
      <c r="AV36" s="280">
        <v>0</v>
      </c>
      <c r="AW36" s="277">
        <v>0</v>
      </c>
      <c r="AX36" s="279">
        <v>0</v>
      </c>
      <c r="AY36" s="280">
        <v>0</v>
      </c>
      <c r="AZ36" s="280">
        <v>22</v>
      </c>
      <c r="BA36" s="280">
        <v>24</v>
      </c>
      <c r="BB36" s="280">
        <v>0</v>
      </c>
      <c r="BC36" s="280">
        <v>10</v>
      </c>
      <c r="BD36" s="281">
        <v>56</v>
      </c>
      <c r="BE36" s="282">
        <v>56</v>
      </c>
      <c r="BF36" s="276">
        <v>0</v>
      </c>
      <c r="BG36" s="280">
        <v>0</v>
      </c>
      <c r="BH36" s="277">
        <v>0</v>
      </c>
      <c r="BI36" s="279">
        <v>0</v>
      </c>
      <c r="BJ36" s="280">
        <v>6</v>
      </c>
      <c r="BK36" s="280">
        <v>0</v>
      </c>
      <c r="BL36" s="280">
        <v>0</v>
      </c>
      <c r="BM36" s="280">
        <v>0</v>
      </c>
      <c r="BN36" s="280">
        <v>0</v>
      </c>
      <c r="BO36" s="277">
        <v>6</v>
      </c>
      <c r="BP36" s="282">
        <v>6</v>
      </c>
      <c r="BQ36" s="276">
        <v>0</v>
      </c>
      <c r="BR36" s="280">
        <v>0</v>
      </c>
      <c r="BS36" s="277">
        <v>0</v>
      </c>
      <c r="BT36" s="279">
        <v>0</v>
      </c>
      <c r="BU36" s="280">
        <v>0</v>
      </c>
      <c r="BV36" s="280">
        <v>0</v>
      </c>
      <c r="BW36" s="280">
        <v>0</v>
      </c>
      <c r="BX36" s="280">
        <v>0</v>
      </c>
      <c r="BY36" s="280">
        <v>0</v>
      </c>
      <c r="BZ36" s="277">
        <v>0</v>
      </c>
      <c r="CA36" s="282">
        <v>0</v>
      </c>
      <c r="CB36" s="276">
        <v>0</v>
      </c>
      <c r="CC36" s="280">
        <v>0</v>
      </c>
      <c r="CD36" s="277">
        <v>0</v>
      </c>
      <c r="CE36" s="279">
        <v>0</v>
      </c>
      <c r="CF36" s="280">
        <v>0</v>
      </c>
      <c r="CG36" s="280">
        <v>0</v>
      </c>
      <c r="CH36" s="280">
        <v>0</v>
      </c>
      <c r="CI36" s="280">
        <v>0</v>
      </c>
      <c r="CJ36" s="280">
        <v>0</v>
      </c>
      <c r="CK36" s="277">
        <v>0</v>
      </c>
      <c r="CL36" s="282">
        <v>0</v>
      </c>
      <c r="CM36" s="276">
        <v>0</v>
      </c>
      <c r="CN36" s="280">
        <v>0</v>
      </c>
      <c r="CO36" s="277">
        <v>0</v>
      </c>
      <c r="CP36" s="279">
        <v>0</v>
      </c>
      <c r="CQ36" s="280">
        <v>0</v>
      </c>
      <c r="CR36" s="280">
        <v>0</v>
      </c>
      <c r="CS36" s="280">
        <v>0</v>
      </c>
      <c r="CT36" s="280">
        <v>0</v>
      </c>
      <c r="CU36" s="280">
        <v>0</v>
      </c>
      <c r="CV36" s="277">
        <v>0</v>
      </c>
      <c r="CW36" s="282">
        <v>0</v>
      </c>
      <c r="CX36" s="276">
        <v>0</v>
      </c>
      <c r="CY36" s="280">
        <v>0</v>
      </c>
      <c r="CZ36" s="277">
        <v>0</v>
      </c>
      <c r="DA36" s="279">
        <v>0</v>
      </c>
      <c r="DB36" s="280">
        <v>0</v>
      </c>
      <c r="DC36" s="280">
        <v>0</v>
      </c>
      <c r="DD36" s="280">
        <v>0</v>
      </c>
      <c r="DE36" s="280">
        <v>0</v>
      </c>
      <c r="DF36" s="280">
        <v>0</v>
      </c>
      <c r="DG36" s="277">
        <v>0</v>
      </c>
      <c r="DH36" s="282">
        <v>0</v>
      </c>
    </row>
    <row r="37" spans="2:112" ht="21" customHeight="1" x14ac:dyDescent="0.2">
      <c r="B37" s="261" t="s">
        <v>35</v>
      </c>
      <c r="C37" s="276">
        <v>0</v>
      </c>
      <c r="D37" s="277">
        <v>0</v>
      </c>
      <c r="E37" s="278">
        <v>0</v>
      </c>
      <c r="F37" s="279">
        <v>0</v>
      </c>
      <c r="G37" s="280">
        <v>88</v>
      </c>
      <c r="H37" s="280">
        <v>32</v>
      </c>
      <c r="I37" s="280">
        <v>21</v>
      </c>
      <c r="J37" s="280">
        <v>82</v>
      </c>
      <c r="K37" s="280">
        <v>0</v>
      </c>
      <c r="L37" s="281">
        <v>223</v>
      </c>
      <c r="M37" s="282">
        <v>223</v>
      </c>
      <c r="N37" s="276">
        <v>0</v>
      </c>
      <c r="O37" s="280">
        <v>0</v>
      </c>
      <c r="P37" s="277">
        <v>0</v>
      </c>
      <c r="Q37" s="279">
        <v>0</v>
      </c>
      <c r="R37" s="280">
        <v>0</v>
      </c>
      <c r="S37" s="280">
        <v>0</v>
      </c>
      <c r="T37" s="280">
        <v>0</v>
      </c>
      <c r="U37" s="280">
        <v>0</v>
      </c>
      <c r="V37" s="280">
        <v>0</v>
      </c>
      <c r="W37" s="277">
        <v>0</v>
      </c>
      <c r="X37" s="282">
        <v>0</v>
      </c>
      <c r="Y37" s="276">
        <v>0</v>
      </c>
      <c r="Z37" s="280">
        <v>14</v>
      </c>
      <c r="AA37" s="277">
        <v>14</v>
      </c>
      <c r="AB37" s="279">
        <v>0</v>
      </c>
      <c r="AC37" s="280">
        <v>28</v>
      </c>
      <c r="AD37" s="280">
        <v>10</v>
      </c>
      <c r="AE37" s="280">
        <v>5</v>
      </c>
      <c r="AF37" s="280">
        <v>45</v>
      </c>
      <c r="AG37" s="280">
        <v>0</v>
      </c>
      <c r="AH37" s="277">
        <v>88</v>
      </c>
      <c r="AI37" s="282">
        <v>102</v>
      </c>
      <c r="AJ37" s="276">
        <v>0</v>
      </c>
      <c r="AK37" s="280">
        <v>0</v>
      </c>
      <c r="AL37" s="277">
        <v>0</v>
      </c>
      <c r="AM37" s="279">
        <v>0</v>
      </c>
      <c r="AN37" s="280">
        <v>15</v>
      </c>
      <c r="AO37" s="280">
        <v>0</v>
      </c>
      <c r="AP37" s="280">
        <v>0</v>
      </c>
      <c r="AQ37" s="280">
        <v>0</v>
      </c>
      <c r="AR37" s="280">
        <v>0</v>
      </c>
      <c r="AS37" s="277">
        <v>15</v>
      </c>
      <c r="AT37" s="282">
        <v>15</v>
      </c>
      <c r="AU37" s="276">
        <v>0</v>
      </c>
      <c r="AV37" s="280">
        <v>0</v>
      </c>
      <c r="AW37" s="277">
        <v>0</v>
      </c>
      <c r="AX37" s="279">
        <v>0</v>
      </c>
      <c r="AY37" s="280">
        <v>26</v>
      </c>
      <c r="AZ37" s="280">
        <v>27</v>
      </c>
      <c r="BA37" s="280">
        <v>8</v>
      </c>
      <c r="BB37" s="280">
        <v>9</v>
      </c>
      <c r="BC37" s="280">
        <v>0</v>
      </c>
      <c r="BD37" s="281">
        <v>70</v>
      </c>
      <c r="BE37" s="282">
        <v>70</v>
      </c>
      <c r="BF37" s="276">
        <v>0</v>
      </c>
      <c r="BG37" s="280">
        <v>0</v>
      </c>
      <c r="BH37" s="277">
        <v>0</v>
      </c>
      <c r="BI37" s="279">
        <v>0</v>
      </c>
      <c r="BJ37" s="280">
        <v>6</v>
      </c>
      <c r="BK37" s="280">
        <v>13</v>
      </c>
      <c r="BL37" s="280">
        <v>0</v>
      </c>
      <c r="BM37" s="280">
        <v>11</v>
      </c>
      <c r="BN37" s="280">
        <v>0</v>
      </c>
      <c r="BO37" s="277">
        <v>30</v>
      </c>
      <c r="BP37" s="282">
        <v>30</v>
      </c>
      <c r="BQ37" s="276">
        <v>0</v>
      </c>
      <c r="BR37" s="280">
        <v>0</v>
      </c>
      <c r="BS37" s="277">
        <v>0</v>
      </c>
      <c r="BT37" s="279">
        <v>0</v>
      </c>
      <c r="BU37" s="280">
        <v>5</v>
      </c>
      <c r="BV37" s="280">
        <v>0</v>
      </c>
      <c r="BW37" s="280">
        <v>0</v>
      </c>
      <c r="BX37" s="280">
        <v>25</v>
      </c>
      <c r="BY37" s="280">
        <v>0</v>
      </c>
      <c r="BZ37" s="277">
        <v>30</v>
      </c>
      <c r="CA37" s="282">
        <v>30</v>
      </c>
      <c r="CB37" s="276">
        <v>0</v>
      </c>
      <c r="CC37" s="280">
        <v>0</v>
      </c>
      <c r="CD37" s="277">
        <v>0</v>
      </c>
      <c r="CE37" s="279">
        <v>0</v>
      </c>
      <c r="CF37" s="280">
        <v>0</v>
      </c>
      <c r="CG37" s="280">
        <v>0</v>
      </c>
      <c r="CH37" s="280">
        <v>0</v>
      </c>
      <c r="CI37" s="280">
        <v>0</v>
      </c>
      <c r="CJ37" s="280">
        <v>0</v>
      </c>
      <c r="CK37" s="277">
        <v>0</v>
      </c>
      <c r="CL37" s="282">
        <v>0</v>
      </c>
      <c r="CM37" s="276">
        <v>0</v>
      </c>
      <c r="CN37" s="280">
        <v>0</v>
      </c>
      <c r="CO37" s="277">
        <v>0</v>
      </c>
      <c r="CP37" s="279">
        <v>0</v>
      </c>
      <c r="CQ37" s="280">
        <v>0</v>
      </c>
      <c r="CR37" s="280">
        <v>0</v>
      </c>
      <c r="CS37" s="280">
        <v>0</v>
      </c>
      <c r="CT37" s="280">
        <v>0</v>
      </c>
      <c r="CU37" s="280">
        <v>0</v>
      </c>
      <c r="CV37" s="277">
        <v>0</v>
      </c>
      <c r="CW37" s="282">
        <v>0</v>
      </c>
      <c r="CX37" s="276">
        <v>0</v>
      </c>
      <c r="CY37" s="280">
        <v>0</v>
      </c>
      <c r="CZ37" s="277">
        <v>0</v>
      </c>
      <c r="DA37" s="279">
        <v>0</v>
      </c>
      <c r="DB37" s="280">
        <v>0</v>
      </c>
      <c r="DC37" s="280">
        <v>0</v>
      </c>
      <c r="DD37" s="280">
        <v>0</v>
      </c>
      <c r="DE37" s="280">
        <v>0</v>
      </c>
      <c r="DF37" s="280">
        <v>0</v>
      </c>
      <c r="DG37" s="277">
        <v>0</v>
      </c>
      <c r="DH37" s="282">
        <v>0</v>
      </c>
    </row>
    <row r="38" spans="2:112" ht="21" customHeight="1" x14ac:dyDescent="0.2">
      <c r="B38" s="261" t="s">
        <v>36</v>
      </c>
      <c r="C38" s="276">
        <v>0</v>
      </c>
      <c r="D38" s="277">
        <v>0</v>
      </c>
      <c r="E38" s="278">
        <v>0</v>
      </c>
      <c r="F38" s="279">
        <v>0</v>
      </c>
      <c r="G38" s="280">
        <v>11</v>
      </c>
      <c r="H38" s="280">
        <v>6</v>
      </c>
      <c r="I38" s="280">
        <v>32</v>
      </c>
      <c r="J38" s="280">
        <v>0</v>
      </c>
      <c r="K38" s="280">
        <v>0</v>
      </c>
      <c r="L38" s="281">
        <v>49</v>
      </c>
      <c r="M38" s="282">
        <v>49</v>
      </c>
      <c r="N38" s="276">
        <v>0</v>
      </c>
      <c r="O38" s="280">
        <v>0</v>
      </c>
      <c r="P38" s="277">
        <v>0</v>
      </c>
      <c r="Q38" s="279">
        <v>0</v>
      </c>
      <c r="R38" s="280">
        <v>2</v>
      </c>
      <c r="S38" s="280">
        <v>0</v>
      </c>
      <c r="T38" s="280">
        <v>0</v>
      </c>
      <c r="U38" s="280">
        <v>0</v>
      </c>
      <c r="V38" s="280">
        <v>0</v>
      </c>
      <c r="W38" s="277">
        <v>2</v>
      </c>
      <c r="X38" s="282">
        <v>2</v>
      </c>
      <c r="Y38" s="276">
        <v>0</v>
      </c>
      <c r="Z38" s="280">
        <v>18</v>
      </c>
      <c r="AA38" s="277">
        <v>18</v>
      </c>
      <c r="AB38" s="279">
        <v>0</v>
      </c>
      <c r="AC38" s="280">
        <v>18</v>
      </c>
      <c r="AD38" s="280">
        <v>11</v>
      </c>
      <c r="AE38" s="280">
        <v>15</v>
      </c>
      <c r="AF38" s="280">
        <v>4</v>
      </c>
      <c r="AG38" s="280">
        <v>0</v>
      </c>
      <c r="AH38" s="277">
        <v>48</v>
      </c>
      <c r="AI38" s="282">
        <v>66</v>
      </c>
      <c r="AJ38" s="276">
        <v>0</v>
      </c>
      <c r="AK38" s="280">
        <v>0</v>
      </c>
      <c r="AL38" s="277">
        <v>0</v>
      </c>
      <c r="AM38" s="279">
        <v>0</v>
      </c>
      <c r="AN38" s="280">
        <v>14</v>
      </c>
      <c r="AO38" s="280">
        <v>0</v>
      </c>
      <c r="AP38" s="280">
        <v>0</v>
      </c>
      <c r="AQ38" s="280">
        <v>0</v>
      </c>
      <c r="AR38" s="280">
        <v>0</v>
      </c>
      <c r="AS38" s="277">
        <v>14</v>
      </c>
      <c r="AT38" s="282">
        <v>14</v>
      </c>
      <c r="AU38" s="276">
        <v>0</v>
      </c>
      <c r="AV38" s="280">
        <v>0</v>
      </c>
      <c r="AW38" s="277">
        <v>0</v>
      </c>
      <c r="AX38" s="279">
        <v>0</v>
      </c>
      <c r="AY38" s="280">
        <v>21</v>
      </c>
      <c r="AZ38" s="280">
        <v>5</v>
      </c>
      <c r="BA38" s="280">
        <v>18</v>
      </c>
      <c r="BB38" s="280">
        <v>14</v>
      </c>
      <c r="BC38" s="280">
        <v>5</v>
      </c>
      <c r="BD38" s="281">
        <v>63</v>
      </c>
      <c r="BE38" s="282">
        <v>63</v>
      </c>
      <c r="BF38" s="276">
        <v>0</v>
      </c>
      <c r="BG38" s="280">
        <v>0</v>
      </c>
      <c r="BH38" s="277">
        <v>0</v>
      </c>
      <c r="BI38" s="279">
        <v>0</v>
      </c>
      <c r="BJ38" s="280">
        <v>3</v>
      </c>
      <c r="BK38" s="280">
        <v>0</v>
      </c>
      <c r="BL38" s="280">
        <v>0</v>
      </c>
      <c r="BM38" s="280">
        <v>0</v>
      </c>
      <c r="BN38" s="280">
        <v>0</v>
      </c>
      <c r="BO38" s="277">
        <v>3</v>
      </c>
      <c r="BP38" s="282">
        <v>3</v>
      </c>
      <c r="BQ38" s="276">
        <v>0</v>
      </c>
      <c r="BR38" s="280">
        <v>0</v>
      </c>
      <c r="BS38" s="277">
        <v>0</v>
      </c>
      <c r="BT38" s="279">
        <v>0</v>
      </c>
      <c r="BU38" s="280">
        <v>0</v>
      </c>
      <c r="BV38" s="280">
        <v>16</v>
      </c>
      <c r="BW38" s="280">
        <v>1</v>
      </c>
      <c r="BX38" s="280">
        <v>0</v>
      </c>
      <c r="BY38" s="280">
        <v>0</v>
      </c>
      <c r="BZ38" s="277">
        <v>17</v>
      </c>
      <c r="CA38" s="282">
        <v>17</v>
      </c>
      <c r="CB38" s="276">
        <v>0</v>
      </c>
      <c r="CC38" s="280">
        <v>0</v>
      </c>
      <c r="CD38" s="277">
        <v>0</v>
      </c>
      <c r="CE38" s="279">
        <v>0</v>
      </c>
      <c r="CF38" s="280">
        <v>0</v>
      </c>
      <c r="CG38" s="280">
        <v>0</v>
      </c>
      <c r="CH38" s="280">
        <v>0</v>
      </c>
      <c r="CI38" s="280">
        <v>0</v>
      </c>
      <c r="CJ38" s="280">
        <v>0</v>
      </c>
      <c r="CK38" s="277">
        <v>0</v>
      </c>
      <c r="CL38" s="282">
        <v>0</v>
      </c>
      <c r="CM38" s="276">
        <v>0</v>
      </c>
      <c r="CN38" s="280">
        <v>0</v>
      </c>
      <c r="CO38" s="277">
        <v>0</v>
      </c>
      <c r="CP38" s="279">
        <v>0</v>
      </c>
      <c r="CQ38" s="280">
        <v>0</v>
      </c>
      <c r="CR38" s="280">
        <v>0</v>
      </c>
      <c r="CS38" s="280">
        <v>0</v>
      </c>
      <c r="CT38" s="280">
        <v>0</v>
      </c>
      <c r="CU38" s="280">
        <v>0</v>
      </c>
      <c r="CV38" s="277">
        <v>0</v>
      </c>
      <c r="CW38" s="282">
        <v>0</v>
      </c>
      <c r="CX38" s="276">
        <v>0</v>
      </c>
      <c r="CY38" s="280">
        <v>0</v>
      </c>
      <c r="CZ38" s="277">
        <v>0</v>
      </c>
      <c r="DA38" s="279">
        <v>0</v>
      </c>
      <c r="DB38" s="280">
        <v>0</v>
      </c>
      <c r="DC38" s="280">
        <v>0</v>
      </c>
      <c r="DD38" s="280">
        <v>0</v>
      </c>
      <c r="DE38" s="280">
        <v>0</v>
      </c>
      <c r="DF38" s="280">
        <v>0</v>
      </c>
      <c r="DG38" s="277">
        <v>0</v>
      </c>
      <c r="DH38" s="282">
        <v>0</v>
      </c>
    </row>
    <row r="39" spans="2:112" ht="21" customHeight="1" thickBot="1" x14ac:dyDescent="0.25">
      <c r="B39" s="262" t="s">
        <v>37</v>
      </c>
      <c r="C39" s="283">
        <v>0</v>
      </c>
      <c r="D39" s="284">
        <v>0</v>
      </c>
      <c r="E39" s="285">
        <v>0</v>
      </c>
      <c r="F39" s="286">
        <v>0</v>
      </c>
      <c r="G39" s="287">
        <v>0</v>
      </c>
      <c r="H39" s="287">
        <v>0</v>
      </c>
      <c r="I39" s="287">
        <v>0</v>
      </c>
      <c r="J39" s="287">
        <v>0</v>
      </c>
      <c r="K39" s="287">
        <v>25</v>
      </c>
      <c r="L39" s="288">
        <v>25</v>
      </c>
      <c r="M39" s="289">
        <v>25</v>
      </c>
      <c r="N39" s="283">
        <v>0</v>
      </c>
      <c r="O39" s="287">
        <v>0</v>
      </c>
      <c r="P39" s="284">
        <v>0</v>
      </c>
      <c r="Q39" s="286">
        <v>0</v>
      </c>
      <c r="R39" s="287">
        <v>0</v>
      </c>
      <c r="S39" s="287">
        <v>0</v>
      </c>
      <c r="T39" s="287">
        <v>0</v>
      </c>
      <c r="U39" s="287">
        <v>0</v>
      </c>
      <c r="V39" s="287">
        <v>0</v>
      </c>
      <c r="W39" s="284">
        <v>0</v>
      </c>
      <c r="X39" s="289">
        <v>0</v>
      </c>
      <c r="Y39" s="283">
        <v>0</v>
      </c>
      <c r="Z39" s="287">
        <v>0</v>
      </c>
      <c r="AA39" s="284">
        <v>0</v>
      </c>
      <c r="AB39" s="286">
        <v>0</v>
      </c>
      <c r="AC39" s="287">
        <v>0</v>
      </c>
      <c r="AD39" s="287">
        <v>0</v>
      </c>
      <c r="AE39" s="287">
        <v>0</v>
      </c>
      <c r="AF39" s="287">
        <v>0</v>
      </c>
      <c r="AG39" s="287">
        <v>4</v>
      </c>
      <c r="AH39" s="284">
        <v>4</v>
      </c>
      <c r="AI39" s="289">
        <v>4</v>
      </c>
      <c r="AJ39" s="283">
        <v>0</v>
      </c>
      <c r="AK39" s="287">
        <v>0</v>
      </c>
      <c r="AL39" s="284">
        <v>0</v>
      </c>
      <c r="AM39" s="286">
        <v>0</v>
      </c>
      <c r="AN39" s="287">
        <v>0</v>
      </c>
      <c r="AO39" s="287">
        <v>0</v>
      </c>
      <c r="AP39" s="287">
        <v>0</v>
      </c>
      <c r="AQ39" s="287">
        <v>0</v>
      </c>
      <c r="AR39" s="287">
        <v>0</v>
      </c>
      <c r="AS39" s="284">
        <v>0</v>
      </c>
      <c r="AT39" s="289">
        <v>0</v>
      </c>
      <c r="AU39" s="283">
        <v>0</v>
      </c>
      <c r="AV39" s="287">
        <v>0</v>
      </c>
      <c r="AW39" s="284">
        <v>0</v>
      </c>
      <c r="AX39" s="286">
        <v>0</v>
      </c>
      <c r="AY39" s="287">
        <v>0</v>
      </c>
      <c r="AZ39" s="287">
        <v>0</v>
      </c>
      <c r="BA39" s="287">
        <v>0</v>
      </c>
      <c r="BB39" s="287">
        <v>0</v>
      </c>
      <c r="BC39" s="287">
        <v>0</v>
      </c>
      <c r="BD39" s="288">
        <v>0</v>
      </c>
      <c r="BE39" s="289">
        <v>0</v>
      </c>
      <c r="BF39" s="283">
        <v>0</v>
      </c>
      <c r="BG39" s="287">
        <v>0</v>
      </c>
      <c r="BH39" s="284">
        <v>0</v>
      </c>
      <c r="BI39" s="286">
        <v>0</v>
      </c>
      <c r="BJ39" s="287">
        <v>0</v>
      </c>
      <c r="BK39" s="287">
        <v>0</v>
      </c>
      <c r="BL39" s="287">
        <v>0</v>
      </c>
      <c r="BM39" s="287">
        <v>0</v>
      </c>
      <c r="BN39" s="287">
        <v>0</v>
      </c>
      <c r="BO39" s="284">
        <v>0</v>
      </c>
      <c r="BP39" s="289">
        <v>0</v>
      </c>
      <c r="BQ39" s="283">
        <v>0</v>
      </c>
      <c r="BR39" s="287">
        <v>0</v>
      </c>
      <c r="BS39" s="284">
        <v>0</v>
      </c>
      <c r="BT39" s="286">
        <v>0</v>
      </c>
      <c r="BU39" s="287">
        <v>0</v>
      </c>
      <c r="BV39" s="287">
        <v>0</v>
      </c>
      <c r="BW39" s="287">
        <v>0</v>
      </c>
      <c r="BX39" s="287">
        <v>0</v>
      </c>
      <c r="BY39" s="287">
        <v>2</v>
      </c>
      <c r="BZ39" s="284">
        <v>2</v>
      </c>
      <c r="CA39" s="289">
        <v>2</v>
      </c>
      <c r="CB39" s="283">
        <v>0</v>
      </c>
      <c r="CC39" s="287">
        <v>0</v>
      </c>
      <c r="CD39" s="284">
        <v>0</v>
      </c>
      <c r="CE39" s="286">
        <v>0</v>
      </c>
      <c r="CF39" s="287">
        <v>0</v>
      </c>
      <c r="CG39" s="287">
        <v>0</v>
      </c>
      <c r="CH39" s="287">
        <v>0</v>
      </c>
      <c r="CI39" s="287">
        <v>0</v>
      </c>
      <c r="CJ39" s="287">
        <v>2</v>
      </c>
      <c r="CK39" s="284">
        <v>2</v>
      </c>
      <c r="CL39" s="289">
        <v>2</v>
      </c>
      <c r="CM39" s="283">
        <v>0</v>
      </c>
      <c r="CN39" s="287">
        <v>0</v>
      </c>
      <c r="CO39" s="284">
        <v>0</v>
      </c>
      <c r="CP39" s="286">
        <v>0</v>
      </c>
      <c r="CQ39" s="287">
        <v>0</v>
      </c>
      <c r="CR39" s="287">
        <v>0</v>
      </c>
      <c r="CS39" s="287">
        <v>0</v>
      </c>
      <c r="CT39" s="287">
        <v>0</v>
      </c>
      <c r="CU39" s="287">
        <v>0</v>
      </c>
      <c r="CV39" s="284">
        <v>0</v>
      </c>
      <c r="CW39" s="289">
        <v>0</v>
      </c>
      <c r="CX39" s="283">
        <v>0</v>
      </c>
      <c r="CY39" s="287">
        <v>0</v>
      </c>
      <c r="CZ39" s="284">
        <v>0</v>
      </c>
      <c r="DA39" s="286">
        <v>0</v>
      </c>
      <c r="DB39" s="287">
        <v>0</v>
      </c>
      <c r="DC39" s="287">
        <v>0</v>
      </c>
      <c r="DD39" s="287">
        <v>0</v>
      </c>
      <c r="DE39" s="287">
        <v>0</v>
      </c>
      <c r="DF39" s="287">
        <v>0</v>
      </c>
      <c r="DG39" s="284">
        <v>0</v>
      </c>
      <c r="DH39" s="289">
        <v>0</v>
      </c>
    </row>
    <row r="40" spans="2:112" ht="27" customHeight="1" x14ac:dyDescent="0.2">
      <c r="C40" s="255" t="s">
        <v>127</v>
      </c>
    </row>
  </sheetData>
  <mergeCells count="43">
    <mergeCell ref="CX3:DH3"/>
    <mergeCell ref="CX4:CZ4"/>
    <mergeCell ref="DA4:DG4"/>
    <mergeCell ref="DH4:DH5"/>
    <mergeCell ref="CB3:CL3"/>
    <mergeCell ref="CM3:CW3"/>
    <mergeCell ref="CB4:CD4"/>
    <mergeCell ref="CE4:CK4"/>
    <mergeCell ref="CL4:CL5"/>
    <mergeCell ref="CM4:CO4"/>
    <mergeCell ref="CP4:CV4"/>
    <mergeCell ref="CW4:CW5"/>
    <mergeCell ref="J1:K1"/>
    <mergeCell ref="M1:N1"/>
    <mergeCell ref="B3:B5"/>
    <mergeCell ref="C3:M3"/>
    <mergeCell ref="N3:X3"/>
    <mergeCell ref="Y3:AI3"/>
    <mergeCell ref="C4:E4"/>
    <mergeCell ref="F4:L4"/>
    <mergeCell ref="M4:M5"/>
    <mergeCell ref="N4:P4"/>
    <mergeCell ref="Q4:W4"/>
    <mergeCell ref="X4:X5"/>
    <mergeCell ref="Y4:AA4"/>
    <mergeCell ref="AB4:AH4"/>
    <mergeCell ref="AI4:AI5"/>
    <mergeCell ref="AJ4:AL4"/>
    <mergeCell ref="AJ3:AT3"/>
    <mergeCell ref="AU3:BE3"/>
    <mergeCell ref="BF3:BP3"/>
    <mergeCell ref="BQ3:CA3"/>
    <mergeCell ref="AM4:AS4"/>
    <mergeCell ref="AT4:AT5"/>
    <mergeCell ref="AU4:AW4"/>
    <mergeCell ref="AX4:BD4"/>
    <mergeCell ref="BE4:BE5"/>
    <mergeCell ref="BF4:BH4"/>
    <mergeCell ref="BI4:BO4"/>
    <mergeCell ref="BP4:BP5"/>
    <mergeCell ref="BQ4:BS4"/>
    <mergeCell ref="BT4:BZ4"/>
    <mergeCell ref="CA4:CA5"/>
  </mergeCells>
  <phoneticPr fontId="4"/>
  <pageMargins left="0.70866141732283472" right="0.70866141732283472" top="0.47244094488188981" bottom="0.59055118110236227" header="0.27559055118110237" footer="0.31496062992125984"/>
  <pageSetup paperSize="9" scale="60" orientation="landscape" r:id="rId1"/>
  <headerFooter>
    <oddFooter>&amp;L&amp;20&amp;A&amp;C&amp;P/&amp;N</oddFooter>
  </headerFooter>
  <colBreaks count="4" manualBreakCount="4">
    <brk id="24" max="39" man="1"/>
    <brk id="46" max="39" man="1"/>
    <brk id="68" max="1048575" man="1"/>
    <brk id="90" max="1048575" man="1"/>
  </colBreaks>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6"/>
    <pageSetUpPr fitToPage="1"/>
  </sheetPr>
  <dimension ref="A1:AI39"/>
  <sheetViews>
    <sheetView zoomScaleNormal="100" zoomScaleSheetLayoutView="75" workbookViewId="0">
      <pane xSplit="2" ySplit="5" topLeftCell="C6" activePane="bottomRight" state="frozen"/>
      <selection activeCell="F37" sqref="F37"/>
      <selection pane="topRight" activeCell="F37" sqref="F37"/>
      <selection pane="bottomLeft" activeCell="F37" sqref="F37"/>
      <selection pane="bottomRight" activeCell="B1" sqref="B1"/>
    </sheetView>
  </sheetViews>
  <sheetFormatPr defaultColWidth="9" defaultRowHeight="13.2" x14ac:dyDescent="0.2"/>
  <cols>
    <col min="1" max="1" width="3.6640625" style="44" customWidth="1"/>
    <col min="2" max="2" width="9" style="1" customWidth="1"/>
    <col min="3" max="5" width="7.77734375" style="3" customWidth="1"/>
    <col min="6" max="6" width="9.109375" style="3" customWidth="1"/>
    <col min="7" max="7" width="9.44140625" style="3" customWidth="1"/>
    <col min="8" max="26" width="7.77734375" style="3" customWidth="1"/>
    <col min="27" max="35" width="7.77734375" style="1" customWidth="1"/>
    <col min="36" max="16384" width="9" style="1"/>
  </cols>
  <sheetData>
    <row r="1" spans="2:35" ht="24" customHeight="1" x14ac:dyDescent="0.2">
      <c r="B1" s="20" t="s">
        <v>129</v>
      </c>
      <c r="F1" s="22"/>
      <c r="H1" s="524">
        <f>第１表!F2</f>
        <v>5</v>
      </c>
      <c r="I1" s="524"/>
      <c r="J1" s="248">
        <f>第１表!G2</f>
        <v>2</v>
      </c>
      <c r="K1" s="555">
        <f>IF(J1&lt;3,J1-2+12,J1-2)</f>
        <v>12</v>
      </c>
      <c r="L1" s="555"/>
    </row>
    <row r="2" spans="2:35" ht="24" customHeight="1" thickBot="1" x14ac:dyDescent="0.25">
      <c r="J2" s="5"/>
      <c r="K2" s="5"/>
      <c r="L2" s="5"/>
      <c r="M2" s="5"/>
      <c r="N2" s="5"/>
      <c r="O2" s="5"/>
      <c r="P2" s="30"/>
      <c r="Q2" s="30"/>
      <c r="R2" s="30"/>
    </row>
    <row r="3" spans="2:35" ht="21" customHeight="1" thickBot="1" x14ac:dyDescent="0.25">
      <c r="B3" s="26"/>
      <c r="C3" s="556" t="s">
        <v>53</v>
      </c>
      <c r="D3" s="557"/>
      <c r="E3" s="557"/>
      <c r="F3" s="557"/>
      <c r="G3" s="557"/>
      <c r="H3" s="557"/>
      <c r="I3" s="557"/>
      <c r="J3" s="557"/>
      <c r="K3" s="557"/>
      <c r="L3" s="557"/>
      <c r="M3" s="558"/>
      <c r="N3" s="556" t="s">
        <v>54</v>
      </c>
      <c r="O3" s="557"/>
      <c r="P3" s="557"/>
      <c r="Q3" s="557"/>
      <c r="R3" s="557"/>
      <c r="S3" s="557"/>
      <c r="T3" s="557"/>
      <c r="U3" s="557"/>
      <c r="V3" s="557"/>
      <c r="W3" s="557"/>
      <c r="X3" s="558"/>
      <c r="Y3" s="556" t="s">
        <v>55</v>
      </c>
      <c r="Z3" s="557"/>
      <c r="AA3" s="557"/>
      <c r="AB3" s="557"/>
      <c r="AC3" s="557"/>
      <c r="AD3" s="557"/>
      <c r="AE3" s="557"/>
      <c r="AF3" s="557"/>
      <c r="AG3" s="557"/>
      <c r="AH3" s="557"/>
      <c r="AI3" s="558"/>
    </row>
    <row r="4" spans="2:35" ht="30" customHeight="1" thickBot="1" x14ac:dyDescent="0.25">
      <c r="B4" s="26" t="s">
        <v>42</v>
      </c>
      <c r="C4" s="27" t="s">
        <v>43</v>
      </c>
      <c r="D4" s="6" t="s">
        <v>44</v>
      </c>
      <c r="E4" s="28" t="s">
        <v>45</v>
      </c>
      <c r="F4" s="29" t="s">
        <v>46</v>
      </c>
      <c r="G4" s="6" t="s">
        <v>47</v>
      </c>
      <c r="H4" s="6" t="s">
        <v>48</v>
      </c>
      <c r="I4" s="6" t="s">
        <v>49</v>
      </c>
      <c r="J4" s="6" t="s">
        <v>50</v>
      </c>
      <c r="K4" s="6" t="s">
        <v>51</v>
      </c>
      <c r="L4" s="28" t="s">
        <v>45</v>
      </c>
      <c r="M4" s="13" t="s">
        <v>52</v>
      </c>
      <c r="N4" s="27" t="s">
        <v>43</v>
      </c>
      <c r="O4" s="6" t="s">
        <v>44</v>
      </c>
      <c r="P4" s="28" t="s">
        <v>45</v>
      </c>
      <c r="Q4" s="29" t="s">
        <v>46</v>
      </c>
      <c r="R4" s="6" t="s">
        <v>47</v>
      </c>
      <c r="S4" s="6" t="s">
        <v>48</v>
      </c>
      <c r="T4" s="6" t="s">
        <v>49</v>
      </c>
      <c r="U4" s="6" t="s">
        <v>50</v>
      </c>
      <c r="V4" s="6" t="s">
        <v>51</v>
      </c>
      <c r="W4" s="28" t="s">
        <v>45</v>
      </c>
      <c r="X4" s="13" t="s">
        <v>52</v>
      </c>
      <c r="Y4" s="27" t="s">
        <v>43</v>
      </c>
      <c r="Z4" s="6" t="s">
        <v>44</v>
      </c>
      <c r="AA4" s="28" t="s">
        <v>45</v>
      </c>
      <c r="AB4" s="29" t="s">
        <v>46</v>
      </c>
      <c r="AC4" s="6" t="s">
        <v>47</v>
      </c>
      <c r="AD4" s="6" t="s">
        <v>48</v>
      </c>
      <c r="AE4" s="6" t="s">
        <v>49</v>
      </c>
      <c r="AF4" s="6" t="s">
        <v>50</v>
      </c>
      <c r="AG4" s="6" t="s">
        <v>51</v>
      </c>
      <c r="AH4" s="28" t="s">
        <v>45</v>
      </c>
      <c r="AI4" s="13" t="s">
        <v>52</v>
      </c>
    </row>
    <row r="5" spans="2:35" ht="21" customHeight="1" x14ac:dyDescent="0.2">
      <c r="B5" s="14" t="s">
        <v>4</v>
      </c>
      <c r="C5" s="91">
        <v>183</v>
      </c>
      <c r="D5" s="92">
        <v>320</v>
      </c>
      <c r="E5" s="93">
        <v>503</v>
      </c>
      <c r="F5" s="94">
        <v>0</v>
      </c>
      <c r="G5" s="92">
        <v>18516</v>
      </c>
      <c r="H5" s="92">
        <v>18545</v>
      </c>
      <c r="I5" s="92">
        <v>12802</v>
      </c>
      <c r="J5" s="92">
        <v>8143</v>
      </c>
      <c r="K5" s="92">
        <v>5073</v>
      </c>
      <c r="L5" s="93">
        <v>63079</v>
      </c>
      <c r="M5" s="95">
        <v>63582</v>
      </c>
      <c r="N5" s="96">
        <v>1</v>
      </c>
      <c r="O5" s="92">
        <v>2</v>
      </c>
      <c r="P5" s="93">
        <v>3</v>
      </c>
      <c r="Q5" s="94">
        <v>0</v>
      </c>
      <c r="R5" s="92">
        <v>200</v>
      </c>
      <c r="S5" s="92">
        <v>339</v>
      </c>
      <c r="T5" s="92">
        <v>246</v>
      </c>
      <c r="U5" s="92">
        <v>176</v>
      </c>
      <c r="V5" s="92">
        <v>170</v>
      </c>
      <c r="W5" s="93">
        <v>1131</v>
      </c>
      <c r="X5" s="95">
        <v>1134</v>
      </c>
      <c r="Y5" s="96">
        <v>184</v>
      </c>
      <c r="Z5" s="92">
        <v>322</v>
      </c>
      <c r="AA5" s="93">
        <v>506</v>
      </c>
      <c r="AB5" s="94">
        <v>0</v>
      </c>
      <c r="AC5" s="92">
        <v>18716</v>
      </c>
      <c r="AD5" s="92">
        <v>18884</v>
      </c>
      <c r="AE5" s="92">
        <v>13048</v>
      </c>
      <c r="AF5" s="92">
        <v>8319</v>
      </c>
      <c r="AG5" s="92">
        <v>5243</v>
      </c>
      <c r="AH5" s="93">
        <v>64210</v>
      </c>
      <c r="AI5" s="95">
        <v>64716</v>
      </c>
    </row>
    <row r="6" spans="2:35" ht="21" customHeight="1" x14ac:dyDescent="0.2">
      <c r="B6" s="18" t="s">
        <v>5</v>
      </c>
      <c r="C6" s="97">
        <v>71</v>
      </c>
      <c r="D6" s="98">
        <v>122</v>
      </c>
      <c r="E6" s="99">
        <v>193</v>
      </c>
      <c r="F6" s="100">
        <v>0</v>
      </c>
      <c r="G6" s="98">
        <v>6833</v>
      </c>
      <c r="H6" s="98">
        <v>8703</v>
      </c>
      <c r="I6" s="98">
        <v>5633</v>
      </c>
      <c r="J6" s="98">
        <v>3589</v>
      </c>
      <c r="K6" s="98">
        <v>2366</v>
      </c>
      <c r="L6" s="99">
        <v>27124</v>
      </c>
      <c r="M6" s="101">
        <v>27317</v>
      </c>
      <c r="N6" s="102">
        <v>0</v>
      </c>
      <c r="O6" s="98">
        <v>0</v>
      </c>
      <c r="P6" s="99">
        <v>0</v>
      </c>
      <c r="Q6" s="100">
        <v>0</v>
      </c>
      <c r="R6" s="98">
        <v>65</v>
      </c>
      <c r="S6" s="98">
        <v>153</v>
      </c>
      <c r="T6" s="98">
        <v>141</v>
      </c>
      <c r="U6" s="98">
        <v>80</v>
      </c>
      <c r="V6" s="98">
        <v>86</v>
      </c>
      <c r="W6" s="99">
        <v>525</v>
      </c>
      <c r="X6" s="101">
        <v>525</v>
      </c>
      <c r="Y6" s="102">
        <v>71</v>
      </c>
      <c r="Z6" s="98">
        <v>122</v>
      </c>
      <c r="AA6" s="99">
        <v>193</v>
      </c>
      <c r="AB6" s="100">
        <v>0</v>
      </c>
      <c r="AC6" s="98">
        <v>6898</v>
      </c>
      <c r="AD6" s="98">
        <v>8856</v>
      </c>
      <c r="AE6" s="98">
        <v>5774</v>
      </c>
      <c r="AF6" s="98">
        <v>3669</v>
      </c>
      <c r="AG6" s="98">
        <v>2452</v>
      </c>
      <c r="AH6" s="99">
        <v>27649</v>
      </c>
      <c r="AI6" s="101">
        <v>27842</v>
      </c>
    </row>
    <row r="7" spans="2:35" ht="21" customHeight="1" x14ac:dyDescent="0.2">
      <c r="B7" s="18" t="s">
        <v>6</v>
      </c>
      <c r="C7" s="97">
        <v>24</v>
      </c>
      <c r="D7" s="98">
        <v>43</v>
      </c>
      <c r="E7" s="99">
        <v>67</v>
      </c>
      <c r="F7" s="100">
        <v>0</v>
      </c>
      <c r="G7" s="98">
        <v>2911</v>
      </c>
      <c r="H7" s="98">
        <v>2381</v>
      </c>
      <c r="I7" s="98">
        <v>1900</v>
      </c>
      <c r="J7" s="98">
        <v>1378</v>
      </c>
      <c r="K7" s="98">
        <v>886</v>
      </c>
      <c r="L7" s="99">
        <v>9456</v>
      </c>
      <c r="M7" s="101">
        <v>9523</v>
      </c>
      <c r="N7" s="102">
        <v>0</v>
      </c>
      <c r="O7" s="98">
        <v>0</v>
      </c>
      <c r="P7" s="99">
        <v>0</v>
      </c>
      <c r="Q7" s="100">
        <v>0</v>
      </c>
      <c r="R7" s="98">
        <v>36</v>
      </c>
      <c r="S7" s="98">
        <v>31</v>
      </c>
      <c r="T7" s="98">
        <v>29</v>
      </c>
      <c r="U7" s="98">
        <v>24</v>
      </c>
      <c r="V7" s="98">
        <v>35</v>
      </c>
      <c r="W7" s="99">
        <v>155</v>
      </c>
      <c r="X7" s="101">
        <v>155</v>
      </c>
      <c r="Y7" s="102">
        <v>24</v>
      </c>
      <c r="Z7" s="98">
        <v>43</v>
      </c>
      <c r="AA7" s="99">
        <v>67</v>
      </c>
      <c r="AB7" s="100">
        <v>0</v>
      </c>
      <c r="AC7" s="98">
        <v>2947</v>
      </c>
      <c r="AD7" s="98">
        <v>2412</v>
      </c>
      <c r="AE7" s="98">
        <v>1929</v>
      </c>
      <c r="AF7" s="98">
        <v>1402</v>
      </c>
      <c r="AG7" s="98">
        <v>921</v>
      </c>
      <c r="AH7" s="99">
        <v>9611</v>
      </c>
      <c r="AI7" s="101">
        <v>9678</v>
      </c>
    </row>
    <row r="8" spans="2:35" ht="21" customHeight="1" x14ac:dyDescent="0.2">
      <c r="B8" s="18" t="s">
        <v>14</v>
      </c>
      <c r="C8" s="97">
        <v>22</v>
      </c>
      <c r="D8" s="98">
        <v>28</v>
      </c>
      <c r="E8" s="99">
        <v>50</v>
      </c>
      <c r="F8" s="100">
        <v>0</v>
      </c>
      <c r="G8" s="98">
        <v>1387</v>
      </c>
      <c r="H8" s="98">
        <v>1579</v>
      </c>
      <c r="I8" s="98">
        <v>1110</v>
      </c>
      <c r="J8" s="98">
        <v>619</v>
      </c>
      <c r="K8" s="98">
        <v>336</v>
      </c>
      <c r="L8" s="99">
        <v>5031</v>
      </c>
      <c r="M8" s="101">
        <v>5081</v>
      </c>
      <c r="N8" s="102">
        <v>0</v>
      </c>
      <c r="O8" s="98">
        <v>0</v>
      </c>
      <c r="P8" s="99">
        <v>0</v>
      </c>
      <c r="Q8" s="100">
        <v>0</v>
      </c>
      <c r="R8" s="98">
        <v>9</v>
      </c>
      <c r="S8" s="98">
        <v>41</v>
      </c>
      <c r="T8" s="98">
        <v>11</v>
      </c>
      <c r="U8" s="98">
        <v>12</v>
      </c>
      <c r="V8" s="98">
        <v>8</v>
      </c>
      <c r="W8" s="99">
        <v>81</v>
      </c>
      <c r="X8" s="101">
        <v>81</v>
      </c>
      <c r="Y8" s="102">
        <v>22</v>
      </c>
      <c r="Z8" s="98">
        <v>28</v>
      </c>
      <c r="AA8" s="99">
        <v>50</v>
      </c>
      <c r="AB8" s="100">
        <v>0</v>
      </c>
      <c r="AC8" s="98">
        <v>1396</v>
      </c>
      <c r="AD8" s="98">
        <v>1620</v>
      </c>
      <c r="AE8" s="98">
        <v>1121</v>
      </c>
      <c r="AF8" s="98">
        <v>631</v>
      </c>
      <c r="AG8" s="98">
        <v>344</v>
      </c>
      <c r="AH8" s="99">
        <v>5112</v>
      </c>
      <c r="AI8" s="101">
        <v>5162</v>
      </c>
    </row>
    <row r="9" spans="2:35" ht="21" customHeight="1" x14ac:dyDescent="0.2">
      <c r="B9" s="18" t="s">
        <v>7</v>
      </c>
      <c r="C9" s="97">
        <v>4</v>
      </c>
      <c r="D9" s="98">
        <v>9</v>
      </c>
      <c r="E9" s="99">
        <v>13</v>
      </c>
      <c r="F9" s="100">
        <v>0</v>
      </c>
      <c r="G9" s="98">
        <v>1368</v>
      </c>
      <c r="H9" s="98">
        <v>899</v>
      </c>
      <c r="I9" s="98">
        <v>639</v>
      </c>
      <c r="J9" s="98">
        <v>334</v>
      </c>
      <c r="K9" s="98">
        <v>164</v>
      </c>
      <c r="L9" s="99">
        <v>3404</v>
      </c>
      <c r="M9" s="101">
        <v>3417</v>
      </c>
      <c r="N9" s="102">
        <v>1</v>
      </c>
      <c r="O9" s="98">
        <v>0</v>
      </c>
      <c r="P9" s="99">
        <v>1</v>
      </c>
      <c r="Q9" s="100">
        <v>0</v>
      </c>
      <c r="R9" s="98">
        <v>13</v>
      </c>
      <c r="S9" s="98">
        <v>18</v>
      </c>
      <c r="T9" s="98">
        <v>6</v>
      </c>
      <c r="U9" s="98">
        <v>8</v>
      </c>
      <c r="V9" s="98">
        <v>9</v>
      </c>
      <c r="W9" s="99">
        <v>54</v>
      </c>
      <c r="X9" s="101">
        <v>55</v>
      </c>
      <c r="Y9" s="102">
        <v>5</v>
      </c>
      <c r="Z9" s="98">
        <v>9</v>
      </c>
      <c r="AA9" s="99">
        <v>14</v>
      </c>
      <c r="AB9" s="100">
        <v>0</v>
      </c>
      <c r="AC9" s="98">
        <v>1381</v>
      </c>
      <c r="AD9" s="98">
        <v>917</v>
      </c>
      <c r="AE9" s="98">
        <v>645</v>
      </c>
      <c r="AF9" s="98">
        <v>342</v>
      </c>
      <c r="AG9" s="98">
        <v>173</v>
      </c>
      <c r="AH9" s="99">
        <v>3458</v>
      </c>
      <c r="AI9" s="101">
        <v>3472</v>
      </c>
    </row>
    <row r="10" spans="2:35" ht="21" customHeight="1" x14ac:dyDescent="0.2">
      <c r="B10" s="18" t="s">
        <v>8</v>
      </c>
      <c r="C10" s="97">
        <v>7</v>
      </c>
      <c r="D10" s="98">
        <v>11</v>
      </c>
      <c r="E10" s="99">
        <v>18</v>
      </c>
      <c r="F10" s="100">
        <v>0</v>
      </c>
      <c r="G10" s="98">
        <v>755</v>
      </c>
      <c r="H10" s="98">
        <v>654</v>
      </c>
      <c r="I10" s="98">
        <v>433</v>
      </c>
      <c r="J10" s="98">
        <v>236</v>
      </c>
      <c r="K10" s="98">
        <v>126</v>
      </c>
      <c r="L10" s="99">
        <v>2204</v>
      </c>
      <c r="M10" s="101">
        <v>2222</v>
      </c>
      <c r="N10" s="102">
        <v>0</v>
      </c>
      <c r="O10" s="98">
        <v>0</v>
      </c>
      <c r="P10" s="99">
        <v>0</v>
      </c>
      <c r="Q10" s="100">
        <v>0</v>
      </c>
      <c r="R10" s="98">
        <v>15</v>
      </c>
      <c r="S10" s="98">
        <v>20</v>
      </c>
      <c r="T10" s="98">
        <v>6</v>
      </c>
      <c r="U10" s="98">
        <v>4</v>
      </c>
      <c r="V10" s="98">
        <v>2</v>
      </c>
      <c r="W10" s="99">
        <v>47</v>
      </c>
      <c r="X10" s="101">
        <v>47</v>
      </c>
      <c r="Y10" s="102">
        <v>7</v>
      </c>
      <c r="Z10" s="98">
        <v>11</v>
      </c>
      <c r="AA10" s="99">
        <v>18</v>
      </c>
      <c r="AB10" s="100">
        <v>0</v>
      </c>
      <c r="AC10" s="98">
        <v>770</v>
      </c>
      <c r="AD10" s="98">
        <v>674</v>
      </c>
      <c r="AE10" s="98">
        <v>439</v>
      </c>
      <c r="AF10" s="98">
        <v>240</v>
      </c>
      <c r="AG10" s="98">
        <v>128</v>
      </c>
      <c r="AH10" s="99">
        <v>2251</v>
      </c>
      <c r="AI10" s="101">
        <v>2269</v>
      </c>
    </row>
    <row r="11" spans="2:35" ht="21" customHeight="1" x14ac:dyDescent="0.2">
      <c r="B11" s="18" t="s">
        <v>9</v>
      </c>
      <c r="C11" s="97">
        <v>6</v>
      </c>
      <c r="D11" s="98">
        <v>5</v>
      </c>
      <c r="E11" s="99">
        <v>11</v>
      </c>
      <c r="F11" s="100">
        <v>0</v>
      </c>
      <c r="G11" s="98">
        <v>515</v>
      </c>
      <c r="H11" s="98">
        <v>374</v>
      </c>
      <c r="I11" s="98">
        <v>293</v>
      </c>
      <c r="J11" s="98">
        <v>185</v>
      </c>
      <c r="K11" s="98">
        <v>89</v>
      </c>
      <c r="L11" s="99">
        <v>1456</v>
      </c>
      <c r="M11" s="101">
        <v>1467</v>
      </c>
      <c r="N11" s="102">
        <v>0</v>
      </c>
      <c r="O11" s="98">
        <v>0</v>
      </c>
      <c r="P11" s="99">
        <v>0</v>
      </c>
      <c r="Q11" s="100">
        <v>0</v>
      </c>
      <c r="R11" s="98">
        <v>14</v>
      </c>
      <c r="S11" s="98">
        <v>10</v>
      </c>
      <c r="T11" s="98">
        <v>7</v>
      </c>
      <c r="U11" s="98">
        <v>5</v>
      </c>
      <c r="V11" s="98">
        <v>3</v>
      </c>
      <c r="W11" s="99">
        <v>39</v>
      </c>
      <c r="X11" s="101">
        <v>39</v>
      </c>
      <c r="Y11" s="102">
        <v>6</v>
      </c>
      <c r="Z11" s="98">
        <v>5</v>
      </c>
      <c r="AA11" s="99">
        <v>11</v>
      </c>
      <c r="AB11" s="100">
        <v>0</v>
      </c>
      <c r="AC11" s="98">
        <v>529</v>
      </c>
      <c r="AD11" s="98">
        <v>384</v>
      </c>
      <c r="AE11" s="98">
        <v>300</v>
      </c>
      <c r="AF11" s="98">
        <v>190</v>
      </c>
      <c r="AG11" s="98">
        <v>92</v>
      </c>
      <c r="AH11" s="99">
        <v>1495</v>
      </c>
      <c r="AI11" s="101">
        <v>1506</v>
      </c>
    </row>
    <row r="12" spans="2:35" ht="21" customHeight="1" x14ac:dyDescent="0.2">
      <c r="B12" s="18" t="s">
        <v>10</v>
      </c>
      <c r="C12" s="97">
        <v>8</v>
      </c>
      <c r="D12" s="98">
        <v>22</v>
      </c>
      <c r="E12" s="99">
        <v>30</v>
      </c>
      <c r="F12" s="100">
        <v>0</v>
      </c>
      <c r="G12" s="98">
        <v>841</v>
      </c>
      <c r="H12" s="98">
        <v>561</v>
      </c>
      <c r="I12" s="98">
        <v>426</v>
      </c>
      <c r="J12" s="98">
        <v>343</v>
      </c>
      <c r="K12" s="98">
        <v>256</v>
      </c>
      <c r="L12" s="99">
        <v>2427</v>
      </c>
      <c r="M12" s="101">
        <v>2457</v>
      </c>
      <c r="N12" s="102">
        <v>0</v>
      </c>
      <c r="O12" s="98">
        <v>1</v>
      </c>
      <c r="P12" s="99">
        <v>1</v>
      </c>
      <c r="Q12" s="100">
        <v>0</v>
      </c>
      <c r="R12" s="98">
        <v>10</v>
      </c>
      <c r="S12" s="98">
        <v>10</v>
      </c>
      <c r="T12" s="98">
        <v>8</v>
      </c>
      <c r="U12" s="98">
        <v>9</v>
      </c>
      <c r="V12" s="98">
        <v>6</v>
      </c>
      <c r="W12" s="99">
        <v>43</v>
      </c>
      <c r="X12" s="101">
        <v>44</v>
      </c>
      <c r="Y12" s="102">
        <v>8</v>
      </c>
      <c r="Z12" s="98">
        <v>23</v>
      </c>
      <c r="AA12" s="99">
        <v>31</v>
      </c>
      <c r="AB12" s="100">
        <v>0</v>
      </c>
      <c r="AC12" s="98">
        <v>851</v>
      </c>
      <c r="AD12" s="98">
        <v>571</v>
      </c>
      <c r="AE12" s="98">
        <v>434</v>
      </c>
      <c r="AF12" s="98">
        <v>352</v>
      </c>
      <c r="AG12" s="98">
        <v>262</v>
      </c>
      <c r="AH12" s="99">
        <v>2470</v>
      </c>
      <c r="AI12" s="101">
        <v>2501</v>
      </c>
    </row>
    <row r="13" spans="2:35" ht="21" customHeight="1" x14ac:dyDescent="0.2">
      <c r="B13" s="18" t="s">
        <v>11</v>
      </c>
      <c r="C13" s="97">
        <v>1</v>
      </c>
      <c r="D13" s="98">
        <v>11</v>
      </c>
      <c r="E13" s="99">
        <v>12</v>
      </c>
      <c r="F13" s="100">
        <v>0</v>
      </c>
      <c r="G13" s="98">
        <v>658</v>
      </c>
      <c r="H13" s="98">
        <v>398</v>
      </c>
      <c r="I13" s="98">
        <v>277</v>
      </c>
      <c r="J13" s="98">
        <v>166</v>
      </c>
      <c r="K13" s="98">
        <v>74</v>
      </c>
      <c r="L13" s="99">
        <v>1573</v>
      </c>
      <c r="M13" s="101">
        <v>1585</v>
      </c>
      <c r="N13" s="102">
        <v>0</v>
      </c>
      <c r="O13" s="98">
        <v>0</v>
      </c>
      <c r="P13" s="99">
        <v>0</v>
      </c>
      <c r="Q13" s="100">
        <v>0</v>
      </c>
      <c r="R13" s="98">
        <v>7</v>
      </c>
      <c r="S13" s="98">
        <v>6</v>
      </c>
      <c r="T13" s="98">
        <v>3</v>
      </c>
      <c r="U13" s="98">
        <v>3</v>
      </c>
      <c r="V13" s="98">
        <v>3</v>
      </c>
      <c r="W13" s="99">
        <v>22</v>
      </c>
      <c r="X13" s="101">
        <v>22</v>
      </c>
      <c r="Y13" s="102">
        <v>1</v>
      </c>
      <c r="Z13" s="98">
        <v>11</v>
      </c>
      <c r="AA13" s="99">
        <v>12</v>
      </c>
      <c r="AB13" s="100">
        <v>0</v>
      </c>
      <c r="AC13" s="98">
        <v>665</v>
      </c>
      <c r="AD13" s="98">
        <v>404</v>
      </c>
      <c r="AE13" s="98">
        <v>280</v>
      </c>
      <c r="AF13" s="98">
        <v>169</v>
      </c>
      <c r="AG13" s="98">
        <v>77</v>
      </c>
      <c r="AH13" s="99">
        <v>1595</v>
      </c>
      <c r="AI13" s="101">
        <v>1607</v>
      </c>
    </row>
    <row r="14" spans="2:35" ht="21" customHeight="1" x14ac:dyDescent="0.2">
      <c r="B14" s="18" t="s">
        <v>12</v>
      </c>
      <c r="C14" s="97">
        <v>0</v>
      </c>
      <c r="D14" s="98">
        <v>1</v>
      </c>
      <c r="E14" s="99">
        <v>1</v>
      </c>
      <c r="F14" s="100">
        <v>0</v>
      </c>
      <c r="G14" s="98">
        <v>419</v>
      </c>
      <c r="H14" s="98">
        <v>339</v>
      </c>
      <c r="I14" s="98">
        <v>269</v>
      </c>
      <c r="J14" s="98">
        <v>195</v>
      </c>
      <c r="K14" s="98">
        <v>125</v>
      </c>
      <c r="L14" s="99">
        <v>1347</v>
      </c>
      <c r="M14" s="101">
        <v>1348</v>
      </c>
      <c r="N14" s="102">
        <v>0</v>
      </c>
      <c r="O14" s="98">
        <v>0</v>
      </c>
      <c r="P14" s="99">
        <v>0</v>
      </c>
      <c r="Q14" s="100">
        <v>0</v>
      </c>
      <c r="R14" s="98">
        <v>4</v>
      </c>
      <c r="S14" s="98">
        <v>4</v>
      </c>
      <c r="T14" s="98">
        <v>2</v>
      </c>
      <c r="U14" s="98">
        <v>1</v>
      </c>
      <c r="V14" s="98">
        <v>4</v>
      </c>
      <c r="W14" s="99">
        <v>15</v>
      </c>
      <c r="X14" s="101">
        <v>15</v>
      </c>
      <c r="Y14" s="102">
        <v>0</v>
      </c>
      <c r="Z14" s="98">
        <v>1</v>
      </c>
      <c r="AA14" s="99">
        <v>1</v>
      </c>
      <c r="AB14" s="100">
        <v>0</v>
      </c>
      <c r="AC14" s="98">
        <v>423</v>
      </c>
      <c r="AD14" s="98">
        <v>343</v>
      </c>
      <c r="AE14" s="98">
        <v>271</v>
      </c>
      <c r="AF14" s="98">
        <v>196</v>
      </c>
      <c r="AG14" s="98">
        <v>129</v>
      </c>
      <c r="AH14" s="99">
        <v>1362</v>
      </c>
      <c r="AI14" s="101">
        <v>1363</v>
      </c>
    </row>
    <row r="15" spans="2:35" ht="21" customHeight="1" x14ac:dyDescent="0.2">
      <c r="B15" s="18" t="s">
        <v>13</v>
      </c>
      <c r="C15" s="97">
        <v>1</v>
      </c>
      <c r="D15" s="98">
        <v>3</v>
      </c>
      <c r="E15" s="99">
        <v>4</v>
      </c>
      <c r="F15" s="100">
        <v>0</v>
      </c>
      <c r="G15" s="98">
        <v>166</v>
      </c>
      <c r="H15" s="98">
        <v>154</v>
      </c>
      <c r="I15" s="98">
        <v>105</v>
      </c>
      <c r="J15" s="98">
        <v>61</v>
      </c>
      <c r="K15" s="98">
        <v>31</v>
      </c>
      <c r="L15" s="99">
        <v>517</v>
      </c>
      <c r="M15" s="101">
        <v>521</v>
      </c>
      <c r="N15" s="102">
        <v>0</v>
      </c>
      <c r="O15" s="98">
        <v>0</v>
      </c>
      <c r="P15" s="99">
        <v>0</v>
      </c>
      <c r="Q15" s="100">
        <v>0</v>
      </c>
      <c r="R15" s="98">
        <v>1</v>
      </c>
      <c r="S15" s="98">
        <v>2</v>
      </c>
      <c r="T15" s="98">
        <v>4</v>
      </c>
      <c r="U15" s="98">
        <v>1</v>
      </c>
      <c r="V15" s="98">
        <v>0</v>
      </c>
      <c r="W15" s="99">
        <v>8</v>
      </c>
      <c r="X15" s="101">
        <v>8</v>
      </c>
      <c r="Y15" s="102">
        <v>1</v>
      </c>
      <c r="Z15" s="98">
        <v>3</v>
      </c>
      <c r="AA15" s="99">
        <v>4</v>
      </c>
      <c r="AB15" s="100">
        <v>0</v>
      </c>
      <c r="AC15" s="98">
        <v>167</v>
      </c>
      <c r="AD15" s="98">
        <v>156</v>
      </c>
      <c r="AE15" s="98">
        <v>109</v>
      </c>
      <c r="AF15" s="98">
        <v>62</v>
      </c>
      <c r="AG15" s="98">
        <v>31</v>
      </c>
      <c r="AH15" s="99">
        <v>525</v>
      </c>
      <c r="AI15" s="101">
        <v>529</v>
      </c>
    </row>
    <row r="16" spans="2:35" ht="21" customHeight="1" x14ac:dyDescent="0.2">
      <c r="B16" s="18" t="s">
        <v>15</v>
      </c>
      <c r="C16" s="97">
        <v>3</v>
      </c>
      <c r="D16" s="98">
        <v>16</v>
      </c>
      <c r="E16" s="99">
        <v>19</v>
      </c>
      <c r="F16" s="100">
        <v>0</v>
      </c>
      <c r="G16" s="98">
        <v>208</v>
      </c>
      <c r="H16" s="98">
        <v>225</v>
      </c>
      <c r="I16" s="98">
        <v>141</v>
      </c>
      <c r="J16" s="98">
        <v>94</v>
      </c>
      <c r="K16" s="98">
        <v>42</v>
      </c>
      <c r="L16" s="99">
        <v>710</v>
      </c>
      <c r="M16" s="101">
        <v>729</v>
      </c>
      <c r="N16" s="102">
        <v>0</v>
      </c>
      <c r="O16" s="98">
        <v>1</v>
      </c>
      <c r="P16" s="99">
        <v>1</v>
      </c>
      <c r="Q16" s="100">
        <v>0</v>
      </c>
      <c r="R16" s="98">
        <v>3</v>
      </c>
      <c r="S16" s="98">
        <v>6</v>
      </c>
      <c r="T16" s="98">
        <v>0</v>
      </c>
      <c r="U16" s="98">
        <v>1</v>
      </c>
      <c r="V16" s="98">
        <v>1</v>
      </c>
      <c r="W16" s="99">
        <v>11</v>
      </c>
      <c r="X16" s="101">
        <v>12</v>
      </c>
      <c r="Y16" s="102">
        <v>3</v>
      </c>
      <c r="Z16" s="98">
        <v>17</v>
      </c>
      <c r="AA16" s="99">
        <v>20</v>
      </c>
      <c r="AB16" s="100">
        <v>0</v>
      </c>
      <c r="AC16" s="98">
        <v>211</v>
      </c>
      <c r="AD16" s="98">
        <v>231</v>
      </c>
      <c r="AE16" s="98">
        <v>141</v>
      </c>
      <c r="AF16" s="98">
        <v>95</v>
      </c>
      <c r="AG16" s="98">
        <v>43</v>
      </c>
      <c r="AH16" s="99">
        <v>721</v>
      </c>
      <c r="AI16" s="101">
        <v>741</v>
      </c>
    </row>
    <row r="17" spans="2:35" ht="21" customHeight="1" x14ac:dyDescent="0.2">
      <c r="B17" s="18" t="s">
        <v>16</v>
      </c>
      <c r="C17" s="97">
        <v>1</v>
      </c>
      <c r="D17" s="98">
        <v>2</v>
      </c>
      <c r="E17" s="99">
        <v>3</v>
      </c>
      <c r="F17" s="100">
        <v>0</v>
      </c>
      <c r="G17" s="98">
        <v>206</v>
      </c>
      <c r="H17" s="98">
        <v>271</v>
      </c>
      <c r="I17" s="98">
        <v>188</v>
      </c>
      <c r="J17" s="98">
        <v>126</v>
      </c>
      <c r="K17" s="98">
        <v>78</v>
      </c>
      <c r="L17" s="99">
        <v>869</v>
      </c>
      <c r="M17" s="101">
        <v>872</v>
      </c>
      <c r="N17" s="102">
        <v>0</v>
      </c>
      <c r="O17" s="98">
        <v>0</v>
      </c>
      <c r="P17" s="99">
        <v>0</v>
      </c>
      <c r="Q17" s="100">
        <v>0</v>
      </c>
      <c r="R17" s="98">
        <v>1</v>
      </c>
      <c r="S17" s="98">
        <v>2</v>
      </c>
      <c r="T17" s="98">
        <v>4</v>
      </c>
      <c r="U17" s="98">
        <v>1</v>
      </c>
      <c r="V17" s="98">
        <v>3</v>
      </c>
      <c r="W17" s="99">
        <v>11</v>
      </c>
      <c r="X17" s="101">
        <v>11</v>
      </c>
      <c r="Y17" s="102">
        <v>1</v>
      </c>
      <c r="Z17" s="98">
        <v>2</v>
      </c>
      <c r="AA17" s="99">
        <v>3</v>
      </c>
      <c r="AB17" s="100">
        <v>0</v>
      </c>
      <c r="AC17" s="98">
        <v>207</v>
      </c>
      <c r="AD17" s="98">
        <v>273</v>
      </c>
      <c r="AE17" s="98">
        <v>192</v>
      </c>
      <c r="AF17" s="98">
        <v>127</v>
      </c>
      <c r="AG17" s="98">
        <v>81</v>
      </c>
      <c r="AH17" s="99">
        <v>880</v>
      </c>
      <c r="AI17" s="101">
        <v>883</v>
      </c>
    </row>
    <row r="18" spans="2:35" ht="21" customHeight="1" x14ac:dyDescent="0.2">
      <c r="B18" s="18" t="s">
        <v>17</v>
      </c>
      <c r="C18" s="97">
        <v>1</v>
      </c>
      <c r="D18" s="98">
        <v>4</v>
      </c>
      <c r="E18" s="99">
        <v>5</v>
      </c>
      <c r="F18" s="100">
        <v>0</v>
      </c>
      <c r="G18" s="98">
        <v>310</v>
      </c>
      <c r="H18" s="98">
        <v>407</v>
      </c>
      <c r="I18" s="98">
        <v>268</v>
      </c>
      <c r="J18" s="98">
        <v>208</v>
      </c>
      <c r="K18" s="98">
        <v>136</v>
      </c>
      <c r="L18" s="99">
        <v>1329</v>
      </c>
      <c r="M18" s="101">
        <v>1334</v>
      </c>
      <c r="N18" s="102">
        <v>0</v>
      </c>
      <c r="O18" s="98">
        <v>0</v>
      </c>
      <c r="P18" s="99">
        <v>0</v>
      </c>
      <c r="Q18" s="100">
        <v>0</v>
      </c>
      <c r="R18" s="98">
        <v>2</v>
      </c>
      <c r="S18" s="98">
        <v>14</v>
      </c>
      <c r="T18" s="98">
        <v>9</v>
      </c>
      <c r="U18" s="98">
        <v>12</v>
      </c>
      <c r="V18" s="98">
        <v>4</v>
      </c>
      <c r="W18" s="99">
        <v>41</v>
      </c>
      <c r="X18" s="101">
        <v>41</v>
      </c>
      <c r="Y18" s="102">
        <v>1</v>
      </c>
      <c r="Z18" s="98">
        <v>4</v>
      </c>
      <c r="AA18" s="99">
        <v>5</v>
      </c>
      <c r="AB18" s="100">
        <v>0</v>
      </c>
      <c r="AC18" s="98">
        <v>312</v>
      </c>
      <c r="AD18" s="98">
        <v>421</v>
      </c>
      <c r="AE18" s="98">
        <v>277</v>
      </c>
      <c r="AF18" s="98">
        <v>220</v>
      </c>
      <c r="AG18" s="98">
        <v>140</v>
      </c>
      <c r="AH18" s="99">
        <v>1370</v>
      </c>
      <c r="AI18" s="101">
        <v>1375</v>
      </c>
    </row>
    <row r="19" spans="2:35" ht="21" customHeight="1" x14ac:dyDescent="0.2">
      <c r="B19" s="18" t="s">
        <v>18</v>
      </c>
      <c r="C19" s="97">
        <v>11</v>
      </c>
      <c r="D19" s="98">
        <v>15</v>
      </c>
      <c r="E19" s="99">
        <v>26</v>
      </c>
      <c r="F19" s="100">
        <v>0</v>
      </c>
      <c r="G19" s="98">
        <v>375</v>
      </c>
      <c r="H19" s="98">
        <v>340</v>
      </c>
      <c r="I19" s="98">
        <v>281</v>
      </c>
      <c r="J19" s="98">
        <v>154</v>
      </c>
      <c r="K19" s="98">
        <v>94</v>
      </c>
      <c r="L19" s="99">
        <v>1244</v>
      </c>
      <c r="M19" s="101">
        <v>1270</v>
      </c>
      <c r="N19" s="102">
        <v>0</v>
      </c>
      <c r="O19" s="98">
        <v>0</v>
      </c>
      <c r="P19" s="99">
        <v>0</v>
      </c>
      <c r="Q19" s="100">
        <v>0</v>
      </c>
      <c r="R19" s="98">
        <v>3</v>
      </c>
      <c r="S19" s="98">
        <v>5</v>
      </c>
      <c r="T19" s="98">
        <v>2</v>
      </c>
      <c r="U19" s="98">
        <v>6</v>
      </c>
      <c r="V19" s="98">
        <v>2</v>
      </c>
      <c r="W19" s="99">
        <v>18</v>
      </c>
      <c r="X19" s="101">
        <v>18</v>
      </c>
      <c r="Y19" s="102">
        <v>11</v>
      </c>
      <c r="Z19" s="98">
        <v>15</v>
      </c>
      <c r="AA19" s="99">
        <v>26</v>
      </c>
      <c r="AB19" s="100">
        <v>0</v>
      </c>
      <c r="AC19" s="98">
        <v>378</v>
      </c>
      <c r="AD19" s="98">
        <v>345</v>
      </c>
      <c r="AE19" s="98">
        <v>283</v>
      </c>
      <c r="AF19" s="98">
        <v>160</v>
      </c>
      <c r="AG19" s="98">
        <v>96</v>
      </c>
      <c r="AH19" s="99">
        <v>1262</v>
      </c>
      <c r="AI19" s="101">
        <v>1288</v>
      </c>
    </row>
    <row r="20" spans="2:35" ht="21" customHeight="1" x14ac:dyDescent="0.2">
      <c r="B20" s="18" t="s">
        <v>19</v>
      </c>
      <c r="C20" s="97">
        <v>1</v>
      </c>
      <c r="D20" s="98">
        <v>3</v>
      </c>
      <c r="E20" s="99">
        <v>4</v>
      </c>
      <c r="F20" s="100">
        <v>0</v>
      </c>
      <c r="G20" s="98">
        <v>206</v>
      </c>
      <c r="H20" s="98">
        <v>204</v>
      </c>
      <c r="I20" s="98">
        <v>115</v>
      </c>
      <c r="J20" s="98">
        <v>72</v>
      </c>
      <c r="K20" s="98">
        <v>59</v>
      </c>
      <c r="L20" s="99">
        <v>656</v>
      </c>
      <c r="M20" s="101">
        <v>660</v>
      </c>
      <c r="N20" s="102">
        <v>0</v>
      </c>
      <c r="O20" s="98">
        <v>0</v>
      </c>
      <c r="P20" s="99">
        <v>0</v>
      </c>
      <c r="Q20" s="100">
        <v>0</v>
      </c>
      <c r="R20" s="98">
        <v>0</v>
      </c>
      <c r="S20" s="98">
        <v>1</v>
      </c>
      <c r="T20" s="98">
        <v>3</v>
      </c>
      <c r="U20" s="98">
        <v>3</v>
      </c>
      <c r="V20" s="98">
        <v>0</v>
      </c>
      <c r="W20" s="99">
        <v>7</v>
      </c>
      <c r="X20" s="101">
        <v>7</v>
      </c>
      <c r="Y20" s="102">
        <v>1</v>
      </c>
      <c r="Z20" s="98">
        <v>3</v>
      </c>
      <c r="AA20" s="99">
        <v>4</v>
      </c>
      <c r="AB20" s="100">
        <v>0</v>
      </c>
      <c r="AC20" s="98">
        <v>206</v>
      </c>
      <c r="AD20" s="98">
        <v>205</v>
      </c>
      <c r="AE20" s="98">
        <v>118</v>
      </c>
      <c r="AF20" s="98">
        <v>75</v>
      </c>
      <c r="AG20" s="98">
        <v>59</v>
      </c>
      <c r="AH20" s="99">
        <v>663</v>
      </c>
      <c r="AI20" s="101">
        <v>667</v>
      </c>
    </row>
    <row r="21" spans="2:35" ht="21" customHeight="1" x14ac:dyDescent="0.2">
      <c r="B21" s="18" t="s">
        <v>20</v>
      </c>
      <c r="C21" s="97">
        <v>1</v>
      </c>
      <c r="D21" s="98">
        <v>2</v>
      </c>
      <c r="E21" s="99">
        <v>3</v>
      </c>
      <c r="F21" s="100">
        <v>0</v>
      </c>
      <c r="G21" s="98">
        <v>217</v>
      </c>
      <c r="H21" s="98">
        <v>139</v>
      </c>
      <c r="I21" s="98">
        <v>108</v>
      </c>
      <c r="J21" s="98">
        <v>44</v>
      </c>
      <c r="K21" s="98">
        <v>23</v>
      </c>
      <c r="L21" s="99">
        <v>531</v>
      </c>
      <c r="M21" s="101">
        <v>534</v>
      </c>
      <c r="N21" s="102">
        <v>0</v>
      </c>
      <c r="O21" s="98">
        <v>0</v>
      </c>
      <c r="P21" s="99">
        <v>0</v>
      </c>
      <c r="Q21" s="100">
        <v>0</v>
      </c>
      <c r="R21" s="98">
        <v>4</v>
      </c>
      <c r="S21" s="98">
        <v>3</v>
      </c>
      <c r="T21" s="98">
        <v>2</v>
      </c>
      <c r="U21" s="98">
        <v>1</v>
      </c>
      <c r="V21" s="98">
        <v>0</v>
      </c>
      <c r="W21" s="99">
        <v>10</v>
      </c>
      <c r="X21" s="101">
        <v>10</v>
      </c>
      <c r="Y21" s="102">
        <v>1</v>
      </c>
      <c r="Z21" s="98">
        <v>2</v>
      </c>
      <c r="AA21" s="99">
        <v>3</v>
      </c>
      <c r="AB21" s="100">
        <v>0</v>
      </c>
      <c r="AC21" s="98">
        <v>221</v>
      </c>
      <c r="AD21" s="98">
        <v>142</v>
      </c>
      <c r="AE21" s="98">
        <v>110</v>
      </c>
      <c r="AF21" s="98">
        <v>45</v>
      </c>
      <c r="AG21" s="98">
        <v>23</v>
      </c>
      <c r="AH21" s="99">
        <v>541</v>
      </c>
      <c r="AI21" s="101">
        <v>544</v>
      </c>
    </row>
    <row r="22" spans="2:35" ht="21" customHeight="1" x14ac:dyDescent="0.2">
      <c r="B22" s="18" t="s">
        <v>21</v>
      </c>
      <c r="C22" s="97">
        <v>0</v>
      </c>
      <c r="D22" s="98">
        <v>0</v>
      </c>
      <c r="E22" s="99">
        <v>0</v>
      </c>
      <c r="F22" s="100">
        <v>0</v>
      </c>
      <c r="G22" s="98">
        <v>222</v>
      </c>
      <c r="H22" s="98">
        <v>251</v>
      </c>
      <c r="I22" s="98">
        <v>124</v>
      </c>
      <c r="J22" s="98">
        <v>63</v>
      </c>
      <c r="K22" s="98">
        <v>40</v>
      </c>
      <c r="L22" s="99">
        <v>700</v>
      </c>
      <c r="M22" s="101">
        <v>700</v>
      </c>
      <c r="N22" s="102">
        <v>0</v>
      </c>
      <c r="O22" s="98">
        <v>0</v>
      </c>
      <c r="P22" s="99">
        <v>0</v>
      </c>
      <c r="Q22" s="100">
        <v>0</v>
      </c>
      <c r="R22" s="98">
        <v>2</v>
      </c>
      <c r="S22" s="98">
        <v>5</v>
      </c>
      <c r="T22" s="98">
        <v>2</v>
      </c>
      <c r="U22" s="98">
        <v>3</v>
      </c>
      <c r="V22" s="98">
        <v>3</v>
      </c>
      <c r="W22" s="99">
        <v>15</v>
      </c>
      <c r="X22" s="101">
        <v>15</v>
      </c>
      <c r="Y22" s="102">
        <v>0</v>
      </c>
      <c r="Z22" s="98">
        <v>0</v>
      </c>
      <c r="AA22" s="99">
        <v>0</v>
      </c>
      <c r="AB22" s="100">
        <v>0</v>
      </c>
      <c r="AC22" s="98">
        <v>224</v>
      </c>
      <c r="AD22" s="98">
        <v>256</v>
      </c>
      <c r="AE22" s="98">
        <v>126</v>
      </c>
      <c r="AF22" s="98">
        <v>66</v>
      </c>
      <c r="AG22" s="98">
        <v>43</v>
      </c>
      <c r="AH22" s="99">
        <v>715</v>
      </c>
      <c r="AI22" s="101">
        <v>715</v>
      </c>
    </row>
    <row r="23" spans="2:35" ht="21" customHeight="1" x14ac:dyDescent="0.2">
      <c r="B23" s="18" t="s">
        <v>22</v>
      </c>
      <c r="C23" s="97">
        <v>4</v>
      </c>
      <c r="D23" s="98">
        <v>4</v>
      </c>
      <c r="E23" s="99">
        <v>8</v>
      </c>
      <c r="F23" s="100">
        <v>0</v>
      </c>
      <c r="G23" s="98">
        <v>173</v>
      </c>
      <c r="H23" s="98">
        <v>144</v>
      </c>
      <c r="I23" s="98">
        <v>69</v>
      </c>
      <c r="J23" s="98">
        <v>51</v>
      </c>
      <c r="K23" s="98">
        <v>21</v>
      </c>
      <c r="L23" s="99">
        <v>458</v>
      </c>
      <c r="M23" s="101">
        <v>466</v>
      </c>
      <c r="N23" s="102">
        <v>0</v>
      </c>
      <c r="O23" s="98">
        <v>0</v>
      </c>
      <c r="P23" s="99">
        <v>0</v>
      </c>
      <c r="Q23" s="100">
        <v>0</v>
      </c>
      <c r="R23" s="98">
        <v>3</v>
      </c>
      <c r="S23" s="98">
        <v>0</v>
      </c>
      <c r="T23" s="98">
        <v>2</v>
      </c>
      <c r="U23" s="98">
        <v>1</v>
      </c>
      <c r="V23" s="98">
        <v>0</v>
      </c>
      <c r="W23" s="99">
        <v>6</v>
      </c>
      <c r="X23" s="101">
        <v>6</v>
      </c>
      <c r="Y23" s="102">
        <v>4</v>
      </c>
      <c r="Z23" s="98">
        <v>4</v>
      </c>
      <c r="AA23" s="99">
        <v>8</v>
      </c>
      <c r="AB23" s="100">
        <v>0</v>
      </c>
      <c r="AC23" s="98">
        <v>176</v>
      </c>
      <c r="AD23" s="98">
        <v>144</v>
      </c>
      <c r="AE23" s="98">
        <v>71</v>
      </c>
      <c r="AF23" s="98">
        <v>52</v>
      </c>
      <c r="AG23" s="98">
        <v>21</v>
      </c>
      <c r="AH23" s="99">
        <v>464</v>
      </c>
      <c r="AI23" s="101">
        <v>472</v>
      </c>
    </row>
    <row r="24" spans="2:35" ht="21" customHeight="1" x14ac:dyDescent="0.2">
      <c r="B24" s="18" t="s">
        <v>23</v>
      </c>
      <c r="C24" s="97">
        <v>0</v>
      </c>
      <c r="D24" s="98">
        <v>1</v>
      </c>
      <c r="E24" s="99">
        <v>1</v>
      </c>
      <c r="F24" s="100">
        <v>0</v>
      </c>
      <c r="G24" s="98">
        <v>99</v>
      </c>
      <c r="H24" s="98">
        <v>65</v>
      </c>
      <c r="I24" s="98">
        <v>42</v>
      </c>
      <c r="J24" s="98">
        <v>24</v>
      </c>
      <c r="K24" s="98">
        <v>18</v>
      </c>
      <c r="L24" s="99">
        <v>248</v>
      </c>
      <c r="M24" s="101">
        <v>249</v>
      </c>
      <c r="N24" s="102">
        <v>0</v>
      </c>
      <c r="O24" s="98">
        <v>0</v>
      </c>
      <c r="P24" s="99">
        <v>0</v>
      </c>
      <c r="Q24" s="100">
        <v>0</v>
      </c>
      <c r="R24" s="98">
        <v>0</v>
      </c>
      <c r="S24" s="98">
        <v>2</v>
      </c>
      <c r="T24" s="98">
        <v>0</v>
      </c>
      <c r="U24" s="98">
        <v>0</v>
      </c>
      <c r="V24" s="98">
        <v>0</v>
      </c>
      <c r="W24" s="99">
        <v>2</v>
      </c>
      <c r="X24" s="101">
        <v>2</v>
      </c>
      <c r="Y24" s="102">
        <v>0</v>
      </c>
      <c r="Z24" s="98">
        <v>1</v>
      </c>
      <c r="AA24" s="99">
        <v>1</v>
      </c>
      <c r="AB24" s="100">
        <v>0</v>
      </c>
      <c r="AC24" s="98">
        <v>99</v>
      </c>
      <c r="AD24" s="98">
        <v>67</v>
      </c>
      <c r="AE24" s="98">
        <v>42</v>
      </c>
      <c r="AF24" s="98">
        <v>24</v>
      </c>
      <c r="AG24" s="98">
        <v>18</v>
      </c>
      <c r="AH24" s="99">
        <v>250</v>
      </c>
      <c r="AI24" s="101">
        <v>251</v>
      </c>
    </row>
    <row r="25" spans="2:35" ht="21" customHeight="1" x14ac:dyDescent="0.2">
      <c r="B25" s="18" t="s">
        <v>24</v>
      </c>
      <c r="C25" s="97">
        <v>4</v>
      </c>
      <c r="D25" s="98">
        <v>2</v>
      </c>
      <c r="E25" s="99">
        <v>6</v>
      </c>
      <c r="F25" s="100">
        <v>0</v>
      </c>
      <c r="G25" s="98">
        <v>52</v>
      </c>
      <c r="H25" s="98">
        <v>31</v>
      </c>
      <c r="I25" s="98">
        <v>32</v>
      </c>
      <c r="J25" s="98">
        <v>22</v>
      </c>
      <c r="K25" s="98">
        <v>9</v>
      </c>
      <c r="L25" s="99">
        <v>146</v>
      </c>
      <c r="M25" s="101">
        <v>152</v>
      </c>
      <c r="N25" s="102">
        <v>0</v>
      </c>
      <c r="O25" s="98">
        <v>0</v>
      </c>
      <c r="P25" s="99">
        <v>0</v>
      </c>
      <c r="Q25" s="100">
        <v>0</v>
      </c>
      <c r="R25" s="98">
        <v>0</v>
      </c>
      <c r="S25" s="98">
        <v>1</v>
      </c>
      <c r="T25" s="98">
        <v>0</v>
      </c>
      <c r="U25" s="98">
        <v>0</v>
      </c>
      <c r="V25" s="98">
        <v>0</v>
      </c>
      <c r="W25" s="99">
        <v>1</v>
      </c>
      <c r="X25" s="101">
        <v>1</v>
      </c>
      <c r="Y25" s="102">
        <v>4</v>
      </c>
      <c r="Z25" s="98">
        <v>2</v>
      </c>
      <c r="AA25" s="99">
        <v>6</v>
      </c>
      <c r="AB25" s="100">
        <v>0</v>
      </c>
      <c r="AC25" s="98">
        <v>52</v>
      </c>
      <c r="AD25" s="98">
        <v>32</v>
      </c>
      <c r="AE25" s="98">
        <v>32</v>
      </c>
      <c r="AF25" s="98">
        <v>22</v>
      </c>
      <c r="AG25" s="98">
        <v>9</v>
      </c>
      <c r="AH25" s="99">
        <v>147</v>
      </c>
      <c r="AI25" s="101">
        <v>153</v>
      </c>
    </row>
    <row r="26" spans="2:35" ht="21" customHeight="1" x14ac:dyDescent="0.2">
      <c r="B26" s="18" t="s">
        <v>25</v>
      </c>
      <c r="C26" s="97">
        <v>2</v>
      </c>
      <c r="D26" s="98">
        <v>0</v>
      </c>
      <c r="E26" s="99">
        <v>2</v>
      </c>
      <c r="F26" s="100">
        <v>0</v>
      </c>
      <c r="G26" s="98">
        <v>85</v>
      </c>
      <c r="H26" s="98">
        <v>50</v>
      </c>
      <c r="I26" s="98">
        <v>24</v>
      </c>
      <c r="J26" s="98">
        <v>11</v>
      </c>
      <c r="K26" s="98">
        <v>3</v>
      </c>
      <c r="L26" s="99">
        <v>173</v>
      </c>
      <c r="M26" s="101">
        <v>175</v>
      </c>
      <c r="N26" s="102">
        <v>0</v>
      </c>
      <c r="O26" s="98">
        <v>0</v>
      </c>
      <c r="P26" s="99">
        <v>0</v>
      </c>
      <c r="Q26" s="100">
        <v>0</v>
      </c>
      <c r="R26" s="98">
        <v>1</v>
      </c>
      <c r="S26" s="98">
        <v>1</v>
      </c>
      <c r="T26" s="98">
        <v>1</v>
      </c>
      <c r="U26" s="98">
        <v>0</v>
      </c>
      <c r="V26" s="98">
        <v>0</v>
      </c>
      <c r="W26" s="99">
        <v>3</v>
      </c>
      <c r="X26" s="101">
        <v>3</v>
      </c>
      <c r="Y26" s="102">
        <v>2</v>
      </c>
      <c r="Z26" s="98">
        <v>0</v>
      </c>
      <c r="AA26" s="99">
        <v>2</v>
      </c>
      <c r="AB26" s="100">
        <v>0</v>
      </c>
      <c r="AC26" s="98">
        <v>86</v>
      </c>
      <c r="AD26" s="98">
        <v>51</v>
      </c>
      <c r="AE26" s="98">
        <v>25</v>
      </c>
      <c r="AF26" s="98">
        <v>11</v>
      </c>
      <c r="AG26" s="98">
        <v>3</v>
      </c>
      <c r="AH26" s="99">
        <v>176</v>
      </c>
      <c r="AI26" s="101">
        <v>178</v>
      </c>
    </row>
    <row r="27" spans="2:35" ht="21" customHeight="1" x14ac:dyDescent="0.2">
      <c r="B27" s="18" t="s">
        <v>26</v>
      </c>
      <c r="C27" s="97">
        <v>1</v>
      </c>
      <c r="D27" s="98">
        <v>0</v>
      </c>
      <c r="E27" s="99">
        <v>1</v>
      </c>
      <c r="F27" s="100">
        <v>0</v>
      </c>
      <c r="G27" s="98">
        <v>66</v>
      </c>
      <c r="H27" s="98">
        <v>66</v>
      </c>
      <c r="I27" s="98">
        <v>45</v>
      </c>
      <c r="J27" s="98">
        <v>22</v>
      </c>
      <c r="K27" s="98">
        <v>15</v>
      </c>
      <c r="L27" s="99">
        <v>214</v>
      </c>
      <c r="M27" s="101">
        <v>215</v>
      </c>
      <c r="N27" s="102">
        <v>0</v>
      </c>
      <c r="O27" s="98">
        <v>0</v>
      </c>
      <c r="P27" s="99">
        <v>0</v>
      </c>
      <c r="Q27" s="100">
        <v>0</v>
      </c>
      <c r="R27" s="98">
        <v>1</v>
      </c>
      <c r="S27" s="98">
        <v>0</v>
      </c>
      <c r="T27" s="98">
        <v>1</v>
      </c>
      <c r="U27" s="98">
        <v>0</v>
      </c>
      <c r="V27" s="98">
        <v>0</v>
      </c>
      <c r="W27" s="99">
        <v>2</v>
      </c>
      <c r="X27" s="101">
        <v>2</v>
      </c>
      <c r="Y27" s="102">
        <v>1</v>
      </c>
      <c r="Z27" s="98">
        <v>0</v>
      </c>
      <c r="AA27" s="99">
        <v>1</v>
      </c>
      <c r="AB27" s="100">
        <v>0</v>
      </c>
      <c r="AC27" s="98">
        <v>67</v>
      </c>
      <c r="AD27" s="98">
        <v>66</v>
      </c>
      <c r="AE27" s="98">
        <v>46</v>
      </c>
      <c r="AF27" s="98">
        <v>22</v>
      </c>
      <c r="AG27" s="98">
        <v>15</v>
      </c>
      <c r="AH27" s="99">
        <v>216</v>
      </c>
      <c r="AI27" s="101">
        <v>217</v>
      </c>
    </row>
    <row r="28" spans="2:35" ht="21" customHeight="1" x14ac:dyDescent="0.2">
      <c r="B28" s="18" t="s">
        <v>27</v>
      </c>
      <c r="C28" s="97">
        <v>0</v>
      </c>
      <c r="D28" s="98">
        <v>0</v>
      </c>
      <c r="E28" s="99">
        <v>0</v>
      </c>
      <c r="F28" s="100">
        <v>0</v>
      </c>
      <c r="G28" s="98">
        <v>49</v>
      </c>
      <c r="H28" s="98">
        <v>23</v>
      </c>
      <c r="I28" s="98">
        <v>27</v>
      </c>
      <c r="J28" s="98">
        <v>19</v>
      </c>
      <c r="K28" s="98">
        <v>9</v>
      </c>
      <c r="L28" s="99">
        <v>127</v>
      </c>
      <c r="M28" s="101">
        <v>127</v>
      </c>
      <c r="N28" s="102">
        <v>0</v>
      </c>
      <c r="O28" s="98">
        <v>0</v>
      </c>
      <c r="P28" s="99">
        <v>0</v>
      </c>
      <c r="Q28" s="100">
        <v>0</v>
      </c>
      <c r="R28" s="98">
        <v>1</v>
      </c>
      <c r="S28" s="98">
        <v>0</v>
      </c>
      <c r="T28" s="98">
        <v>1</v>
      </c>
      <c r="U28" s="98">
        <v>0</v>
      </c>
      <c r="V28" s="98">
        <v>0</v>
      </c>
      <c r="W28" s="99">
        <v>2</v>
      </c>
      <c r="X28" s="101">
        <v>2</v>
      </c>
      <c r="Y28" s="102">
        <v>0</v>
      </c>
      <c r="Z28" s="98">
        <v>0</v>
      </c>
      <c r="AA28" s="99">
        <v>0</v>
      </c>
      <c r="AB28" s="100">
        <v>0</v>
      </c>
      <c r="AC28" s="98">
        <v>50</v>
      </c>
      <c r="AD28" s="98">
        <v>23</v>
      </c>
      <c r="AE28" s="98">
        <v>28</v>
      </c>
      <c r="AF28" s="98">
        <v>19</v>
      </c>
      <c r="AG28" s="98">
        <v>9</v>
      </c>
      <c r="AH28" s="99">
        <v>129</v>
      </c>
      <c r="AI28" s="101">
        <v>129</v>
      </c>
    </row>
    <row r="29" spans="2:35" ht="21" customHeight="1" x14ac:dyDescent="0.2">
      <c r="B29" s="18" t="s">
        <v>28</v>
      </c>
      <c r="C29" s="97">
        <v>0</v>
      </c>
      <c r="D29" s="98">
        <v>0</v>
      </c>
      <c r="E29" s="99">
        <v>0</v>
      </c>
      <c r="F29" s="100">
        <v>0</v>
      </c>
      <c r="G29" s="98">
        <v>23</v>
      </c>
      <c r="H29" s="98">
        <v>20</v>
      </c>
      <c r="I29" s="98">
        <v>10</v>
      </c>
      <c r="J29" s="98">
        <v>2</v>
      </c>
      <c r="K29" s="98">
        <v>4</v>
      </c>
      <c r="L29" s="99">
        <v>59</v>
      </c>
      <c r="M29" s="101">
        <v>59</v>
      </c>
      <c r="N29" s="102">
        <v>0</v>
      </c>
      <c r="O29" s="98">
        <v>0</v>
      </c>
      <c r="P29" s="99">
        <v>0</v>
      </c>
      <c r="Q29" s="100">
        <v>0</v>
      </c>
      <c r="R29" s="98">
        <v>0</v>
      </c>
      <c r="S29" s="98">
        <v>0</v>
      </c>
      <c r="T29" s="98">
        <v>0</v>
      </c>
      <c r="U29" s="98">
        <v>0</v>
      </c>
      <c r="V29" s="98">
        <v>1</v>
      </c>
      <c r="W29" s="99">
        <v>1</v>
      </c>
      <c r="X29" s="101">
        <v>1</v>
      </c>
      <c r="Y29" s="102">
        <v>0</v>
      </c>
      <c r="Z29" s="98">
        <v>0</v>
      </c>
      <c r="AA29" s="99">
        <v>0</v>
      </c>
      <c r="AB29" s="100">
        <v>0</v>
      </c>
      <c r="AC29" s="98">
        <v>23</v>
      </c>
      <c r="AD29" s="98">
        <v>20</v>
      </c>
      <c r="AE29" s="98">
        <v>10</v>
      </c>
      <c r="AF29" s="98">
        <v>2</v>
      </c>
      <c r="AG29" s="98">
        <v>5</v>
      </c>
      <c r="AH29" s="99">
        <v>60</v>
      </c>
      <c r="AI29" s="101">
        <v>60</v>
      </c>
    </row>
    <row r="30" spans="2:35" ht="21" customHeight="1" x14ac:dyDescent="0.2">
      <c r="B30" s="18" t="s">
        <v>29</v>
      </c>
      <c r="C30" s="97">
        <v>0</v>
      </c>
      <c r="D30" s="98">
        <v>3</v>
      </c>
      <c r="E30" s="99">
        <v>3</v>
      </c>
      <c r="F30" s="100">
        <v>0</v>
      </c>
      <c r="G30" s="98">
        <v>32</v>
      </c>
      <c r="H30" s="98">
        <v>27</v>
      </c>
      <c r="I30" s="98">
        <v>27</v>
      </c>
      <c r="J30" s="98">
        <v>18</v>
      </c>
      <c r="K30" s="98">
        <v>8</v>
      </c>
      <c r="L30" s="99">
        <v>112</v>
      </c>
      <c r="M30" s="101">
        <v>115</v>
      </c>
      <c r="N30" s="102">
        <v>0</v>
      </c>
      <c r="O30" s="98">
        <v>0</v>
      </c>
      <c r="P30" s="99">
        <v>0</v>
      </c>
      <c r="Q30" s="100">
        <v>0</v>
      </c>
      <c r="R30" s="98">
        <v>0</v>
      </c>
      <c r="S30" s="98">
        <v>0</v>
      </c>
      <c r="T30" s="98">
        <v>0</v>
      </c>
      <c r="U30" s="98">
        <v>0</v>
      </c>
      <c r="V30" s="98">
        <v>0</v>
      </c>
      <c r="W30" s="99">
        <v>0</v>
      </c>
      <c r="X30" s="101">
        <v>0</v>
      </c>
      <c r="Y30" s="102">
        <v>0</v>
      </c>
      <c r="Z30" s="98">
        <v>3</v>
      </c>
      <c r="AA30" s="99">
        <v>3</v>
      </c>
      <c r="AB30" s="100">
        <v>0</v>
      </c>
      <c r="AC30" s="98">
        <v>32</v>
      </c>
      <c r="AD30" s="98">
        <v>27</v>
      </c>
      <c r="AE30" s="98">
        <v>27</v>
      </c>
      <c r="AF30" s="98">
        <v>18</v>
      </c>
      <c r="AG30" s="98">
        <v>8</v>
      </c>
      <c r="AH30" s="99">
        <v>112</v>
      </c>
      <c r="AI30" s="101">
        <v>115</v>
      </c>
    </row>
    <row r="31" spans="2:35" ht="21" customHeight="1" x14ac:dyDescent="0.2">
      <c r="B31" s="18" t="s">
        <v>30</v>
      </c>
      <c r="C31" s="97">
        <v>1</v>
      </c>
      <c r="D31" s="98">
        <v>0</v>
      </c>
      <c r="E31" s="99">
        <v>1</v>
      </c>
      <c r="F31" s="100">
        <v>0</v>
      </c>
      <c r="G31" s="98">
        <v>33</v>
      </c>
      <c r="H31" s="98">
        <v>17</v>
      </c>
      <c r="I31" s="98">
        <v>18</v>
      </c>
      <c r="J31" s="98">
        <v>11</v>
      </c>
      <c r="K31" s="98">
        <v>0</v>
      </c>
      <c r="L31" s="99">
        <v>79</v>
      </c>
      <c r="M31" s="101">
        <v>80</v>
      </c>
      <c r="N31" s="102">
        <v>0</v>
      </c>
      <c r="O31" s="98">
        <v>0</v>
      </c>
      <c r="P31" s="99">
        <v>0</v>
      </c>
      <c r="Q31" s="100">
        <v>0</v>
      </c>
      <c r="R31" s="98">
        <v>1</v>
      </c>
      <c r="S31" s="98">
        <v>0</v>
      </c>
      <c r="T31" s="98">
        <v>0</v>
      </c>
      <c r="U31" s="98">
        <v>0</v>
      </c>
      <c r="V31" s="98">
        <v>0</v>
      </c>
      <c r="W31" s="99">
        <v>1</v>
      </c>
      <c r="X31" s="101">
        <v>1</v>
      </c>
      <c r="Y31" s="102">
        <v>1</v>
      </c>
      <c r="Z31" s="98">
        <v>0</v>
      </c>
      <c r="AA31" s="99">
        <v>1</v>
      </c>
      <c r="AB31" s="100">
        <v>0</v>
      </c>
      <c r="AC31" s="98">
        <v>34</v>
      </c>
      <c r="AD31" s="98">
        <v>17</v>
      </c>
      <c r="AE31" s="98">
        <v>18</v>
      </c>
      <c r="AF31" s="98">
        <v>11</v>
      </c>
      <c r="AG31" s="98">
        <v>0</v>
      </c>
      <c r="AH31" s="99">
        <v>80</v>
      </c>
      <c r="AI31" s="101">
        <v>81</v>
      </c>
    </row>
    <row r="32" spans="2:35" ht="21" customHeight="1" x14ac:dyDescent="0.2">
      <c r="B32" s="18" t="s">
        <v>31</v>
      </c>
      <c r="C32" s="97">
        <v>0</v>
      </c>
      <c r="D32" s="98">
        <v>2</v>
      </c>
      <c r="E32" s="99">
        <v>2</v>
      </c>
      <c r="F32" s="100">
        <v>0</v>
      </c>
      <c r="G32" s="98">
        <v>55</v>
      </c>
      <c r="H32" s="98">
        <v>36</v>
      </c>
      <c r="I32" s="98">
        <v>27</v>
      </c>
      <c r="J32" s="98">
        <v>15</v>
      </c>
      <c r="K32" s="98">
        <v>7</v>
      </c>
      <c r="L32" s="99">
        <v>140</v>
      </c>
      <c r="M32" s="101">
        <v>142</v>
      </c>
      <c r="N32" s="102">
        <v>0</v>
      </c>
      <c r="O32" s="98">
        <v>0</v>
      </c>
      <c r="P32" s="99">
        <v>0</v>
      </c>
      <c r="Q32" s="100">
        <v>0</v>
      </c>
      <c r="R32" s="98">
        <v>0</v>
      </c>
      <c r="S32" s="98">
        <v>0</v>
      </c>
      <c r="T32" s="98">
        <v>0</v>
      </c>
      <c r="U32" s="98">
        <v>0</v>
      </c>
      <c r="V32" s="98">
        <v>0</v>
      </c>
      <c r="W32" s="99">
        <v>0</v>
      </c>
      <c r="X32" s="101">
        <v>0</v>
      </c>
      <c r="Y32" s="102">
        <v>0</v>
      </c>
      <c r="Z32" s="98">
        <v>2</v>
      </c>
      <c r="AA32" s="99">
        <v>2</v>
      </c>
      <c r="AB32" s="100">
        <v>0</v>
      </c>
      <c r="AC32" s="98">
        <v>55</v>
      </c>
      <c r="AD32" s="98">
        <v>36</v>
      </c>
      <c r="AE32" s="98">
        <v>27</v>
      </c>
      <c r="AF32" s="98">
        <v>15</v>
      </c>
      <c r="AG32" s="98">
        <v>7</v>
      </c>
      <c r="AH32" s="99">
        <v>140</v>
      </c>
      <c r="AI32" s="101">
        <v>142</v>
      </c>
    </row>
    <row r="33" spans="2:35" ht="21" customHeight="1" x14ac:dyDescent="0.2">
      <c r="B33" s="18" t="s">
        <v>32</v>
      </c>
      <c r="C33" s="97">
        <v>2</v>
      </c>
      <c r="D33" s="98">
        <v>3</v>
      </c>
      <c r="E33" s="99">
        <v>5</v>
      </c>
      <c r="F33" s="100">
        <v>0</v>
      </c>
      <c r="G33" s="98">
        <v>47</v>
      </c>
      <c r="H33" s="98">
        <v>39</v>
      </c>
      <c r="I33" s="98">
        <v>42</v>
      </c>
      <c r="J33" s="98">
        <v>20</v>
      </c>
      <c r="K33" s="98">
        <v>12</v>
      </c>
      <c r="L33" s="99">
        <v>160</v>
      </c>
      <c r="M33" s="101">
        <v>165</v>
      </c>
      <c r="N33" s="102">
        <v>0</v>
      </c>
      <c r="O33" s="98">
        <v>0</v>
      </c>
      <c r="P33" s="99">
        <v>0</v>
      </c>
      <c r="Q33" s="100">
        <v>0</v>
      </c>
      <c r="R33" s="98">
        <v>2</v>
      </c>
      <c r="S33" s="98">
        <v>1</v>
      </c>
      <c r="T33" s="98">
        <v>0</v>
      </c>
      <c r="U33" s="98">
        <v>0</v>
      </c>
      <c r="V33" s="98">
        <v>0</v>
      </c>
      <c r="W33" s="99">
        <v>3</v>
      </c>
      <c r="X33" s="101">
        <v>3</v>
      </c>
      <c r="Y33" s="102">
        <v>2</v>
      </c>
      <c r="Z33" s="98">
        <v>3</v>
      </c>
      <c r="AA33" s="99">
        <v>5</v>
      </c>
      <c r="AB33" s="100">
        <v>0</v>
      </c>
      <c r="AC33" s="98">
        <v>49</v>
      </c>
      <c r="AD33" s="98">
        <v>40</v>
      </c>
      <c r="AE33" s="98">
        <v>42</v>
      </c>
      <c r="AF33" s="98">
        <v>20</v>
      </c>
      <c r="AG33" s="98">
        <v>12</v>
      </c>
      <c r="AH33" s="99">
        <v>163</v>
      </c>
      <c r="AI33" s="101">
        <v>168</v>
      </c>
    </row>
    <row r="34" spans="2:35" ht="21" customHeight="1" x14ac:dyDescent="0.2">
      <c r="B34" s="18" t="s">
        <v>33</v>
      </c>
      <c r="C34" s="97">
        <v>0</v>
      </c>
      <c r="D34" s="98">
        <v>2</v>
      </c>
      <c r="E34" s="99">
        <v>2</v>
      </c>
      <c r="F34" s="100">
        <v>0</v>
      </c>
      <c r="G34" s="98">
        <v>36</v>
      </c>
      <c r="H34" s="98">
        <v>19</v>
      </c>
      <c r="I34" s="98">
        <v>25</v>
      </c>
      <c r="J34" s="98">
        <v>5</v>
      </c>
      <c r="K34" s="98">
        <v>6</v>
      </c>
      <c r="L34" s="99">
        <v>91</v>
      </c>
      <c r="M34" s="101">
        <v>93</v>
      </c>
      <c r="N34" s="102">
        <v>0</v>
      </c>
      <c r="O34" s="98">
        <v>0</v>
      </c>
      <c r="P34" s="99">
        <v>0</v>
      </c>
      <c r="Q34" s="100">
        <v>0</v>
      </c>
      <c r="R34" s="98">
        <v>0</v>
      </c>
      <c r="S34" s="98">
        <v>0</v>
      </c>
      <c r="T34" s="98">
        <v>0</v>
      </c>
      <c r="U34" s="98">
        <v>0</v>
      </c>
      <c r="V34" s="98">
        <v>0</v>
      </c>
      <c r="W34" s="99">
        <v>0</v>
      </c>
      <c r="X34" s="101">
        <v>0</v>
      </c>
      <c r="Y34" s="102">
        <v>0</v>
      </c>
      <c r="Z34" s="98">
        <v>2</v>
      </c>
      <c r="AA34" s="99">
        <v>2</v>
      </c>
      <c r="AB34" s="100">
        <v>0</v>
      </c>
      <c r="AC34" s="98">
        <v>36</v>
      </c>
      <c r="AD34" s="98">
        <v>19</v>
      </c>
      <c r="AE34" s="98">
        <v>25</v>
      </c>
      <c r="AF34" s="98">
        <v>5</v>
      </c>
      <c r="AG34" s="98">
        <v>6</v>
      </c>
      <c r="AH34" s="99">
        <v>91</v>
      </c>
      <c r="AI34" s="101">
        <v>93</v>
      </c>
    </row>
    <row r="35" spans="2:35" ht="21" customHeight="1" x14ac:dyDescent="0.2">
      <c r="B35" s="18" t="s">
        <v>34</v>
      </c>
      <c r="C35" s="97">
        <v>1</v>
      </c>
      <c r="D35" s="98">
        <v>3</v>
      </c>
      <c r="E35" s="99">
        <v>4</v>
      </c>
      <c r="F35" s="100">
        <v>0</v>
      </c>
      <c r="G35" s="98">
        <v>30</v>
      </c>
      <c r="H35" s="98">
        <v>25</v>
      </c>
      <c r="I35" s="98">
        <v>11</v>
      </c>
      <c r="J35" s="98">
        <v>7</v>
      </c>
      <c r="K35" s="98">
        <v>9</v>
      </c>
      <c r="L35" s="99">
        <v>82</v>
      </c>
      <c r="M35" s="101">
        <v>86</v>
      </c>
      <c r="N35" s="102">
        <v>0</v>
      </c>
      <c r="O35" s="98">
        <v>0</v>
      </c>
      <c r="P35" s="99">
        <v>0</v>
      </c>
      <c r="Q35" s="100">
        <v>0</v>
      </c>
      <c r="R35" s="98">
        <v>0</v>
      </c>
      <c r="S35" s="98">
        <v>0</v>
      </c>
      <c r="T35" s="98">
        <v>0</v>
      </c>
      <c r="U35" s="98">
        <v>1</v>
      </c>
      <c r="V35" s="98">
        <v>0</v>
      </c>
      <c r="W35" s="99">
        <v>1</v>
      </c>
      <c r="X35" s="101">
        <v>1</v>
      </c>
      <c r="Y35" s="102">
        <v>1</v>
      </c>
      <c r="Z35" s="98">
        <v>3</v>
      </c>
      <c r="AA35" s="99">
        <v>4</v>
      </c>
      <c r="AB35" s="100">
        <v>0</v>
      </c>
      <c r="AC35" s="98">
        <v>30</v>
      </c>
      <c r="AD35" s="98">
        <v>25</v>
      </c>
      <c r="AE35" s="98">
        <v>11</v>
      </c>
      <c r="AF35" s="98">
        <v>8</v>
      </c>
      <c r="AG35" s="98">
        <v>9</v>
      </c>
      <c r="AH35" s="99">
        <v>83</v>
      </c>
      <c r="AI35" s="101">
        <v>87</v>
      </c>
    </row>
    <row r="36" spans="2:35" ht="21" customHeight="1" x14ac:dyDescent="0.2">
      <c r="B36" s="18" t="s">
        <v>35</v>
      </c>
      <c r="C36" s="97">
        <v>3</v>
      </c>
      <c r="D36" s="98">
        <v>2</v>
      </c>
      <c r="E36" s="99">
        <v>5</v>
      </c>
      <c r="F36" s="100">
        <v>0</v>
      </c>
      <c r="G36" s="98">
        <v>42</v>
      </c>
      <c r="H36" s="98">
        <v>34</v>
      </c>
      <c r="I36" s="98">
        <v>30</v>
      </c>
      <c r="J36" s="98">
        <v>28</v>
      </c>
      <c r="K36" s="98">
        <v>9</v>
      </c>
      <c r="L36" s="99">
        <v>143</v>
      </c>
      <c r="M36" s="101">
        <v>148</v>
      </c>
      <c r="N36" s="102">
        <v>0</v>
      </c>
      <c r="O36" s="98">
        <v>0</v>
      </c>
      <c r="P36" s="99">
        <v>0</v>
      </c>
      <c r="Q36" s="100">
        <v>0</v>
      </c>
      <c r="R36" s="98">
        <v>1</v>
      </c>
      <c r="S36" s="98">
        <v>1</v>
      </c>
      <c r="T36" s="98">
        <v>0</v>
      </c>
      <c r="U36" s="98">
        <v>0</v>
      </c>
      <c r="V36" s="98">
        <v>0</v>
      </c>
      <c r="W36" s="99">
        <v>2</v>
      </c>
      <c r="X36" s="101">
        <v>2</v>
      </c>
      <c r="Y36" s="102">
        <v>3</v>
      </c>
      <c r="Z36" s="98">
        <v>2</v>
      </c>
      <c r="AA36" s="99">
        <v>5</v>
      </c>
      <c r="AB36" s="100">
        <v>0</v>
      </c>
      <c r="AC36" s="98">
        <v>43</v>
      </c>
      <c r="AD36" s="98">
        <v>35</v>
      </c>
      <c r="AE36" s="98">
        <v>30</v>
      </c>
      <c r="AF36" s="98">
        <v>28</v>
      </c>
      <c r="AG36" s="98">
        <v>9</v>
      </c>
      <c r="AH36" s="99">
        <v>145</v>
      </c>
      <c r="AI36" s="101">
        <v>150</v>
      </c>
    </row>
    <row r="37" spans="2:35" ht="21" customHeight="1" x14ac:dyDescent="0.2">
      <c r="B37" s="18" t="s">
        <v>36</v>
      </c>
      <c r="C37" s="97">
        <v>3</v>
      </c>
      <c r="D37" s="98">
        <v>1</v>
      </c>
      <c r="E37" s="99">
        <v>4</v>
      </c>
      <c r="F37" s="100">
        <v>0</v>
      </c>
      <c r="G37" s="98">
        <v>81</v>
      </c>
      <c r="H37" s="98">
        <v>63</v>
      </c>
      <c r="I37" s="98">
        <v>51</v>
      </c>
      <c r="J37" s="98">
        <v>20</v>
      </c>
      <c r="K37" s="98">
        <v>15</v>
      </c>
      <c r="L37" s="99">
        <v>230</v>
      </c>
      <c r="M37" s="101">
        <v>234</v>
      </c>
      <c r="N37" s="102">
        <v>0</v>
      </c>
      <c r="O37" s="98">
        <v>0</v>
      </c>
      <c r="P37" s="99">
        <v>0</v>
      </c>
      <c r="Q37" s="100">
        <v>0</v>
      </c>
      <c r="R37" s="98">
        <v>1</v>
      </c>
      <c r="S37" s="98">
        <v>2</v>
      </c>
      <c r="T37" s="98">
        <v>2</v>
      </c>
      <c r="U37" s="98">
        <v>0</v>
      </c>
      <c r="V37" s="98">
        <v>0</v>
      </c>
      <c r="W37" s="99">
        <v>5</v>
      </c>
      <c r="X37" s="101">
        <v>5</v>
      </c>
      <c r="Y37" s="102">
        <v>3</v>
      </c>
      <c r="Z37" s="98">
        <v>1</v>
      </c>
      <c r="AA37" s="99">
        <v>4</v>
      </c>
      <c r="AB37" s="100">
        <v>0</v>
      </c>
      <c r="AC37" s="98">
        <v>82</v>
      </c>
      <c r="AD37" s="98">
        <v>65</v>
      </c>
      <c r="AE37" s="98">
        <v>53</v>
      </c>
      <c r="AF37" s="98">
        <v>20</v>
      </c>
      <c r="AG37" s="98">
        <v>15</v>
      </c>
      <c r="AH37" s="99">
        <v>235</v>
      </c>
      <c r="AI37" s="101">
        <v>239</v>
      </c>
    </row>
    <row r="38" spans="2:35" ht="21" customHeight="1" thickBot="1" x14ac:dyDescent="0.25">
      <c r="B38" s="19" t="s">
        <v>37</v>
      </c>
      <c r="C38" s="103">
        <v>0</v>
      </c>
      <c r="D38" s="104">
        <v>0</v>
      </c>
      <c r="E38" s="105">
        <v>0</v>
      </c>
      <c r="F38" s="106">
        <v>0</v>
      </c>
      <c r="G38" s="104">
        <v>16</v>
      </c>
      <c r="H38" s="104">
        <v>7</v>
      </c>
      <c r="I38" s="104">
        <v>12</v>
      </c>
      <c r="J38" s="104">
        <v>1</v>
      </c>
      <c r="K38" s="104">
        <v>3</v>
      </c>
      <c r="L38" s="105">
        <v>39</v>
      </c>
      <c r="M38" s="107">
        <v>39</v>
      </c>
      <c r="N38" s="108">
        <v>0</v>
      </c>
      <c r="O38" s="104">
        <v>0</v>
      </c>
      <c r="P38" s="105">
        <v>0</v>
      </c>
      <c r="Q38" s="106">
        <v>0</v>
      </c>
      <c r="R38" s="104">
        <v>0</v>
      </c>
      <c r="S38" s="104">
        <v>0</v>
      </c>
      <c r="T38" s="104">
        <v>0</v>
      </c>
      <c r="U38" s="104">
        <v>0</v>
      </c>
      <c r="V38" s="104">
        <v>0</v>
      </c>
      <c r="W38" s="105">
        <v>0</v>
      </c>
      <c r="X38" s="107">
        <v>0</v>
      </c>
      <c r="Y38" s="108">
        <v>0</v>
      </c>
      <c r="Z38" s="104">
        <v>0</v>
      </c>
      <c r="AA38" s="105">
        <v>0</v>
      </c>
      <c r="AB38" s="106">
        <v>0</v>
      </c>
      <c r="AC38" s="104">
        <v>16</v>
      </c>
      <c r="AD38" s="104">
        <v>7</v>
      </c>
      <c r="AE38" s="104">
        <v>12</v>
      </c>
      <c r="AF38" s="104">
        <v>1</v>
      </c>
      <c r="AG38" s="104">
        <v>3</v>
      </c>
      <c r="AH38" s="105">
        <v>39</v>
      </c>
      <c r="AI38" s="107">
        <v>39</v>
      </c>
    </row>
    <row r="39" spans="2:35" x14ac:dyDescent="0.2">
      <c r="AA39" s="3"/>
      <c r="AB39" s="3"/>
      <c r="AC39" s="3"/>
      <c r="AD39" s="3"/>
      <c r="AE39" s="3"/>
      <c r="AF39" s="3"/>
      <c r="AG39" s="3"/>
      <c r="AH39" s="3"/>
      <c r="AI39" s="3"/>
    </row>
  </sheetData>
  <mergeCells count="5">
    <mergeCell ref="H1:I1"/>
    <mergeCell ref="K1:L1"/>
    <mergeCell ref="C3:M3"/>
    <mergeCell ref="N3:X3"/>
    <mergeCell ref="Y3:AI3"/>
  </mergeCells>
  <phoneticPr fontId="4"/>
  <pageMargins left="0.35433070866141736" right="0.27559055118110237" top="0.35433070866141736" bottom="0.43307086614173229" header="0.19685039370078741" footer="0.19685039370078741"/>
  <pageSetup paperSize="9" scale="51" orientation="landscape" r:id="rId1"/>
  <headerFooter alignWithMargins="0">
    <oddFooter>&amp;L&amp;20&amp;A&amp;C&amp;P/&amp;N</oddFooter>
  </headerFooter>
  <colBreaks count="1" manualBreakCount="1">
    <brk id="24" max="1048575" man="1"/>
  </colBreaks>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sheetPr>
  <dimension ref="A1:CW39"/>
  <sheetViews>
    <sheetView zoomScaleNormal="100" workbookViewId="0">
      <pane xSplit="2" ySplit="6" topLeftCell="C7" activePane="bottomRight" state="frozen"/>
      <selection pane="topRight" activeCell="B1" sqref="B1"/>
      <selection pane="bottomLeft" activeCell="A7" sqref="A7"/>
      <selection pane="bottomRight" activeCell="B1" sqref="B1"/>
    </sheetView>
  </sheetViews>
  <sheetFormatPr defaultColWidth="9" defaultRowHeight="13.2" x14ac:dyDescent="0.2"/>
  <cols>
    <col min="1" max="1" width="2.77734375" style="44" customWidth="1"/>
    <col min="2" max="4" width="9" style="255"/>
    <col min="5" max="5" width="10.33203125" style="255" customWidth="1"/>
    <col min="6" max="6" width="7.6640625" style="255" customWidth="1"/>
    <col min="7" max="7" width="8.44140625" style="255" customWidth="1"/>
    <col min="8" max="8" width="8.77734375" style="255" customWidth="1"/>
    <col min="9" max="16" width="9" style="255"/>
    <col min="17" max="17" width="7.21875" style="255" customWidth="1"/>
    <col min="18" max="27" width="9" style="255"/>
    <col min="28" max="28" width="7.6640625" style="255" customWidth="1"/>
    <col min="29" max="38" width="9" style="255"/>
    <col min="39" max="39" width="7.6640625" style="255" customWidth="1"/>
    <col min="40" max="49" width="9" style="255"/>
    <col min="50" max="50" width="7.6640625" style="255" customWidth="1"/>
    <col min="51" max="60" width="9" style="255"/>
    <col min="61" max="61" width="7.21875" style="255" customWidth="1"/>
    <col min="62" max="71" width="9" style="255"/>
    <col min="72" max="72" width="7.21875" style="255" customWidth="1"/>
    <col min="73" max="82" width="9" style="255"/>
    <col min="83" max="83" width="7.33203125" style="255" customWidth="1"/>
    <col min="84" max="93" width="9" style="255"/>
    <col min="94" max="94" width="7.44140625" style="255" customWidth="1"/>
    <col min="95" max="16384" width="9" style="255"/>
  </cols>
  <sheetData>
    <row r="1" spans="1:101" ht="24" customHeight="1" x14ac:dyDescent="0.2">
      <c r="B1" s="290" t="s">
        <v>124</v>
      </c>
      <c r="I1" s="524">
        <f>第１表!F2</f>
        <v>5</v>
      </c>
      <c r="J1" s="524"/>
      <c r="K1" s="248">
        <f>第１表!G2</f>
        <v>2</v>
      </c>
      <c r="L1" s="529">
        <f>IF(K1&lt;3,K1+12-2,K1-2)</f>
        <v>12</v>
      </c>
      <c r="M1" s="529"/>
    </row>
    <row r="2" spans="1:101" s="291" customFormat="1" ht="24" customHeight="1" thickBot="1" x14ac:dyDescent="0.25">
      <c r="A2" s="44"/>
      <c r="B2" s="290" t="s">
        <v>133</v>
      </c>
    </row>
    <row r="3" spans="1:101" ht="21" customHeight="1" thickBot="1" x14ac:dyDescent="0.25">
      <c r="B3" s="537"/>
      <c r="C3" s="540" t="s">
        <v>114</v>
      </c>
      <c r="D3" s="541"/>
      <c r="E3" s="541"/>
      <c r="F3" s="541"/>
      <c r="G3" s="541"/>
      <c r="H3" s="541"/>
      <c r="I3" s="541"/>
      <c r="J3" s="541"/>
      <c r="K3" s="541"/>
      <c r="L3" s="541"/>
      <c r="M3" s="542"/>
      <c r="N3" s="540" t="s">
        <v>115</v>
      </c>
      <c r="O3" s="541"/>
      <c r="P3" s="541"/>
      <c r="Q3" s="541"/>
      <c r="R3" s="541"/>
      <c r="S3" s="541"/>
      <c r="T3" s="541"/>
      <c r="U3" s="541"/>
      <c r="V3" s="541"/>
      <c r="W3" s="541"/>
      <c r="X3" s="542"/>
      <c r="Y3" s="540" t="s">
        <v>142</v>
      </c>
      <c r="Z3" s="541"/>
      <c r="AA3" s="541"/>
      <c r="AB3" s="541"/>
      <c r="AC3" s="541"/>
      <c r="AD3" s="541"/>
      <c r="AE3" s="541"/>
      <c r="AF3" s="541"/>
      <c r="AG3" s="541"/>
      <c r="AH3" s="541"/>
      <c r="AI3" s="542"/>
      <c r="AJ3" s="540" t="s">
        <v>90</v>
      </c>
      <c r="AK3" s="541"/>
      <c r="AL3" s="541"/>
      <c r="AM3" s="541"/>
      <c r="AN3" s="541"/>
      <c r="AO3" s="541"/>
      <c r="AP3" s="541"/>
      <c r="AQ3" s="541"/>
      <c r="AR3" s="541"/>
      <c r="AS3" s="541"/>
      <c r="AT3" s="542"/>
      <c r="AU3" s="546" t="s">
        <v>89</v>
      </c>
      <c r="AV3" s="547"/>
      <c r="AW3" s="547"/>
      <c r="AX3" s="547"/>
      <c r="AY3" s="547"/>
      <c r="AZ3" s="547"/>
      <c r="BA3" s="547"/>
      <c r="BB3" s="547"/>
      <c r="BC3" s="547"/>
      <c r="BD3" s="547"/>
      <c r="BE3" s="548"/>
      <c r="BF3" s="546" t="s">
        <v>91</v>
      </c>
      <c r="BG3" s="547"/>
      <c r="BH3" s="547"/>
      <c r="BI3" s="547"/>
      <c r="BJ3" s="547"/>
      <c r="BK3" s="547"/>
      <c r="BL3" s="547"/>
      <c r="BM3" s="547"/>
      <c r="BN3" s="547"/>
      <c r="BO3" s="547"/>
      <c r="BP3" s="548"/>
      <c r="BQ3" s="546" t="s">
        <v>92</v>
      </c>
      <c r="BR3" s="547"/>
      <c r="BS3" s="547"/>
      <c r="BT3" s="547"/>
      <c r="BU3" s="547"/>
      <c r="BV3" s="547"/>
      <c r="BW3" s="547"/>
      <c r="BX3" s="547"/>
      <c r="BY3" s="547"/>
      <c r="BZ3" s="547"/>
      <c r="CA3" s="548"/>
      <c r="CB3" s="546" t="s">
        <v>93</v>
      </c>
      <c r="CC3" s="547"/>
      <c r="CD3" s="547"/>
      <c r="CE3" s="547"/>
      <c r="CF3" s="547"/>
      <c r="CG3" s="547"/>
      <c r="CH3" s="547"/>
      <c r="CI3" s="547"/>
      <c r="CJ3" s="547"/>
      <c r="CK3" s="547"/>
      <c r="CL3" s="548"/>
      <c r="CM3" s="547" t="s">
        <v>141</v>
      </c>
      <c r="CN3" s="547"/>
      <c r="CO3" s="547"/>
      <c r="CP3" s="547"/>
      <c r="CQ3" s="547"/>
      <c r="CR3" s="547"/>
      <c r="CS3" s="547"/>
      <c r="CT3" s="547"/>
      <c r="CU3" s="547"/>
      <c r="CV3" s="547"/>
      <c r="CW3" s="548"/>
    </row>
    <row r="4" spans="1:101" ht="21" customHeight="1" x14ac:dyDescent="0.2">
      <c r="B4" s="538"/>
      <c r="C4" s="532" t="s">
        <v>61</v>
      </c>
      <c r="D4" s="533"/>
      <c r="E4" s="534"/>
      <c r="F4" s="535" t="s">
        <v>62</v>
      </c>
      <c r="G4" s="533"/>
      <c r="H4" s="533"/>
      <c r="I4" s="533"/>
      <c r="J4" s="533"/>
      <c r="K4" s="533"/>
      <c r="L4" s="536"/>
      <c r="M4" s="530" t="s">
        <v>52</v>
      </c>
      <c r="N4" s="532" t="s">
        <v>61</v>
      </c>
      <c r="O4" s="533"/>
      <c r="P4" s="534"/>
      <c r="Q4" s="535" t="s">
        <v>62</v>
      </c>
      <c r="R4" s="533"/>
      <c r="S4" s="533"/>
      <c r="T4" s="533"/>
      <c r="U4" s="533"/>
      <c r="V4" s="533"/>
      <c r="W4" s="534"/>
      <c r="X4" s="530" t="s">
        <v>52</v>
      </c>
      <c r="Y4" s="532" t="s">
        <v>61</v>
      </c>
      <c r="Z4" s="533"/>
      <c r="AA4" s="534"/>
      <c r="AB4" s="535" t="s">
        <v>62</v>
      </c>
      <c r="AC4" s="533"/>
      <c r="AD4" s="533"/>
      <c r="AE4" s="533"/>
      <c r="AF4" s="533"/>
      <c r="AG4" s="533"/>
      <c r="AH4" s="534"/>
      <c r="AI4" s="530" t="s">
        <v>52</v>
      </c>
      <c r="AJ4" s="532" t="s">
        <v>61</v>
      </c>
      <c r="AK4" s="533"/>
      <c r="AL4" s="534"/>
      <c r="AM4" s="535" t="s">
        <v>62</v>
      </c>
      <c r="AN4" s="533"/>
      <c r="AO4" s="533"/>
      <c r="AP4" s="533"/>
      <c r="AQ4" s="533"/>
      <c r="AR4" s="533"/>
      <c r="AS4" s="534"/>
      <c r="AT4" s="530" t="s">
        <v>52</v>
      </c>
      <c r="AU4" s="562" t="s">
        <v>61</v>
      </c>
      <c r="AV4" s="560"/>
      <c r="AW4" s="561"/>
      <c r="AX4" s="559" t="s">
        <v>62</v>
      </c>
      <c r="AY4" s="560"/>
      <c r="AZ4" s="560"/>
      <c r="BA4" s="560"/>
      <c r="BB4" s="560"/>
      <c r="BC4" s="560"/>
      <c r="BD4" s="561"/>
      <c r="BE4" s="563" t="s">
        <v>52</v>
      </c>
      <c r="BF4" s="562" t="s">
        <v>61</v>
      </c>
      <c r="BG4" s="560"/>
      <c r="BH4" s="561"/>
      <c r="BI4" s="559" t="s">
        <v>62</v>
      </c>
      <c r="BJ4" s="560"/>
      <c r="BK4" s="560"/>
      <c r="BL4" s="560"/>
      <c r="BM4" s="560"/>
      <c r="BN4" s="560"/>
      <c r="BO4" s="561"/>
      <c r="BP4" s="563" t="s">
        <v>52</v>
      </c>
      <c r="BQ4" s="562" t="s">
        <v>61</v>
      </c>
      <c r="BR4" s="560"/>
      <c r="BS4" s="561"/>
      <c r="BT4" s="559" t="s">
        <v>62</v>
      </c>
      <c r="BU4" s="560"/>
      <c r="BV4" s="560"/>
      <c r="BW4" s="560"/>
      <c r="BX4" s="560"/>
      <c r="BY4" s="560"/>
      <c r="BZ4" s="561"/>
      <c r="CA4" s="563" t="s">
        <v>52</v>
      </c>
      <c r="CB4" s="562" t="s">
        <v>61</v>
      </c>
      <c r="CC4" s="560"/>
      <c r="CD4" s="561"/>
      <c r="CE4" s="559" t="s">
        <v>62</v>
      </c>
      <c r="CF4" s="560"/>
      <c r="CG4" s="560"/>
      <c r="CH4" s="560"/>
      <c r="CI4" s="560"/>
      <c r="CJ4" s="560"/>
      <c r="CK4" s="561"/>
      <c r="CL4" s="563" t="s">
        <v>52</v>
      </c>
      <c r="CM4" s="562" t="s">
        <v>61</v>
      </c>
      <c r="CN4" s="560"/>
      <c r="CO4" s="561"/>
      <c r="CP4" s="559" t="s">
        <v>62</v>
      </c>
      <c r="CQ4" s="560"/>
      <c r="CR4" s="560"/>
      <c r="CS4" s="560"/>
      <c r="CT4" s="560"/>
      <c r="CU4" s="560"/>
      <c r="CV4" s="561"/>
      <c r="CW4" s="563" t="s">
        <v>52</v>
      </c>
    </row>
    <row r="5" spans="1:101" ht="30" customHeight="1" thickBot="1" x14ac:dyDescent="0.25">
      <c r="B5" s="539"/>
      <c r="C5" s="263" t="s">
        <v>43</v>
      </c>
      <c r="D5" s="265" t="s">
        <v>44</v>
      </c>
      <c r="E5" s="266" t="s">
        <v>45</v>
      </c>
      <c r="F5" s="267" t="s">
        <v>83</v>
      </c>
      <c r="G5" s="259" t="s">
        <v>47</v>
      </c>
      <c r="H5" s="259" t="s">
        <v>48</v>
      </c>
      <c r="I5" s="259" t="s">
        <v>49</v>
      </c>
      <c r="J5" s="259" t="s">
        <v>50</v>
      </c>
      <c r="K5" s="259" t="s">
        <v>51</v>
      </c>
      <c r="L5" s="268" t="s">
        <v>45</v>
      </c>
      <c r="M5" s="531"/>
      <c r="N5" s="263" t="s">
        <v>43</v>
      </c>
      <c r="O5" s="259" t="s">
        <v>44</v>
      </c>
      <c r="P5" s="265" t="s">
        <v>45</v>
      </c>
      <c r="Q5" s="267" t="s">
        <v>83</v>
      </c>
      <c r="R5" s="259" t="s">
        <v>47</v>
      </c>
      <c r="S5" s="259" t="s">
        <v>48</v>
      </c>
      <c r="T5" s="259" t="s">
        <v>49</v>
      </c>
      <c r="U5" s="259" t="s">
        <v>50</v>
      </c>
      <c r="V5" s="259" t="s">
        <v>51</v>
      </c>
      <c r="W5" s="265" t="s">
        <v>45</v>
      </c>
      <c r="X5" s="531"/>
      <c r="Y5" s="263" t="s">
        <v>43</v>
      </c>
      <c r="Z5" s="259" t="s">
        <v>44</v>
      </c>
      <c r="AA5" s="265" t="s">
        <v>45</v>
      </c>
      <c r="AB5" s="267" t="s">
        <v>83</v>
      </c>
      <c r="AC5" s="259" t="s">
        <v>47</v>
      </c>
      <c r="AD5" s="259" t="s">
        <v>48</v>
      </c>
      <c r="AE5" s="259" t="s">
        <v>49</v>
      </c>
      <c r="AF5" s="259" t="s">
        <v>50</v>
      </c>
      <c r="AG5" s="259" t="s">
        <v>51</v>
      </c>
      <c r="AH5" s="265" t="s">
        <v>45</v>
      </c>
      <c r="AI5" s="531"/>
      <c r="AJ5" s="340" t="s">
        <v>43</v>
      </c>
      <c r="AK5" s="259" t="s">
        <v>44</v>
      </c>
      <c r="AL5" s="265" t="s">
        <v>45</v>
      </c>
      <c r="AM5" s="267" t="s">
        <v>83</v>
      </c>
      <c r="AN5" s="259" t="s">
        <v>47</v>
      </c>
      <c r="AO5" s="259" t="s">
        <v>48</v>
      </c>
      <c r="AP5" s="259" t="s">
        <v>49</v>
      </c>
      <c r="AQ5" s="259" t="s">
        <v>50</v>
      </c>
      <c r="AR5" s="259" t="s">
        <v>51</v>
      </c>
      <c r="AS5" s="265" t="s">
        <v>45</v>
      </c>
      <c r="AT5" s="531"/>
      <c r="AU5" s="340" t="s">
        <v>43</v>
      </c>
      <c r="AV5" s="259" t="s">
        <v>44</v>
      </c>
      <c r="AW5" s="265" t="s">
        <v>45</v>
      </c>
      <c r="AX5" s="267" t="s">
        <v>83</v>
      </c>
      <c r="AY5" s="259" t="s">
        <v>47</v>
      </c>
      <c r="AZ5" s="259" t="s">
        <v>48</v>
      </c>
      <c r="BA5" s="259" t="s">
        <v>49</v>
      </c>
      <c r="BB5" s="259" t="s">
        <v>50</v>
      </c>
      <c r="BC5" s="259" t="s">
        <v>51</v>
      </c>
      <c r="BD5" s="265" t="s">
        <v>45</v>
      </c>
      <c r="BE5" s="564"/>
      <c r="BF5" s="340" t="s">
        <v>43</v>
      </c>
      <c r="BG5" s="259" t="s">
        <v>44</v>
      </c>
      <c r="BH5" s="265" t="s">
        <v>45</v>
      </c>
      <c r="BI5" s="267" t="s">
        <v>83</v>
      </c>
      <c r="BJ5" s="259" t="s">
        <v>47</v>
      </c>
      <c r="BK5" s="259" t="s">
        <v>48</v>
      </c>
      <c r="BL5" s="259" t="s">
        <v>49</v>
      </c>
      <c r="BM5" s="259" t="s">
        <v>50</v>
      </c>
      <c r="BN5" s="259" t="s">
        <v>51</v>
      </c>
      <c r="BO5" s="265" t="s">
        <v>45</v>
      </c>
      <c r="BP5" s="564"/>
      <c r="BQ5" s="340" t="s">
        <v>43</v>
      </c>
      <c r="BR5" s="259" t="s">
        <v>44</v>
      </c>
      <c r="BS5" s="265" t="s">
        <v>45</v>
      </c>
      <c r="BT5" s="267" t="s">
        <v>83</v>
      </c>
      <c r="BU5" s="259" t="s">
        <v>47</v>
      </c>
      <c r="BV5" s="259" t="s">
        <v>48</v>
      </c>
      <c r="BW5" s="259" t="s">
        <v>49</v>
      </c>
      <c r="BX5" s="259" t="s">
        <v>50</v>
      </c>
      <c r="BY5" s="259" t="s">
        <v>51</v>
      </c>
      <c r="BZ5" s="265" t="s">
        <v>45</v>
      </c>
      <c r="CA5" s="564"/>
      <c r="CB5" s="340" t="s">
        <v>43</v>
      </c>
      <c r="CC5" s="259" t="s">
        <v>44</v>
      </c>
      <c r="CD5" s="265" t="s">
        <v>45</v>
      </c>
      <c r="CE5" s="267" t="s">
        <v>83</v>
      </c>
      <c r="CF5" s="259" t="s">
        <v>47</v>
      </c>
      <c r="CG5" s="259" t="s">
        <v>48</v>
      </c>
      <c r="CH5" s="259" t="s">
        <v>49</v>
      </c>
      <c r="CI5" s="259" t="s">
        <v>50</v>
      </c>
      <c r="CJ5" s="259" t="s">
        <v>51</v>
      </c>
      <c r="CK5" s="265" t="s">
        <v>45</v>
      </c>
      <c r="CL5" s="564"/>
      <c r="CM5" s="340" t="s">
        <v>43</v>
      </c>
      <c r="CN5" s="259" t="s">
        <v>44</v>
      </c>
      <c r="CO5" s="265" t="s">
        <v>45</v>
      </c>
      <c r="CP5" s="267" t="s">
        <v>83</v>
      </c>
      <c r="CQ5" s="259" t="s">
        <v>47</v>
      </c>
      <c r="CR5" s="259" t="s">
        <v>48</v>
      </c>
      <c r="CS5" s="259" t="s">
        <v>49</v>
      </c>
      <c r="CT5" s="259" t="s">
        <v>50</v>
      </c>
      <c r="CU5" s="259" t="s">
        <v>51</v>
      </c>
      <c r="CV5" s="265" t="s">
        <v>45</v>
      </c>
      <c r="CW5" s="564"/>
    </row>
    <row r="6" spans="1:101" ht="21" customHeight="1" x14ac:dyDescent="0.2">
      <c r="B6" s="260" t="s">
        <v>4</v>
      </c>
      <c r="C6" s="269">
        <v>0</v>
      </c>
      <c r="D6" s="270">
        <v>0</v>
      </c>
      <c r="E6" s="271">
        <v>0</v>
      </c>
      <c r="F6" s="272">
        <v>0</v>
      </c>
      <c r="G6" s="273">
        <v>322</v>
      </c>
      <c r="H6" s="273">
        <v>366</v>
      </c>
      <c r="I6" s="273">
        <v>342</v>
      </c>
      <c r="J6" s="273">
        <v>380</v>
      </c>
      <c r="K6" s="273">
        <v>371</v>
      </c>
      <c r="L6" s="274">
        <v>1781</v>
      </c>
      <c r="M6" s="275">
        <v>1781</v>
      </c>
      <c r="N6" s="269">
        <v>0</v>
      </c>
      <c r="O6" s="273">
        <v>0</v>
      </c>
      <c r="P6" s="270">
        <v>0</v>
      </c>
      <c r="Q6" s="272">
        <v>0</v>
      </c>
      <c r="R6" s="273">
        <v>210</v>
      </c>
      <c r="S6" s="273">
        <v>533</v>
      </c>
      <c r="T6" s="273">
        <v>489</v>
      </c>
      <c r="U6" s="273">
        <v>453</v>
      </c>
      <c r="V6" s="273">
        <v>433</v>
      </c>
      <c r="W6" s="270">
        <v>2118</v>
      </c>
      <c r="X6" s="275">
        <v>2118</v>
      </c>
      <c r="Y6" s="269">
        <v>0</v>
      </c>
      <c r="Z6" s="273">
        <v>1</v>
      </c>
      <c r="AA6" s="270">
        <v>1</v>
      </c>
      <c r="AB6" s="272">
        <v>0</v>
      </c>
      <c r="AC6" s="273">
        <v>13448</v>
      </c>
      <c r="AD6" s="273">
        <v>12224</v>
      </c>
      <c r="AE6" s="273">
        <v>5994</v>
      </c>
      <c r="AF6" s="273">
        <v>3019</v>
      </c>
      <c r="AG6" s="273">
        <v>1345</v>
      </c>
      <c r="AH6" s="270">
        <v>36030</v>
      </c>
      <c r="AI6" s="275">
        <v>36031</v>
      </c>
      <c r="AJ6" s="269">
        <v>10</v>
      </c>
      <c r="AK6" s="273">
        <v>7</v>
      </c>
      <c r="AL6" s="270">
        <v>17</v>
      </c>
      <c r="AM6" s="272">
        <v>0</v>
      </c>
      <c r="AN6" s="273">
        <v>825</v>
      </c>
      <c r="AO6" s="273">
        <v>957</v>
      </c>
      <c r="AP6" s="273">
        <v>1073</v>
      </c>
      <c r="AQ6" s="273">
        <v>591</v>
      </c>
      <c r="AR6" s="273">
        <v>451</v>
      </c>
      <c r="AS6" s="270">
        <v>3897</v>
      </c>
      <c r="AT6" s="275">
        <v>3914</v>
      </c>
      <c r="AU6" s="269">
        <v>176</v>
      </c>
      <c r="AV6" s="273">
        <v>269</v>
      </c>
      <c r="AW6" s="270">
        <v>445</v>
      </c>
      <c r="AX6" s="272">
        <v>0</v>
      </c>
      <c r="AY6" s="273">
        <v>1386</v>
      </c>
      <c r="AZ6" s="273">
        <v>1573</v>
      </c>
      <c r="BA6" s="273">
        <v>1363</v>
      </c>
      <c r="BB6" s="273">
        <v>975</v>
      </c>
      <c r="BC6" s="273">
        <v>485</v>
      </c>
      <c r="BD6" s="270">
        <v>5782</v>
      </c>
      <c r="BE6" s="275">
        <v>6227</v>
      </c>
      <c r="BF6" s="269">
        <v>0</v>
      </c>
      <c r="BG6" s="273">
        <v>41</v>
      </c>
      <c r="BH6" s="270">
        <v>41</v>
      </c>
      <c r="BI6" s="272">
        <v>0</v>
      </c>
      <c r="BJ6" s="273">
        <v>2560</v>
      </c>
      <c r="BK6" s="273">
        <v>3201</v>
      </c>
      <c r="BL6" s="273">
        <v>3521</v>
      </c>
      <c r="BM6" s="273">
        <v>2353</v>
      </c>
      <c r="BN6" s="273">
        <v>1613</v>
      </c>
      <c r="BO6" s="274">
        <v>13248</v>
      </c>
      <c r="BP6" s="275">
        <v>13289</v>
      </c>
      <c r="BQ6" s="269">
        <v>0</v>
      </c>
      <c r="BR6" s="273">
        <v>0</v>
      </c>
      <c r="BS6" s="270">
        <v>0</v>
      </c>
      <c r="BT6" s="272">
        <v>0</v>
      </c>
      <c r="BU6" s="273">
        <v>39</v>
      </c>
      <c r="BV6" s="273">
        <v>52</v>
      </c>
      <c r="BW6" s="273">
        <v>62</v>
      </c>
      <c r="BX6" s="273">
        <v>70</v>
      </c>
      <c r="BY6" s="273">
        <v>52</v>
      </c>
      <c r="BZ6" s="270">
        <v>275</v>
      </c>
      <c r="CA6" s="275">
        <v>275</v>
      </c>
      <c r="CB6" s="269">
        <v>0</v>
      </c>
      <c r="CC6" s="273">
        <v>0</v>
      </c>
      <c r="CD6" s="270">
        <v>0</v>
      </c>
      <c r="CE6" s="272">
        <v>0</v>
      </c>
      <c r="CF6" s="273">
        <v>12</v>
      </c>
      <c r="CG6" s="273">
        <v>34</v>
      </c>
      <c r="CH6" s="273">
        <v>234</v>
      </c>
      <c r="CI6" s="273">
        <v>340</v>
      </c>
      <c r="CJ6" s="273">
        <v>222</v>
      </c>
      <c r="CK6" s="270">
        <v>842</v>
      </c>
      <c r="CL6" s="275">
        <v>842</v>
      </c>
      <c r="CM6" s="269">
        <v>0</v>
      </c>
      <c r="CN6" s="273">
        <v>0</v>
      </c>
      <c r="CO6" s="270">
        <v>0</v>
      </c>
      <c r="CP6" s="272">
        <v>0</v>
      </c>
      <c r="CQ6" s="273">
        <v>190</v>
      </c>
      <c r="CR6" s="273">
        <v>288</v>
      </c>
      <c r="CS6" s="273">
        <v>295</v>
      </c>
      <c r="CT6" s="273">
        <v>355</v>
      </c>
      <c r="CU6" s="273">
        <v>440</v>
      </c>
      <c r="CV6" s="270">
        <v>1568</v>
      </c>
      <c r="CW6" s="275">
        <v>1568</v>
      </c>
    </row>
    <row r="7" spans="1:101" ht="21" customHeight="1" x14ac:dyDescent="0.2">
      <c r="B7" s="261" t="s">
        <v>5</v>
      </c>
      <c r="C7" s="276">
        <v>0</v>
      </c>
      <c r="D7" s="277">
        <v>0</v>
      </c>
      <c r="E7" s="278">
        <v>0</v>
      </c>
      <c r="F7" s="279">
        <v>0</v>
      </c>
      <c r="G7" s="280">
        <v>130</v>
      </c>
      <c r="H7" s="280">
        <v>165</v>
      </c>
      <c r="I7" s="280">
        <v>180</v>
      </c>
      <c r="J7" s="280">
        <v>181</v>
      </c>
      <c r="K7" s="280">
        <v>174</v>
      </c>
      <c r="L7" s="281">
        <v>830</v>
      </c>
      <c r="M7" s="282">
        <v>830</v>
      </c>
      <c r="N7" s="276">
        <v>0</v>
      </c>
      <c r="O7" s="280">
        <v>0</v>
      </c>
      <c r="P7" s="277">
        <v>0</v>
      </c>
      <c r="Q7" s="279">
        <v>0</v>
      </c>
      <c r="R7" s="280">
        <v>108</v>
      </c>
      <c r="S7" s="280">
        <v>394</v>
      </c>
      <c r="T7" s="280">
        <v>366</v>
      </c>
      <c r="U7" s="280">
        <v>328</v>
      </c>
      <c r="V7" s="280">
        <v>311</v>
      </c>
      <c r="W7" s="277">
        <v>1507</v>
      </c>
      <c r="X7" s="282">
        <v>1507</v>
      </c>
      <c r="Y7" s="276">
        <v>0</v>
      </c>
      <c r="Z7" s="280">
        <v>0</v>
      </c>
      <c r="AA7" s="277">
        <v>0</v>
      </c>
      <c r="AB7" s="279">
        <v>0</v>
      </c>
      <c r="AC7" s="280">
        <v>4659</v>
      </c>
      <c r="AD7" s="280">
        <v>5793</v>
      </c>
      <c r="AE7" s="280">
        <v>2704</v>
      </c>
      <c r="AF7" s="280">
        <v>1401</v>
      </c>
      <c r="AG7" s="280">
        <v>613</v>
      </c>
      <c r="AH7" s="277">
        <v>15170</v>
      </c>
      <c r="AI7" s="282">
        <v>15170</v>
      </c>
      <c r="AJ7" s="276">
        <v>2</v>
      </c>
      <c r="AK7" s="280">
        <v>3</v>
      </c>
      <c r="AL7" s="277">
        <v>5</v>
      </c>
      <c r="AM7" s="279">
        <v>0</v>
      </c>
      <c r="AN7" s="280">
        <v>388</v>
      </c>
      <c r="AO7" s="280">
        <v>509</v>
      </c>
      <c r="AP7" s="280">
        <v>553</v>
      </c>
      <c r="AQ7" s="280">
        <v>326</v>
      </c>
      <c r="AR7" s="280">
        <v>248</v>
      </c>
      <c r="AS7" s="277">
        <v>2024</v>
      </c>
      <c r="AT7" s="282">
        <v>2029</v>
      </c>
      <c r="AU7" s="276">
        <v>69</v>
      </c>
      <c r="AV7" s="280">
        <v>105</v>
      </c>
      <c r="AW7" s="277">
        <v>174</v>
      </c>
      <c r="AX7" s="279">
        <v>0</v>
      </c>
      <c r="AY7" s="280">
        <v>524</v>
      </c>
      <c r="AZ7" s="280">
        <v>671</v>
      </c>
      <c r="BA7" s="280">
        <v>572</v>
      </c>
      <c r="BB7" s="280">
        <v>427</v>
      </c>
      <c r="BC7" s="280">
        <v>246</v>
      </c>
      <c r="BD7" s="277">
        <v>2440</v>
      </c>
      <c r="BE7" s="282">
        <v>2614</v>
      </c>
      <c r="BF7" s="276">
        <v>0</v>
      </c>
      <c r="BG7" s="280">
        <v>14</v>
      </c>
      <c r="BH7" s="277">
        <v>14</v>
      </c>
      <c r="BI7" s="279">
        <v>0</v>
      </c>
      <c r="BJ7" s="280">
        <v>1143</v>
      </c>
      <c r="BK7" s="280">
        <v>1421</v>
      </c>
      <c r="BL7" s="280">
        <v>1470</v>
      </c>
      <c r="BM7" s="280">
        <v>991</v>
      </c>
      <c r="BN7" s="280">
        <v>721</v>
      </c>
      <c r="BO7" s="281">
        <v>5746</v>
      </c>
      <c r="BP7" s="282">
        <v>5760</v>
      </c>
      <c r="BQ7" s="276">
        <v>0</v>
      </c>
      <c r="BR7" s="280">
        <v>0</v>
      </c>
      <c r="BS7" s="277">
        <v>0</v>
      </c>
      <c r="BT7" s="279">
        <v>0</v>
      </c>
      <c r="BU7" s="280">
        <v>1</v>
      </c>
      <c r="BV7" s="280">
        <v>0</v>
      </c>
      <c r="BW7" s="280">
        <v>5</v>
      </c>
      <c r="BX7" s="280">
        <v>1</v>
      </c>
      <c r="BY7" s="280">
        <v>5</v>
      </c>
      <c r="BZ7" s="277">
        <v>12</v>
      </c>
      <c r="CA7" s="282">
        <v>12</v>
      </c>
      <c r="CB7" s="276">
        <v>0</v>
      </c>
      <c r="CC7" s="280">
        <v>0</v>
      </c>
      <c r="CD7" s="277">
        <v>0</v>
      </c>
      <c r="CE7" s="279">
        <v>0</v>
      </c>
      <c r="CF7" s="280">
        <v>5</v>
      </c>
      <c r="CG7" s="280">
        <v>12</v>
      </c>
      <c r="CH7" s="280">
        <v>28</v>
      </c>
      <c r="CI7" s="280">
        <v>39</v>
      </c>
      <c r="CJ7" s="280">
        <v>27</v>
      </c>
      <c r="CK7" s="277">
        <v>111</v>
      </c>
      <c r="CL7" s="282">
        <v>111</v>
      </c>
      <c r="CM7" s="276">
        <v>0</v>
      </c>
      <c r="CN7" s="280">
        <v>0</v>
      </c>
      <c r="CO7" s="277">
        <v>0</v>
      </c>
      <c r="CP7" s="279">
        <v>0</v>
      </c>
      <c r="CQ7" s="280">
        <v>31</v>
      </c>
      <c r="CR7" s="280">
        <v>56</v>
      </c>
      <c r="CS7" s="280">
        <v>77</v>
      </c>
      <c r="CT7" s="280">
        <v>90</v>
      </c>
      <c r="CU7" s="280">
        <v>171</v>
      </c>
      <c r="CV7" s="277">
        <v>425</v>
      </c>
      <c r="CW7" s="282">
        <v>425</v>
      </c>
    </row>
    <row r="8" spans="1:101" ht="21" customHeight="1" x14ac:dyDescent="0.2">
      <c r="B8" s="261" t="s">
        <v>6</v>
      </c>
      <c r="C8" s="276">
        <v>0</v>
      </c>
      <c r="D8" s="277">
        <v>0</v>
      </c>
      <c r="E8" s="278">
        <v>0</v>
      </c>
      <c r="F8" s="279">
        <v>0</v>
      </c>
      <c r="G8" s="280">
        <v>74</v>
      </c>
      <c r="H8" s="280">
        <v>77</v>
      </c>
      <c r="I8" s="280">
        <v>63</v>
      </c>
      <c r="J8" s="280">
        <v>94</v>
      </c>
      <c r="K8" s="280">
        <v>117</v>
      </c>
      <c r="L8" s="281">
        <v>425</v>
      </c>
      <c r="M8" s="282">
        <v>425</v>
      </c>
      <c r="N8" s="276">
        <v>0</v>
      </c>
      <c r="O8" s="280">
        <v>0</v>
      </c>
      <c r="P8" s="277">
        <v>0</v>
      </c>
      <c r="Q8" s="279">
        <v>0</v>
      </c>
      <c r="R8" s="280">
        <v>75</v>
      </c>
      <c r="S8" s="280">
        <v>103</v>
      </c>
      <c r="T8" s="280">
        <v>97</v>
      </c>
      <c r="U8" s="280">
        <v>98</v>
      </c>
      <c r="V8" s="280">
        <v>99</v>
      </c>
      <c r="W8" s="277">
        <v>472</v>
      </c>
      <c r="X8" s="282">
        <v>472</v>
      </c>
      <c r="Y8" s="276">
        <v>0</v>
      </c>
      <c r="Z8" s="280">
        <v>0</v>
      </c>
      <c r="AA8" s="277">
        <v>0</v>
      </c>
      <c r="AB8" s="279">
        <v>0</v>
      </c>
      <c r="AC8" s="280">
        <v>1978</v>
      </c>
      <c r="AD8" s="280">
        <v>1283</v>
      </c>
      <c r="AE8" s="280">
        <v>741</v>
      </c>
      <c r="AF8" s="280">
        <v>446</v>
      </c>
      <c r="AG8" s="280">
        <v>221</v>
      </c>
      <c r="AH8" s="277">
        <v>4669</v>
      </c>
      <c r="AI8" s="282">
        <v>4669</v>
      </c>
      <c r="AJ8" s="276">
        <v>3</v>
      </c>
      <c r="AK8" s="280">
        <v>1</v>
      </c>
      <c r="AL8" s="277">
        <v>4</v>
      </c>
      <c r="AM8" s="279">
        <v>0</v>
      </c>
      <c r="AN8" s="280">
        <v>197</v>
      </c>
      <c r="AO8" s="280">
        <v>194</v>
      </c>
      <c r="AP8" s="280">
        <v>208</v>
      </c>
      <c r="AQ8" s="280">
        <v>132</v>
      </c>
      <c r="AR8" s="280">
        <v>92</v>
      </c>
      <c r="AS8" s="277">
        <v>823</v>
      </c>
      <c r="AT8" s="282">
        <v>827</v>
      </c>
      <c r="AU8" s="276">
        <v>22</v>
      </c>
      <c r="AV8" s="280">
        <v>33</v>
      </c>
      <c r="AW8" s="277">
        <v>55</v>
      </c>
      <c r="AX8" s="279">
        <v>0</v>
      </c>
      <c r="AY8" s="280">
        <v>213</v>
      </c>
      <c r="AZ8" s="280">
        <v>216</v>
      </c>
      <c r="BA8" s="280">
        <v>178</v>
      </c>
      <c r="BB8" s="280">
        <v>143</v>
      </c>
      <c r="BC8" s="280">
        <v>66</v>
      </c>
      <c r="BD8" s="277">
        <v>816</v>
      </c>
      <c r="BE8" s="282">
        <v>871</v>
      </c>
      <c r="BF8" s="276">
        <v>0</v>
      </c>
      <c r="BG8" s="280">
        <v>5</v>
      </c>
      <c r="BH8" s="277">
        <v>5</v>
      </c>
      <c r="BI8" s="279">
        <v>0</v>
      </c>
      <c r="BJ8" s="280">
        <v>455</v>
      </c>
      <c r="BK8" s="280">
        <v>549</v>
      </c>
      <c r="BL8" s="280">
        <v>587</v>
      </c>
      <c r="BM8" s="280">
        <v>375</v>
      </c>
      <c r="BN8" s="280">
        <v>247</v>
      </c>
      <c r="BO8" s="281">
        <v>2213</v>
      </c>
      <c r="BP8" s="282">
        <v>2218</v>
      </c>
      <c r="BQ8" s="276">
        <v>0</v>
      </c>
      <c r="BR8" s="280">
        <v>0</v>
      </c>
      <c r="BS8" s="277">
        <v>0</v>
      </c>
      <c r="BT8" s="279">
        <v>0</v>
      </c>
      <c r="BU8" s="280">
        <v>0</v>
      </c>
      <c r="BV8" s="280">
        <v>0</v>
      </c>
      <c r="BW8" s="280">
        <v>0</v>
      </c>
      <c r="BX8" s="280">
        <v>0</v>
      </c>
      <c r="BY8" s="280">
        <v>0</v>
      </c>
      <c r="BZ8" s="277">
        <v>0</v>
      </c>
      <c r="CA8" s="282">
        <v>0</v>
      </c>
      <c r="CB8" s="276">
        <v>0</v>
      </c>
      <c r="CC8" s="280">
        <v>0</v>
      </c>
      <c r="CD8" s="277">
        <v>0</v>
      </c>
      <c r="CE8" s="279">
        <v>0</v>
      </c>
      <c r="CF8" s="280">
        <v>4</v>
      </c>
      <c r="CG8" s="280">
        <v>6</v>
      </c>
      <c r="CH8" s="280">
        <v>71</v>
      </c>
      <c r="CI8" s="280">
        <v>96</v>
      </c>
      <c r="CJ8" s="280">
        <v>67</v>
      </c>
      <c r="CK8" s="277">
        <v>244</v>
      </c>
      <c r="CL8" s="282">
        <v>244</v>
      </c>
      <c r="CM8" s="276">
        <v>0</v>
      </c>
      <c r="CN8" s="280">
        <v>0</v>
      </c>
      <c r="CO8" s="277">
        <v>0</v>
      </c>
      <c r="CP8" s="279">
        <v>0</v>
      </c>
      <c r="CQ8" s="280">
        <v>65</v>
      </c>
      <c r="CR8" s="280">
        <v>95</v>
      </c>
      <c r="CS8" s="280">
        <v>74</v>
      </c>
      <c r="CT8" s="280">
        <v>90</v>
      </c>
      <c r="CU8" s="280">
        <v>95</v>
      </c>
      <c r="CV8" s="277">
        <v>419</v>
      </c>
      <c r="CW8" s="282">
        <v>419</v>
      </c>
    </row>
    <row r="9" spans="1:101" ht="21" customHeight="1" x14ac:dyDescent="0.2">
      <c r="B9" s="261" t="s">
        <v>14</v>
      </c>
      <c r="C9" s="276">
        <v>0</v>
      </c>
      <c r="D9" s="277">
        <v>0</v>
      </c>
      <c r="E9" s="278">
        <v>0</v>
      </c>
      <c r="F9" s="279">
        <v>0</v>
      </c>
      <c r="G9" s="280">
        <v>24</v>
      </c>
      <c r="H9" s="280">
        <v>14</v>
      </c>
      <c r="I9" s="280">
        <v>20</v>
      </c>
      <c r="J9" s="280">
        <v>16</v>
      </c>
      <c r="K9" s="280">
        <v>13</v>
      </c>
      <c r="L9" s="281">
        <v>87</v>
      </c>
      <c r="M9" s="282">
        <v>87</v>
      </c>
      <c r="N9" s="276">
        <v>0</v>
      </c>
      <c r="O9" s="280">
        <v>0</v>
      </c>
      <c r="P9" s="277">
        <v>0</v>
      </c>
      <c r="Q9" s="279">
        <v>0</v>
      </c>
      <c r="R9" s="280">
        <v>1</v>
      </c>
      <c r="S9" s="280">
        <v>2</v>
      </c>
      <c r="T9" s="280">
        <v>1</v>
      </c>
      <c r="U9" s="280">
        <v>3</v>
      </c>
      <c r="V9" s="280">
        <v>2</v>
      </c>
      <c r="W9" s="277">
        <v>9</v>
      </c>
      <c r="X9" s="282">
        <v>9</v>
      </c>
      <c r="Y9" s="276">
        <v>0</v>
      </c>
      <c r="Z9" s="280">
        <v>0</v>
      </c>
      <c r="AA9" s="277">
        <v>0</v>
      </c>
      <c r="AB9" s="279">
        <v>0</v>
      </c>
      <c r="AC9" s="280">
        <v>1010</v>
      </c>
      <c r="AD9" s="280">
        <v>1140</v>
      </c>
      <c r="AE9" s="280">
        <v>561</v>
      </c>
      <c r="AF9" s="280">
        <v>249</v>
      </c>
      <c r="AG9" s="280">
        <v>115</v>
      </c>
      <c r="AH9" s="277">
        <v>3075</v>
      </c>
      <c r="AI9" s="282">
        <v>3075</v>
      </c>
      <c r="AJ9" s="276">
        <v>2</v>
      </c>
      <c r="AK9" s="280">
        <v>0</v>
      </c>
      <c r="AL9" s="277">
        <v>2</v>
      </c>
      <c r="AM9" s="279">
        <v>0</v>
      </c>
      <c r="AN9" s="280">
        <v>17</v>
      </c>
      <c r="AO9" s="280">
        <v>22</v>
      </c>
      <c r="AP9" s="280">
        <v>37</v>
      </c>
      <c r="AQ9" s="280">
        <v>18</v>
      </c>
      <c r="AR9" s="280">
        <v>22</v>
      </c>
      <c r="AS9" s="277">
        <v>116</v>
      </c>
      <c r="AT9" s="282">
        <v>118</v>
      </c>
      <c r="AU9" s="276">
        <v>20</v>
      </c>
      <c r="AV9" s="280">
        <v>26</v>
      </c>
      <c r="AW9" s="277">
        <v>46</v>
      </c>
      <c r="AX9" s="279">
        <v>0</v>
      </c>
      <c r="AY9" s="280">
        <v>112</v>
      </c>
      <c r="AZ9" s="280">
        <v>142</v>
      </c>
      <c r="BA9" s="280">
        <v>129</v>
      </c>
      <c r="BB9" s="280">
        <v>81</v>
      </c>
      <c r="BC9" s="280">
        <v>21</v>
      </c>
      <c r="BD9" s="277">
        <v>485</v>
      </c>
      <c r="BE9" s="282">
        <v>531</v>
      </c>
      <c r="BF9" s="276">
        <v>0</v>
      </c>
      <c r="BG9" s="280">
        <v>2</v>
      </c>
      <c r="BH9" s="277">
        <v>2</v>
      </c>
      <c r="BI9" s="279">
        <v>0</v>
      </c>
      <c r="BJ9" s="280">
        <v>227</v>
      </c>
      <c r="BK9" s="280">
        <v>288</v>
      </c>
      <c r="BL9" s="280">
        <v>348</v>
      </c>
      <c r="BM9" s="280">
        <v>211</v>
      </c>
      <c r="BN9" s="280">
        <v>144</v>
      </c>
      <c r="BO9" s="281">
        <v>1218</v>
      </c>
      <c r="BP9" s="282">
        <v>1220</v>
      </c>
      <c r="BQ9" s="276">
        <v>0</v>
      </c>
      <c r="BR9" s="280">
        <v>0</v>
      </c>
      <c r="BS9" s="277">
        <v>0</v>
      </c>
      <c r="BT9" s="279">
        <v>0</v>
      </c>
      <c r="BU9" s="280">
        <v>0</v>
      </c>
      <c r="BV9" s="280">
        <v>0</v>
      </c>
      <c r="BW9" s="280">
        <v>0</v>
      </c>
      <c r="BX9" s="280">
        <v>0</v>
      </c>
      <c r="BY9" s="280">
        <v>0</v>
      </c>
      <c r="BZ9" s="277">
        <v>0</v>
      </c>
      <c r="CA9" s="282">
        <v>0</v>
      </c>
      <c r="CB9" s="276">
        <v>0</v>
      </c>
      <c r="CC9" s="280">
        <v>0</v>
      </c>
      <c r="CD9" s="277">
        <v>0</v>
      </c>
      <c r="CE9" s="279">
        <v>0</v>
      </c>
      <c r="CF9" s="280">
        <v>0</v>
      </c>
      <c r="CG9" s="280">
        <v>2</v>
      </c>
      <c r="CH9" s="280">
        <v>15</v>
      </c>
      <c r="CI9" s="280">
        <v>30</v>
      </c>
      <c r="CJ9" s="280">
        <v>12</v>
      </c>
      <c r="CK9" s="277">
        <v>59</v>
      </c>
      <c r="CL9" s="282">
        <v>59</v>
      </c>
      <c r="CM9" s="276">
        <v>0</v>
      </c>
      <c r="CN9" s="280">
        <v>0</v>
      </c>
      <c r="CO9" s="277">
        <v>0</v>
      </c>
      <c r="CP9" s="279">
        <v>0</v>
      </c>
      <c r="CQ9" s="280">
        <v>10</v>
      </c>
      <c r="CR9" s="280">
        <v>13</v>
      </c>
      <c r="CS9" s="280">
        <v>19</v>
      </c>
      <c r="CT9" s="280">
        <v>25</v>
      </c>
      <c r="CU9" s="280">
        <v>22</v>
      </c>
      <c r="CV9" s="277">
        <v>89</v>
      </c>
      <c r="CW9" s="282">
        <v>89</v>
      </c>
    </row>
    <row r="10" spans="1:101" ht="21" customHeight="1" x14ac:dyDescent="0.2">
      <c r="B10" s="261" t="s">
        <v>7</v>
      </c>
      <c r="C10" s="276">
        <v>0</v>
      </c>
      <c r="D10" s="277">
        <v>0</v>
      </c>
      <c r="E10" s="278">
        <v>0</v>
      </c>
      <c r="F10" s="279">
        <v>0</v>
      </c>
      <c r="G10" s="280">
        <v>5</v>
      </c>
      <c r="H10" s="280">
        <v>7</v>
      </c>
      <c r="I10" s="280">
        <v>7</v>
      </c>
      <c r="J10" s="280">
        <v>8</v>
      </c>
      <c r="K10" s="280">
        <v>6</v>
      </c>
      <c r="L10" s="281">
        <v>33</v>
      </c>
      <c r="M10" s="282">
        <v>33</v>
      </c>
      <c r="N10" s="276">
        <v>0</v>
      </c>
      <c r="O10" s="280">
        <v>0</v>
      </c>
      <c r="P10" s="277">
        <v>0</v>
      </c>
      <c r="Q10" s="279">
        <v>0</v>
      </c>
      <c r="R10" s="280">
        <v>0</v>
      </c>
      <c r="S10" s="280">
        <v>0</v>
      </c>
      <c r="T10" s="280">
        <v>0</v>
      </c>
      <c r="U10" s="280">
        <v>0</v>
      </c>
      <c r="V10" s="280">
        <v>0</v>
      </c>
      <c r="W10" s="277">
        <v>0</v>
      </c>
      <c r="X10" s="282">
        <v>0</v>
      </c>
      <c r="Y10" s="276">
        <v>0</v>
      </c>
      <c r="Z10" s="280">
        <v>0</v>
      </c>
      <c r="AA10" s="277">
        <v>0</v>
      </c>
      <c r="AB10" s="279">
        <v>0</v>
      </c>
      <c r="AC10" s="280">
        <v>1125</v>
      </c>
      <c r="AD10" s="280">
        <v>644</v>
      </c>
      <c r="AE10" s="280">
        <v>318</v>
      </c>
      <c r="AF10" s="280">
        <v>135</v>
      </c>
      <c r="AG10" s="280">
        <v>51</v>
      </c>
      <c r="AH10" s="277">
        <v>2273</v>
      </c>
      <c r="AI10" s="282">
        <v>2273</v>
      </c>
      <c r="AJ10" s="276">
        <v>0</v>
      </c>
      <c r="AK10" s="280">
        <v>0</v>
      </c>
      <c r="AL10" s="277">
        <v>0</v>
      </c>
      <c r="AM10" s="279">
        <v>0</v>
      </c>
      <c r="AN10" s="280">
        <v>87</v>
      </c>
      <c r="AO10" s="280">
        <v>97</v>
      </c>
      <c r="AP10" s="280">
        <v>100</v>
      </c>
      <c r="AQ10" s="280">
        <v>40</v>
      </c>
      <c r="AR10" s="280">
        <v>18</v>
      </c>
      <c r="AS10" s="277">
        <v>342</v>
      </c>
      <c r="AT10" s="282">
        <v>342</v>
      </c>
      <c r="AU10" s="276">
        <v>5</v>
      </c>
      <c r="AV10" s="280">
        <v>9</v>
      </c>
      <c r="AW10" s="277">
        <v>14</v>
      </c>
      <c r="AX10" s="279">
        <v>0</v>
      </c>
      <c r="AY10" s="280">
        <v>56</v>
      </c>
      <c r="AZ10" s="280">
        <v>34</v>
      </c>
      <c r="BA10" s="280">
        <v>36</v>
      </c>
      <c r="BB10" s="280">
        <v>23</v>
      </c>
      <c r="BC10" s="280">
        <v>5</v>
      </c>
      <c r="BD10" s="277">
        <v>154</v>
      </c>
      <c r="BE10" s="282">
        <v>168</v>
      </c>
      <c r="BF10" s="276">
        <v>0</v>
      </c>
      <c r="BG10" s="280">
        <v>0</v>
      </c>
      <c r="BH10" s="277">
        <v>0</v>
      </c>
      <c r="BI10" s="279">
        <v>0</v>
      </c>
      <c r="BJ10" s="280">
        <v>119</v>
      </c>
      <c r="BK10" s="280">
        <v>145</v>
      </c>
      <c r="BL10" s="280">
        <v>180</v>
      </c>
      <c r="BM10" s="280">
        <v>129</v>
      </c>
      <c r="BN10" s="280">
        <v>77</v>
      </c>
      <c r="BO10" s="281">
        <v>650</v>
      </c>
      <c r="BP10" s="282">
        <v>650</v>
      </c>
      <c r="BQ10" s="276">
        <v>0</v>
      </c>
      <c r="BR10" s="280">
        <v>0</v>
      </c>
      <c r="BS10" s="277">
        <v>0</v>
      </c>
      <c r="BT10" s="279">
        <v>0</v>
      </c>
      <c r="BU10" s="280">
        <v>0</v>
      </c>
      <c r="BV10" s="280">
        <v>0</v>
      </c>
      <c r="BW10" s="280">
        <v>0</v>
      </c>
      <c r="BX10" s="280">
        <v>0</v>
      </c>
      <c r="BY10" s="280">
        <v>0</v>
      </c>
      <c r="BZ10" s="277">
        <v>0</v>
      </c>
      <c r="CA10" s="282">
        <v>0</v>
      </c>
      <c r="CB10" s="276">
        <v>0</v>
      </c>
      <c r="CC10" s="280">
        <v>0</v>
      </c>
      <c r="CD10" s="277">
        <v>0</v>
      </c>
      <c r="CE10" s="279">
        <v>0</v>
      </c>
      <c r="CF10" s="280">
        <v>0</v>
      </c>
      <c r="CG10" s="280">
        <v>0</v>
      </c>
      <c r="CH10" s="280">
        <v>0</v>
      </c>
      <c r="CI10" s="280">
        <v>0</v>
      </c>
      <c r="CJ10" s="280">
        <v>0</v>
      </c>
      <c r="CK10" s="277">
        <v>0</v>
      </c>
      <c r="CL10" s="282">
        <v>0</v>
      </c>
      <c r="CM10" s="276">
        <v>0</v>
      </c>
      <c r="CN10" s="280">
        <v>0</v>
      </c>
      <c r="CO10" s="277">
        <v>0</v>
      </c>
      <c r="CP10" s="279">
        <v>0</v>
      </c>
      <c r="CQ10" s="280">
        <v>7</v>
      </c>
      <c r="CR10" s="280">
        <v>14</v>
      </c>
      <c r="CS10" s="280">
        <v>10</v>
      </c>
      <c r="CT10" s="280">
        <v>16</v>
      </c>
      <c r="CU10" s="280">
        <v>19</v>
      </c>
      <c r="CV10" s="277">
        <v>66</v>
      </c>
      <c r="CW10" s="282">
        <v>66</v>
      </c>
    </row>
    <row r="11" spans="1:101" ht="21" customHeight="1" x14ac:dyDescent="0.2">
      <c r="B11" s="261" t="s">
        <v>8</v>
      </c>
      <c r="C11" s="276">
        <v>0</v>
      </c>
      <c r="D11" s="277">
        <v>0</v>
      </c>
      <c r="E11" s="278">
        <v>0</v>
      </c>
      <c r="F11" s="279">
        <v>0</v>
      </c>
      <c r="G11" s="280">
        <v>4</v>
      </c>
      <c r="H11" s="280">
        <v>8</v>
      </c>
      <c r="I11" s="280">
        <v>3</v>
      </c>
      <c r="J11" s="280">
        <v>7</v>
      </c>
      <c r="K11" s="280">
        <v>2</v>
      </c>
      <c r="L11" s="281">
        <v>24</v>
      </c>
      <c r="M11" s="282">
        <v>24</v>
      </c>
      <c r="N11" s="276">
        <v>0</v>
      </c>
      <c r="O11" s="280">
        <v>0</v>
      </c>
      <c r="P11" s="277">
        <v>0</v>
      </c>
      <c r="Q11" s="279">
        <v>0</v>
      </c>
      <c r="R11" s="280">
        <v>3</v>
      </c>
      <c r="S11" s="280">
        <v>1</v>
      </c>
      <c r="T11" s="280">
        <v>1</v>
      </c>
      <c r="U11" s="280">
        <v>1</v>
      </c>
      <c r="V11" s="280">
        <v>5</v>
      </c>
      <c r="W11" s="277">
        <v>11</v>
      </c>
      <c r="X11" s="282">
        <v>11</v>
      </c>
      <c r="Y11" s="276">
        <v>0</v>
      </c>
      <c r="Z11" s="280">
        <v>0</v>
      </c>
      <c r="AA11" s="277">
        <v>0</v>
      </c>
      <c r="AB11" s="279">
        <v>0</v>
      </c>
      <c r="AC11" s="280">
        <v>619</v>
      </c>
      <c r="AD11" s="280">
        <v>509</v>
      </c>
      <c r="AE11" s="280">
        <v>257</v>
      </c>
      <c r="AF11" s="280">
        <v>95</v>
      </c>
      <c r="AG11" s="280">
        <v>49</v>
      </c>
      <c r="AH11" s="277">
        <v>1529</v>
      </c>
      <c r="AI11" s="282">
        <v>1529</v>
      </c>
      <c r="AJ11" s="276">
        <v>0</v>
      </c>
      <c r="AK11" s="280">
        <v>0</v>
      </c>
      <c r="AL11" s="277">
        <v>0</v>
      </c>
      <c r="AM11" s="279">
        <v>0</v>
      </c>
      <c r="AN11" s="280">
        <v>9</v>
      </c>
      <c r="AO11" s="280">
        <v>9</v>
      </c>
      <c r="AP11" s="280">
        <v>10</v>
      </c>
      <c r="AQ11" s="280">
        <v>5</v>
      </c>
      <c r="AR11" s="280">
        <v>8</v>
      </c>
      <c r="AS11" s="277">
        <v>41</v>
      </c>
      <c r="AT11" s="282">
        <v>41</v>
      </c>
      <c r="AU11" s="276">
        <v>7</v>
      </c>
      <c r="AV11" s="280">
        <v>11</v>
      </c>
      <c r="AW11" s="277">
        <v>18</v>
      </c>
      <c r="AX11" s="279">
        <v>0</v>
      </c>
      <c r="AY11" s="280">
        <v>62</v>
      </c>
      <c r="AZ11" s="280">
        <v>50</v>
      </c>
      <c r="BA11" s="280">
        <v>52</v>
      </c>
      <c r="BB11" s="280">
        <v>30</v>
      </c>
      <c r="BC11" s="280">
        <v>7</v>
      </c>
      <c r="BD11" s="277">
        <v>201</v>
      </c>
      <c r="BE11" s="282">
        <v>219</v>
      </c>
      <c r="BF11" s="276">
        <v>0</v>
      </c>
      <c r="BG11" s="280">
        <v>0</v>
      </c>
      <c r="BH11" s="277">
        <v>0</v>
      </c>
      <c r="BI11" s="279">
        <v>0</v>
      </c>
      <c r="BJ11" s="280">
        <v>64</v>
      </c>
      <c r="BK11" s="280">
        <v>76</v>
      </c>
      <c r="BL11" s="280">
        <v>76</v>
      </c>
      <c r="BM11" s="280">
        <v>64</v>
      </c>
      <c r="BN11" s="280">
        <v>36</v>
      </c>
      <c r="BO11" s="281">
        <v>316</v>
      </c>
      <c r="BP11" s="282">
        <v>316</v>
      </c>
      <c r="BQ11" s="276">
        <v>0</v>
      </c>
      <c r="BR11" s="280">
        <v>0</v>
      </c>
      <c r="BS11" s="277">
        <v>0</v>
      </c>
      <c r="BT11" s="279">
        <v>0</v>
      </c>
      <c r="BU11" s="280">
        <v>4</v>
      </c>
      <c r="BV11" s="280">
        <v>8</v>
      </c>
      <c r="BW11" s="280">
        <v>13</v>
      </c>
      <c r="BX11" s="280">
        <v>15</v>
      </c>
      <c r="BY11" s="280">
        <v>5</v>
      </c>
      <c r="BZ11" s="277">
        <v>45</v>
      </c>
      <c r="CA11" s="282">
        <v>45</v>
      </c>
      <c r="CB11" s="276">
        <v>0</v>
      </c>
      <c r="CC11" s="280">
        <v>0</v>
      </c>
      <c r="CD11" s="277">
        <v>0</v>
      </c>
      <c r="CE11" s="279">
        <v>0</v>
      </c>
      <c r="CF11" s="280">
        <v>0</v>
      </c>
      <c r="CG11" s="280">
        <v>1</v>
      </c>
      <c r="CH11" s="280">
        <v>16</v>
      </c>
      <c r="CI11" s="280">
        <v>18</v>
      </c>
      <c r="CJ11" s="280">
        <v>14</v>
      </c>
      <c r="CK11" s="277">
        <v>49</v>
      </c>
      <c r="CL11" s="282">
        <v>49</v>
      </c>
      <c r="CM11" s="276">
        <v>0</v>
      </c>
      <c r="CN11" s="280">
        <v>0</v>
      </c>
      <c r="CO11" s="277">
        <v>0</v>
      </c>
      <c r="CP11" s="279">
        <v>0</v>
      </c>
      <c r="CQ11" s="280">
        <v>11</v>
      </c>
      <c r="CR11" s="280">
        <v>17</v>
      </c>
      <c r="CS11" s="280">
        <v>14</v>
      </c>
      <c r="CT11" s="280">
        <v>8</v>
      </c>
      <c r="CU11" s="280">
        <v>6</v>
      </c>
      <c r="CV11" s="277">
        <v>56</v>
      </c>
      <c r="CW11" s="282">
        <v>56</v>
      </c>
    </row>
    <row r="12" spans="1:101" ht="21" customHeight="1" x14ac:dyDescent="0.2">
      <c r="B12" s="261" t="s">
        <v>9</v>
      </c>
      <c r="C12" s="276">
        <v>0</v>
      </c>
      <c r="D12" s="277">
        <v>0</v>
      </c>
      <c r="E12" s="278">
        <v>0</v>
      </c>
      <c r="F12" s="279">
        <v>0</v>
      </c>
      <c r="G12" s="280">
        <v>2</v>
      </c>
      <c r="H12" s="280">
        <v>6</v>
      </c>
      <c r="I12" s="280">
        <v>4</v>
      </c>
      <c r="J12" s="280">
        <v>9</v>
      </c>
      <c r="K12" s="280">
        <v>8</v>
      </c>
      <c r="L12" s="281">
        <v>29</v>
      </c>
      <c r="M12" s="282">
        <v>29</v>
      </c>
      <c r="N12" s="276">
        <v>0</v>
      </c>
      <c r="O12" s="280">
        <v>0</v>
      </c>
      <c r="P12" s="277">
        <v>0</v>
      </c>
      <c r="Q12" s="279">
        <v>0</v>
      </c>
      <c r="R12" s="280">
        <v>0</v>
      </c>
      <c r="S12" s="280">
        <v>0</v>
      </c>
      <c r="T12" s="280">
        <v>0</v>
      </c>
      <c r="U12" s="280">
        <v>0</v>
      </c>
      <c r="V12" s="280">
        <v>0</v>
      </c>
      <c r="W12" s="277">
        <v>0</v>
      </c>
      <c r="X12" s="282">
        <v>0</v>
      </c>
      <c r="Y12" s="276">
        <v>0</v>
      </c>
      <c r="Z12" s="280">
        <v>0</v>
      </c>
      <c r="AA12" s="277">
        <v>0</v>
      </c>
      <c r="AB12" s="279">
        <v>0</v>
      </c>
      <c r="AC12" s="280">
        <v>446</v>
      </c>
      <c r="AD12" s="280">
        <v>272</v>
      </c>
      <c r="AE12" s="280">
        <v>174</v>
      </c>
      <c r="AF12" s="280">
        <v>90</v>
      </c>
      <c r="AG12" s="280">
        <v>29</v>
      </c>
      <c r="AH12" s="277">
        <v>1011</v>
      </c>
      <c r="AI12" s="282">
        <v>1011</v>
      </c>
      <c r="AJ12" s="276">
        <v>0</v>
      </c>
      <c r="AK12" s="280">
        <v>0</v>
      </c>
      <c r="AL12" s="277">
        <v>0</v>
      </c>
      <c r="AM12" s="279">
        <v>0</v>
      </c>
      <c r="AN12" s="280">
        <v>6</v>
      </c>
      <c r="AO12" s="280">
        <v>8</v>
      </c>
      <c r="AP12" s="280">
        <v>13</v>
      </c>
      <c r="AQ12" s="280">
        <v>6</v>
      </c>
      <c r="AR12" s="280">
        <v>6</v>
      </c>
      <c r="AS12" s="277">
        <v>39</v>
      </c>
      <c r="AT12" s="282">
        <v>39</v>
      </c>
      <c r="AU12" s="276">
        <v>6</v>
      </c>
      <c r="AV12" s="280">
        <v>4</v>
      </c>
      <c r="AW12" s="277">
        <v>10</v>
      </c>
      <c r="AX12" s="279">
        <v>0</v>
      </c>
      <c r="AY12" s="280">
        <v>34</v>
      </c>
      <c r="AZ12" s="280">
        <v>39</v>
      </c>
      <c r="BA12" s="280">
        <v>18</v>
      </c>
      <c r="BB12" s="280">
        <v>20</v>
      </c>
      <c r="BC12" s="280">
        <v>8</v>
      </c>
      <c r="BD12" s="277">
        <v>119</v>
      </c>
      <c r="BE12" s="282">
        <v>129</v>
      </c>
      <c r="BF12" s="276">
        <v>0</v>
      </c>
      <c r="BG12" s="280">
        <v>1</v>
      </c>
      <c r="BH12" s="277">
        <v>1</v>
      </c>
      <c r="BI12" s="279">
        <v>0</v>
      </c>
      <c r="BJ12" s="280">
        <v>30</v>
      </c>
      <c r="BK12" s="280">
        <v>55</v>
      </c>
      <c r="BL12" s="280">
        <v>79</v>
      </c>
      <c r="BM12" s="280">
        <v>49</v>
      </c>
      <c r="BN12" s="280">
        <v>28</v>
      </c>
      <c r="BO12" s="281">
        <v>241</v>
      </c>
      <c r="BP12" s="282">
        <v>242</v>
      </c>
      <c r="BQ12" s="276">
        <v>0</v>
      </c>
      <c r="BR12" s="280">
        <v>0</v>
      </c>
      <c r="BS12" s="277">
        <v>0</v>
      </c>
      <c r="BT12" s="279">
        <v>0</v>
      </c>
      <c r="BU12" s="280">
        <v>5</v>
      </c>
      <c r="BV12" s="280">
        <v>5</v>
      </c>
      <c r="BW12" s="280">
        <v>5</v>
      </c>
      <c r="BX12" s="280">
        <v>6</v>
      </c>
      <c r="BY12" s="280">
        <v>5</v>
      </c>
      <c r="BZ12" s="277">
        <v>26</v>
      </c>
      <c r="CA12" s="282">
        <v>26</v>
      </c>
      <c r="CB12" s="276">
        <v>0</v>
      </c>
      <c r="CC12" s="280">
        <v>0</v>
      </c>
      <c r="CD12" s="277">
        <v>0</v>
      </c>
      <c r="CE12" s="279">
        <v>0</v>
      </c>
      <c r="CF12" s="280">
        <v>0</v>
      </c>
      <c r="CG12" s="280">
        <v>0</v>
      </c>
      <c r="CH12" s="280">
        <v>0</v>
      </c>
      <c r="CI12" s="280">
        <v>1</v>
      </c>
      <c r="CJ12" s="280">
        <v>0</v>
      </c>
      <c r="CK12" s="277">
        <v>1</v>
      </c>
      <c r="CL12" s="282">
        <v>1</v>
      </c>
      <c r="CM12" s="276">
        <v>0</v>
      </c>
      <c r="CN12" s="280">
        <v>0</v>
      </c>
      <c r="CO12" s="277">
        <v>0</v>
      </c>
      <c r="CP12" s="279">
        <v>0</v>
      </c>
      <c r="CQ12" s="280">
        <v>7</v>
      </c>
      <c r="CR12" s="280">
        <v>4</v>
      </c>
      <c r="CS12" s="280">
        <v>13</v>
      </c>
      <c r="CT12" s="280">
        <v>10</v>
      </c>
      <c r="CU12" s="280">
        <v>10</v>
      </c>
      <c r="CV12" s="277">
        <v>44</v>
      </c>
      <c r="CW12" s="282">
        <v>44</v>
      </c>
    </row>
    <row r="13" spans="1:101" ht="21" customHeight="1" x14ac:dyDescent="0.2">
      <c r="B13" s="261" t="s">
        <v>10</v>
      </c>
      <c r="C13" s="276">
        <v>0</v>
      </c>
      <c r="D13" s="277">
        <v>0</v>
      </c>
      <c r="E13" s="278">
        <v>0</v>
      </c>
      <c r="F13" s="279">
        <v>0</v>
      </c>
      <c r="G13" s="280">
        <v>18</v>
      </c>
      <c r="H13" s="280">
        <v>16</v>
      </c>
      <c r="I13" s="280">
        <v>14</v>
      </c>
      <c r="J13" s="280">
        <v>21</v>
      </c>
      <c r="K13" s="280">
        <v>15</v>
      </c>
      <c r="L13" s="281">
        <v>84</v>
      </c>
      <c r="M13" s="282">
        <v>84</v>
      </c>
      <c r="N13" s="276">
        <v>0</v>
      </c>
      <c r="O13" s="280">
        <v>0</v>
      </c>
      <c r="P13" s="277">
        <v>0</v>
      </c>
      <c r="Q13" s="279">
        <v>0</v>
      </c>
      <c r="R13" s="280">
        <v>11</v>
      </c>
      <c r="S13" s="280">
        <v>13</v>
      </c>
      <c r="T13" s="280">
        <v>9</v>
      </c>
      <c r="U13" s="280">
        <v>10</v>
      </c>
      <c r="V13" s="280">
        <v>8</v>
      </c>
      <c r="W13" s="277">
        <v>51</v>
      </c>
      <c r="X13" s="282">
        <v>51</v>
      </c>
      <c r="Y13" s="276">
        <v>0</v>
      </c>
      <c r="Z13" s="280">
        <v>1</v>
      </c>
      <c r="AA13" s="277">
        <v>1</v>
      </c>
      <c r="AB13" s="279">
        <v>0</v>
      </c>
      <c r="AC13" s="280">
        <v>564</v>
      </c>
      <c r="AD13" s="280">
        <v>262</v>
      </c>
      <c r="AE13" s="280">
        <v>134</v>
      </c>
      <c r="AF13" s="280">
        <v>73</v>
      </c>
      <c r="AG13" s="280">
        <v>30</v>
      </c>
      <c r="AH13" s="277">
        <v>1063</v>
      </c>
      <c r="AI13" s="282">
        <v>1064</v>
      </c>
      <c r="AJ13" s="276">
        <v>0</v>
      </c>
      <c r="AK13" s="280">
        <v>1</v>
      </c>
      <c r="AL13" s="277">
        <v>1</v>
      </c>
      <c r="AM13" s="279">
        <v>0</v>
      </c>
      <c r="AN13" s="280">
        <v>17</v>
      </c>
      <c r="AO13" s="280">
        <v>9</v>
      </c>
      <c r="AP13" s="280">
        <v>27</v>
      </c>
      <c r="AQ13" s="280">
        <v>10</v>
      </c>
      <c r="AR13" s="280">
        <v>11</v>
      </c>
      <c r="AS13" s="277">
        <v>74</v>
      </c>
      <c r="AT13" s="282">
        <v>75</v>
      </c>
      <c r="AU13" s="276">
        <v>8</v>
      </c>
      <c r="AV13" s="280">
        <v>19</v>
      </c>
      <c r="AW13" s="277">
        <v>27</v>
      </c>
      <c r="AX13" s="279">
        <v>0</v>
      </c>
      <c r="AY13" s="280">
        <v>92</v>
      </c>
      <c r="AZ13" s="280">
        <v>80</v>
      </c>
      <c r="BA13" s="280">
        <v>80</v>
      </c>
      <c r="BB13" s="280">
        <v>50</v>
      </c>
      <c r="BC13" s="280">
        <v>35</v>
      </c>
      <c r="BD13" s="277">
        <v>337</v>
      </c>
      <c r="BE13" s="282">
        <v>364</v>
      </c>
      <c r="BF13" s="276">
        <v>0</v>
      </c>
      <c r="BG13" s="280">
        <v>2</v>
      </c>
      <c r="BH13" s="277">
        <v>2</v>
      </c>
      <c r="BI13" s="279">
        <v>0</v>
      </c>
      <c r="BJ13" s="280">
        <v>101</v>
      </c>
      <c r="BK13" s="280">
        <v>127</v>
      </c>
      <c r="BL13" s="280">
        <v>108</v>
      </c>
      <c r="BM13" s="280">
        <v>94</v>
      </c>
      <c r="BN13" s="280">
        <v>86</v>
      </c>
      <c r="BO13" s="281">
        <v>516</v>
      </c>
      <c r="BP13" s="282">
        <v>518</v>
      </c>
      <c r="BQ13" s="276">
        <v>0</v>
      </c>
      <c r="BR13" s="280">
        <v>0</v>
      </c>
      <c r="BS13" s="277">
        <v>0</v>
      </c>
      <c r="BT13" s="279">
        <v>0</v>
      </c>
      <c r="BU13" s="280">
        <v>29</v>
      </c>
      <c r="BV13" s="280">
        <v>32</v>
      </c>
      <c r="BW13" s="280">
        <v>31</v>
      </c>
      <c r="BX13" s="280">
        <v>29</v>
      </c>
      <c r="BY13" s="280">
        <v>30</v>
      </c>
      <c r="BZ13" s="277">
        <v>151</v>
      </c>
      <c r="CA13" s="282">
        <v>151</v>
      </c>
      <c r="CB13" s="276">
        <v>0</v>
      </c>
      <c r="CC13" s="280">
        <v>0</v>
      </c>
      <c r="CD13" s="277">
        <v>0</v>
      </c>
      <c r="CE13" s="279">
        <v>0</v>
      </c>
      <c r="CF13" s="280">
        <v>0</v>
      </c>
      <c r="CG13" s="280">
        <v>1</v>
      </c>
      <c r="CH13" s="280">
        <v>4</v>
      </c>
      <c r="CI13" s="280">
        <v>22</v>
      </c>
      <c r="CJ13" s="280">
        <v>16</v>
      </c>
      <c r="CK13" s="277">
        <v>43</v>
      </c>
      <c r="CL13" s="282">
        <v>43</v>
      </c>
      <c r="CM13" s="276">
        <v>0</v>
      </c>
      <c r="CN13" s="280">
        <v>0</v>
      </c>
      <c r="CO13" s="277">
        <v>0</v>
      </c>
      <c r="CP13" s="279">
        <v>0</v>
      </c>
      <c r="CQ13" s="280">
        <v>21</v>
      </c>
      <c r="CR13" s="280">
        <v>36</v>
      </c>
      <c r="CS13" s="280">
        <v>33</v>
      </c>
      <c r="CT13" s="280">
        <v>44</v>
      </c>
      <c r="CU13" s="280">
        <v>31</v>
      </c>
      <c r="CV13" s="277">
        <v>165</v>
      </c>
      <c r="CW13" s="282">
        <v>165</v>
      </c>
    </row>
    <row r="14" spans="1:101" ht="21" customHeight="1" x14ac:dyDescent="0.2">
      <c r="B14" s="261" t="s">
        <v>11</v>
      </c>
      <c r="C14" s="276">
        <v>0</v>
      </c>
      <c r="D14" s="277">
        <v>0</v>
      </c>
      <c r="E14" s="278">
        <v>0</v>
      </c>
      <c r="F14" s="279">
        <v>0</v>
      </c>
      <c r="G14" s="280">
        <v>11</v>
      </c>
      <c r="H14" s="280">
        <v>9</v>
      </c>
      <c r="I14" s="280">
        <v>4</v>
      </c>
      <c r="J14" s="280">
        <v>5</v>
      </c>
      <c r="K14" s="280">
        <v>5</v>
      </c>
      <c r="L14" s="281">
        <v>34</v>
      </c>
      <c r="M14" s="282">
        <v>34</v>
      </c>
      <c r="N14" s="276">
        <v>0</v>
      </c>
      <c r="O14" s="280">
        <v>0</v>
      </c>
      <c r="P14" s="277">
        <v>0</v>
      </c>
      <c r="Q14" s="279">
        <v>0</v>
      </c>
      <c r="R14" s="280">
        <v>10</v>
      </c>
      <c r="S14" s="280">
        <v>15</v>
      </c>
      <c r="T14" s="280">
        <v>10</v>
      </c>
      <c r="U14" s="280">
        <v>9</v>
      </c>
      <c r="V14" s="280">
        <v>6</v>
      </c>
      <c r="W14" s="277">
        <v>50</v>
      </c>
      <c r="X14" s="282">
        <v>50</v>
      </c>
      <c r="Y14" s="276">
        <v>0</v>
      </c>
      <c r="Z14" s="280">
        <v>0</v>
      </c>
      <c r="AA14" s="277">
        <v>0</v>
      </c>
      <c r="AB14" s="279">
        <v>0</v>
      </c>
      <c r="AC14" s="280">
        <v>548</v>
      </c>
      <c r="AD14" s="280">
        <v>258</v>
      </c>
      <c r="AE14" s="280">
        <v>144</v>
      </c>
      <c r="AF14" s="280">
        <v>76</v>
      </c>
      <c r="AG14" s="280">
        <v>26</v>
      </c>
      <c r="AH14" s="277">
        <v>1052</v>
      </c>
      <c r="AI14" s="282">
        <v>1052</v>
      </c>
      <c r="AJ14" s="276">
        <v>0</v>
      </c>
      <c r="AK14" s="280">
        <v>0</v>
      </c>
      <c r="AL14" s="277">
        <v>0</v>
      </c>
      <c r="AM14" s="279">
        <v>0</v>
      </c>
      <c r="AN14" s="280">
        <v>16</v>
      </c>
      <c r="AO14" s="280">
        <v>18</v>
      </c>
      <c r="AP14" s="280">
        <v>15</v>
      </c>
      <c r="AQ14" s="280">
        <v>0</v>
      </c>
      <c r="AR14" s="280">
        <v>2</v>
      </c>
      <c r="AS14" s="277">
        <v>51</v>
      </c>
      <c r="AT14" s="282">
        <v>51</v>
      </c>
      <c r="AU14" s="276">
        <v>1</v>
      </c>
      <c r="AV14" s="280">
        <v>5</v>
      </c>
      <c r="AW14" s="277">
        <v>6</v>
      </c>
      <c r="AX14" s="279">
        <v>0</v>
      </c>
      <c r="AY14" s="280">
        <v>35</v>
      </c>
      <c r="AZ14" s="280">
        <v>44</v>
      </c>
      <c r="BA14" s="280">
        <v>30</v>
      </c>
      <c r="BB14" s="280">
        <v>21</v>
      </c>
      <c r="BC14" s="280">
        <v>6</v>
      </c>
      <c r="BD14" s="277">
        <v>136</v>
      </c>
      <c r="BE14" s="282">
        <v>142</v>
      </c>
      <c r="BF14" s="276">
        <v>0</v>
      </c>
      <c r="BG14" s="280">
        <v>6</v>
      </c>
      <c r="BH14" s="277">
        <v>6</v>
      </c>
      <c r="BI14" s="279">
        <v>0</v>
      </c>
      <c r="BJ14" s="280">
        <v>53</v>
      </c>
      <c r="BK14" s="280">
        <v>69</v>
      </c>
      <c r="BL14" s="280">
        <v>79</v>
      </c>
      <c r="BM14" s="280">
        <v>53</v>
      </c>
      <c r="BN14" s="280">
        <v>30</v>
      </c>
      <c r="BO14" s="281">
        <v>284</v>
      </c>
      <c r="BP14" s="282">
        <v>290</v>
      </c>
      <c r="BQ14" s="276">
        <v>0</v>
      </c>
      <c r="BR14" s="280">
        <v>0</v>
      </c>
      <c r="BS14" s="277">
        <v>0</v>
      </c>
      <c r="BT14" s="279">
        <v>0</v>
      </c>
      <c r="BU14" s="280">
        <v>0</v>
      </c>
      <c r="BV14" s="280">
        <v>0</v>
      </c>
      <c r="BW14" s="280">
        <v>0</v>
      </c>
      <c r="BX14" s="280">
        <v>0</v>
      </c>
      <c r="BY14" s="280">
        <v>0</v>
      </c>
      <c r="BZ14" s="277">
        <v>0</v>
      </c>
      <c r="CA14" s="282">
        <v>0</v>
      </c>
      <c r="CB14" s="276">
        <v>0</v>
      </c>
      <c r="CC14" s="280">
        <v>0</v>
      </c>
      <c r="CD14" s="277">
        <v>0</v>
      </c>
      <c r="CE14" s="279">
        <v>0</v>
      </c>
      <c r="CF14" s="280">
        <v>0</v>
      </c>
      <c r="CG14" s="280">
        <v>1</v>
      </c>
      <c r="CH14" s="280">
        <v>0</v>
      </c>
      <c r="CI14" s="280">
        <v>0</v>
      </c>
      <c r="CJ14" s="280">
        <v>0</v>
      </c>
      <c r="CK14" s="277">
        <v>1</v>
      </c>
      <c r="CL14" s="282">
        <v>1</v>
      </c>
      <c r="CM14" s="276">
        <v>0</v>
      </c>
      <c r="CN14" s="280">
        <v>0</v>
      </c>
      <c r="CO14" s="277">
        <v>0</v>
      </c>
      <c r="CP14" s="279">
        <v>0</v>
      </c>
      <c r="CQ14" s="280">
        <v>5</v>
      </c>
      <c r="CR14" s="280">
        <v>4</v>
      </c>
      <c r="CS14" s="280">
        <v>4</v>
      </c>
      <c r="CT14" s="280">
        <v>8</v>
      </c>
      <c r="CU14" s="280">
        <v>4</v>
      </c>
      <c r="CV14" s="277">
        <v>25</v>
      </c>
      <c r="CW14" s="282">
        <v>25</v>
      </c>
    </row>
    <row r="15" spans="1:101" ht="21" customHeight="1" x14ac:dyDescent="0.2">
      <c r="B15" s="261" t="s">
        <v>12</v>
      </c>
      <c r="C15" s="276">
        <v>0</v>
      </c>
      <c r="D15" s="277">
        <v>0</v>
      </c>
      <c r="E15" s="278">
        <v>0</v>
      </c>
      <c r="F15" s="279">
        <v>0</v>
      </c>
      <c r="G15" s="280">
        <v>8</v>
      </c>
      <c r="H15" s="280">
        <v>7</v>
      </c>
      <c r="I15" s="280">
        <v>6</v>
      </c>
      <c r="J15" s="280">
        <v>4</v>
      </c>
      <c r="K15" s="280">
        <v>7</v>
      </c>
      <c r="L15" s="281">
        <v>32</v>
      </c>
      <c r="M15" s="282">
        <v>32</v>
      </c>
      <c r="N15" s="276">
        <v>0</v>
      </c>
      <c r="O15" s="280">
        <v>0</v>
      </c>
      <c r="P15" s="277">
        <v>0</v>
      </c>
      <c r="Q15" s="279">
        <v>0</v>
      </c>
      <c r="R15" s="280">
        <v>0</v>
      </c>
      <c r="S15" s="280">
        <v>0</v>
      </c>
      <c r="T15" s="280">
        <v>0</v>
      </c>
      <c r="U15" s="280">
        <v>0</v>
      </c>
      <c r="V15" s="280">
        <v>0</v>
      </c>
      <c r="W15" s="277">
        <v>0</v>
      </c>
      <c r="X15" s="282">
        <v>0</v>
      </c>
      <c r="Y15" s="276">
        <v>0</v>
      </c>
      <c r="Z15" s="280">
        <v>0</v>
      </c>
      <c r="AA15" s="277">
        <v>0</v>
      </c>
      <c r="AB15" s="279">
        <v>0</v>
      </c>
      <c r="AC15" s="280">
        <v>351</v>
      </c>
      <c r="AD15" s="280">
        <v>242</v>
      </c>
      <c r="AE15" s="280">
        <v>143</v>
      </c>
      <c r="AF15" s="280">
        <v>69</v>
      </c>
      <c r="AG15" s="280">
        <v>30</v>
      </c>
      <c r="AH15" s="277">
        <v>835</v>
      </c>
      <c r="AI15" s="282">
        <v>835</v>
      </c>
      <c r="AJ15" s="276">
        <v>0</v>
      </c>
      <c r="AK15" s="280">
        <v>0</v>
      </c>
      <c r="AL15" s="277">
        <v>0</v>
      </c>
      <c r="AM15" s="279">
        <v>0</v>
      </c>
      <c r="AN15" s="280">
        <v>4</v>
      </c>
      <c r="AO15" s="280">
        <v>4</v>
      </c>
      <c r="AP15" s="280">
        <v>1</v>
      </c>
      <c r="AQ15" s="280">
        <v>1</v>
      </c>
      <c r="AR15" s="280">
        <v>1</v>
      </c>
      <c r="AS15" s="277">
        <v>11</v>
      </c>
      <c r="AT15" s="282">
        <v>11</v>
      </c>
      <c r="AU15" s="276">
        <v>0</v>
      </c>
      <c r="AV15" s="280">
        <v>1</v>
      </c>
      <c r="AW15" s="277">
        <v>1</v>
      </c>
      <c r="AX15" s="279">
        <v>0</v>
      </c>
      <c r="AY15" s="280">
        <v>19</v>
      </c>
      <c r="AZ15" s="280">
        <v>34</v>
      </c>
      <c r="BA15" s="280">
        <v>47</v>
      </c>
      <c r="BB15" s="280">
        <v>44</v>
      </c>
      <c r="BC15" s="280">
        <v>24</v>
      </c>
      <c r="BD15" s="277">
        <v>168</v>
      </c>
      <c r="BE15" s="282">
        <v>169</v>
      </c>
      <c r="BF15" s="276">
        <v>0</v>
      </c>
      <c r="BG15" s="280">
        <v>0</v>
      </c>
      <c r="BH15" s="277">
        <v>0</v>
      </c>
      <c r="BI15" s="279">
        <v>0</v>
      </c>
      <c r="BJ15" s="280">
        <v>40</v>
      </c>
      <c r="BK15" s="280">
        <v>45</v>
      </c>
      <c r="BL15" s="280">
        <v>45</v>
      </c>
      <c r="BM15" s="280">
        <v>37</v>
      </c>
      <c r="BN15" s="280">
        <v>37</v>
      </c>
      <c r="BO15" s="281">
        <v>204</v>
      </c>
      <c r="BP15" s="282">
        <v>204</v>
      </c>
      <c r="BQ15" s="276">
        <v>0</v>
      </c>
      <c r="BR15" s="280">
        <v>0</v>
      </c>
      <c r="BS15" s="277">
        <v>0</v>
      </c>
      <c r="BT15" s="279">
        <v>0</v>
      </c>
      <c r="BU15" s="280">
        <v>0</v>
      </c>
      <c r="BV15" s="280">
        <v>7</v>
      </c>
      <c r="BW15" s="280">
        <v>4</v>
      </c>
      <c r="BX15" s="280">
        <v>12</v>
      </c>
      <c r="BY15" s="280">
        <v>3</v>
      </c>
      <c r="BZ15" s="277">
        <v>26</v>
      </c>
      <c r="CA15" s="282">
        <v>26</v>
      </c>
      <c r="CB15" s="276">
        <v>0</v>
      </c>
      <c r="CC15" s="280">
        <v>0</v>
      </c>
      <c r="CD15" s="277">
        <v>0</v>
      </c>
      <c r="CE15" s="279">
        <v>0</v>
      </c>
      <c r="CF15" s="280">
        <v>0</v>
      </c>
      <c r="CG15" s="280">
        <v>1</v>
      </c>
      <c r="CH15" s="280">
        <v>11</v>
      </c>
      <c r="CI15" s="280">
        <v>10</v>
      </c>
      <c r="CJ15" s="280">
        <v>7</v>
      </c>
      <c r="CK15" s="277">
        <v>29</v>
      </c>
      <c r="CL15" s="282">
        <v>29</v>
      </c>
      <c r="CM15" s="276">
        <v>0</v>
      </c>
      <c r="CN15" s="280">
        <v>0</v>
      </c>
      <c r="CO15" s="277">
        <v>0</v>
      </c>
      <c r="CP15" s="279">
        <v>0</v>
      </c>
      <c r="CQ15" s="280">
        <v>7</v>
      </c>
      <c r="CR15" s="280">
        <v>7</v>
      </c>
      <c r="CS15" s="280">
        <v>16</v>
      </c>
      <c r="CT15" s="280">
        <v>21</v>
      </c>
      <c r="CU15" s="280">
        <v>20</v>
      </c>
      <c r="CV15" s="277">
        <v>71</v>
      </c>
      <c r="CW15" s="282">
        <v>71</v>
      </c>
    </row>
    <row r="16" spans="1:101" ht="21" customHeight="1" x14ac:dyDescent="0.2">
      <c r="B16" s="261" t="s">
        <v>13</v>
      </c>
      <c r="C16" s="276">
        <v>0</v>
      </c>
      <c r="D16" s="277">
        <v>0</v>
      </c>
      <c r="E16" s="278">
        <v>0</v>
      </c>
      <c r="F16" s="279">
        <v>0</v>
      </c>
      <c r="G16" s="280">
        <v>1</v>
      </c>
      <c r="H16" s="280">
        <v>1</v>
      </c>
      <c r="I16" s="280">
        <v>2</v>
      </c>
      <c r="J16" s="280">
        <v>1</v>
      </c>
      <c r="K16" s="280">
        <v>1</v>
      </c>
      <c r="L16" s="281">
        <v>6</v>
      </c>
      <c r="M16" s="282">
        <v>6</v>
      </c>
      <c r="N16" s="276">
        <v>0</v>
      </c>
      <c r="O16" s="280">
        <v>0</v>
      </c>
      <c r="P16" s="277">
        <v>0</v>
      </c>
      <c r="Q16" s="279">
        <v>0</v>
      </c>
      <c r="R16" s="280">
        <v>0</v>
      </c>
      <c r="S16" s="280">
        <v>0</v>
      </c>
      <c r="T16" s="280">
        <v>0</v>
      </c>
      <c r="U16" s="280">
        <v>0</v>
      </c>
      <c r="V16" s="280">
        <v>0</v>
      </c>
      <c r="W16" s="277">
        <v>0</v>
      </c>
      <c r="X16" s="282">
        <v>0</v>
      </c>
      <c r="Y16" s="276">
        <v>0</v>
      </c>
      <c r="Z16" s="280">
        <v>0</v>
      </c>
      <c r="AA16" s="277">
        <v>0</v>
      </c>
      <c r="AB16" s="279">
        <v>0</v>
      </c>
      <c r="AC16" s="280">
        <v>141</v>
      </c>
      <c r="AD16" s="280">
        <v>127</v>
      </c>
      <c r="AE16" s="280">
        <v>59</v>
      </c>
      <c r="AF16" s="280">
        <v>33</v>
      </c>
      <c r="AG16" s="280">
        <v>10</v>
      </c>
      <c r="AH16" s="277">
        <v>370</v>
      </c>
      <c r="AI16" s="282">
        <v>370</v>
      </c>
      <c r="AJ16" s="276">
        <v>0</v>
      </c>
      <c r="AK16" s="280">
        <v>0</v>
      </c>
      <c r="AL16" s="277">
        <v>0</v>
      </c>
      <c r="AM16" s="279">
        <v>0</v>
      </c>
      <c r="AN16" s="280">
        <v>1</v>
      </c>
      <c r="AO16" s="280">
        <v>4</v>
      </c>
      <c r="AP16" s="280">
        <v>10</v>
      </c>
      <c r="AQ16" s="280">
        <v>5</v>
      </c>
      <c r="AR16" s="280">
        <v>5</v>
      </c>
      <c r="AS16" s="277">
        <v>25</v>
      </c>
      <c r="AT16" s="282">
        <v>25</v>
      </c>
      <c r="AU16" s="276">
        <v>1</v>
      </c>
      <c r="AV16" s="280">
        <v>3</v>
      </c>
      <c r="AW16" s="277">
        <v>4</v>
      </c>
      <c r="AX16" s="279">
        <v>0</v>
      </c>
      <c r="AY16" s="280">
        <v>13</v>
      </c>
      <c r="AZ16" s="280">
        <v>9</v>
      </c>
      <c r="BA16" s="280">
        <v>10</v>
      </c>
      <c r="BB16" s="280">
        <v>4</v>
      </c>
      <c r="BC16" s="280">
        <v>0</v>
      </c>
      <c r="BD16" s="277">
        <v>36</v>
      </c>
      <c r="BE16" s="282">
        <v>40</v>
      </c>
      <c r="BF16" s="276">
        <v>0</v>
      </c>
      <c r="BG16" s="280">
        <v>0</v>
      </c>
      <c r="BH16" s="277">
        <v>0</v>
      </c>
      <c r="BI16" s="279">
        <v>0</v>
      </c>
      <c r="BJ16" s="280">
        <v>11</v>
      </c>
      <c r="BK16" s="280">
        <v>15</v>
      </c>
      <c r="BL16" s="280">
        <v>26</v>
      </c>
      <c r="BM16" s="280">
        <v>15</v>
      </c>
      <c r="BN16" s="280">
        <v>11</v>
      </c>
      <c r="BO16" s="281">
        <v>78</v>
      </c>
      <c r="BP16" s="282">
        <v>78</v>
      </c>
      <c r="BQ16" s="276">
        <v>0</v>
      </c>
      <c r="BR16" s="280">
        <v>0</v>
      </c>
      <c r="BS16" s="277">
        <v>0</v>
      </c>
      <c r="BT16" s="279">
        <v>0</v>
      </c>
      <c r="BU16" s="280">
        <v>0</v>
      </c>
      <c r="BV16" s="280">
        <v>0</v>
      </c>
      <c r="BW16" s="280">
        <v>4</v>
      </c>
      <c r="BX16" s="280">
        <v>7</v>
      </c>
      <c r="BY16" s="280">
        <v>4</v>
      </c>
      <c r="BZ16" s="277">
        <v>15</v>
      </c>
      <c r="CA16" s="282">
        <v>15</v>
      </c>
      <c r="CB16" s="276">
        <v>0</v>
      </c>
      <c r="CC16" s="280">
        <v>0</v>
      </c>
      <c r="CD16" s="277">
        <v>0</v>
      </c>
      <c r="CE16" s="279">
        <v>0</v>
      </c>
      <c r="CF16" s="280">
        <v>0</v>
      </c>
      <c r="CG16" s="280">
        <v>0</v>
      </c>
      <c r="CH16" s="280">
        <v>0</v>
      </c>
      <c r="CI16" s="280">
        <v>0</v>
      </c>
      <c r="CJ16" s="280">
        <v>0</v>
      </c>
      <c r="CK16" s="277">
        <v>0</v>
      </c>
      <c r="CL16" s="282">
        <v>0</v>
      </c>
      <c r="CM16" s="276">
        <v>0</v>
      </c>
      <c r="CN16" s="280">
        <v>0</v>
      </c>
      <c r="CO16" s="277">
        <v>0</v>
      </c>
      <c r="CP16" s="279">
        <v>0</v>
      </c>
      <c r="CQ16" s="280">
        <v>0</v>
      </c>
      <c r="CR16" s="280">
        <v>0</v>
      </c>
      <c r="CS16" s="280">
        <v>0</v>
      </c>
      <c r="CT16" s="280">
        <v>0</v>
      </c>
      <c r="CU16" s="280">
        <v>0</v>
      </c>
      <c r="CV16" s="277">
        <v>0</v>
      </c>
      <c r="CW16" s="282">
        <v>0</v>
      </c>
    </row>
    <row r="17" spans="2:101" ht="21" customHeight="1" x14ac:dyDescent="0.2">
      <c r="B17" s="261" t="s">
        <v>15</v>
      </c>
      <c r="C17" s="276">
        <v>0</v>
      </c>
      <c r="D17" s="277">
        <v>0</v>
      </c>
      <c r="E17" s="278">
        <v>0</v>
      </c>
      <c r="F17" s="279">
        <v>0</v>
      </c>
      <c r="G17" s="280">
        <v>2</v>
      </c>
      <c r="H17" s="280">
        <v>5</v>
      </c>
      <c r="I17" s="280">
        <v>3</v>
      </c>
      <c r="J17" s="280">
        <v>5</v>
      </c>
      <c r="K17" s="280">
        <v>5</v>
      </c>
      <c r="L17" s="281">
        <v>20</v>
      </c>
      <c r="M17" s="282">
        <v>20</v>
      </c>
      <c r="N17" s="276">
        <v>0</v>
      </c>
      <c r="O17" s="280">
        <v>0</v>
      </c>
      <c r="P17" s="277">
        <v>0</v>
      </c>
      <c r="Q17" s="279">
        <v>0</v>
      </c>
      <c r="R17" s="280">
        <v>0</v>
      </c>
      <c r="S17" s="280">
        <v>0</v>
      </c>
      <c r="T17" s="280">
        <v>0</v>
      </c>
      <c r="U17" s="280">
        <v>0</v>
      </c>
      <c r="V17" s="280">
        <v>0</v>
      </c>
      <c r="W17" s="277">
        <v>0</v>
      </c>
      <c r="X17" s="282">
        <v>0</v>
      </c>
      <c r="Y17" s="276">
        <v>0</v>
      </c>
      <c r="Z17" s="280">
        <v>0</v>
      </c>
      <c r="AA17" s="277">
        <v>0</v>
      </c>
      <c r="AB17" s="279">
        <v>0</v>
      </c>
      <c r="AC17" s="280">
        <v>156</v>
      </c>
      <c r="AD17" s="280">
        <v>181</v>
      </c>
      <c r="AE17" s="280">
        <v>79</v>
      </c>
      <c r="AF17" s="280">
        <v>35</v>
      </c>
      <c r="AG17" s="280">
        <v>14</v>
      </c>
      <c r="AH17" s="277">
        <v>465</v>
      </c>
      <c r="AI17" s="282">
        <v>465</v>
      </c>
      <c r="AJ17" s="276">
        <v>0</v>
      </c>
      <c r="AK17" s="280">
        <v>0</v>
      </c>
      <c r="AL17" s="277">
        <v>0</v>
      </c>
      <c r="AM17" s="279">
        <v>0</v>
      </c>
      <c r="AN17" s="280">
        <v>3</v>
      </c>
      <c r="AO17" s="280">
        <v>8</v>
      </c>
      <c r="AP17" s="280">
        <v>7</v>
      </c>
      <c r="AQ17" s="280">
        <v>0</v>
      </c>
      <c r="AR17" s="280">
        <v>2</v>
      </c>
      <c r="AS17" s="277">
        <v>20</v>
      </c>
      <c r="AT17" s="282">
        <v>20</v>
      </c>
      <c r="AU17" s="276">
        <v>3</v>
      </c>
      <c r="AV17" s="280">
        <v>14</v>
      </c>
      <c r="AW17" s="277">
        <v>17</v>
      </c>
      <c r="AX17" s="279">
        <v>0</v>
      </c>
      <c r="AY17" s="280">
        <v>20</v>
      </c>
      <c r="AZ17" s="280">
        <v>18</v>
      </c>
      <c r="BA17" s="280">
        <v>7</v>
      </c>
      <c r="BB17" s="280">
        <v>11</v>
      </c>
      <c r="BC17" s="280">
        <v>4</v>
      </c>
      <c r="BD17" s="277">
        <v>60</v>
      </c>
      <c r="BE17" s="282">
        <v>77</v>
      </c>
      <c r="BF17" s="276">
        <v>0</v>
      </c>
      <c r="BG17" s="280">
        <v>3</v>
      </c>
      <c r="BH17" s="277">
        <v>3</v>
      </c>
      <c r="BI17" s="279">
        <v>0</v>
      </c>
      <c r="BJ17" s="280">
        <v>33</v>
      </c>
      <c r="BK17" s="280">
        <v>32</v>
      </c>
      <c r="BL17" s="280">
        <v>44</v>
      </c>
      <c r="BM17" s="280">
        <v>31</v>
      </c>
      <c r="BN17" s="280">
        <v>13</v>
      </c>
      <c r="BO17" s="281">
        <v>153</v>
      </c>
      <c r="BP17" s="282">
        <v>156</v>
      </c>
      <c r="BQ17" s="276">
        <v>0</v>
      </c>
      <c r="BR17" s="280">
        <v>0</v>
      </c>
      <c r="BS17" s="277">
        <v>0</v>
      </c>
      <c r="BT17" s="279">
        <v>0</v>
      </c>
      <c r="BU17" s="280">
        <v>0</v>
      </c>
      <c r="BV17" s="280">
        <v>0</v>
      </c>
      <c r="BW17" s="280">
        <v>0</v>
      </c>
      <c r="BX17" s="280">
        <v>0</v>
      </c>
      <c r="BY17" s="280">
        <v>0</v>
      </c>
      <c r="BZ17" s="277">
        <v>0</v>
      </c>
      <c r="CA17" s="282">
        <v>0</v>
      </c>
      <c r="CB17" s="276">
        <v>0</v>
      </c>
      <c r="CC17" s="280">
        <v>0</v>
      </c>
      <c r="CD17" s="277">
        <v>0</v>
      </c>
      <c r="CE17" s="279">
        <v>0</v>
      </c>
      <c r="CF17" s="280">
        <v>0</v>
      </c>
      <c r="CG17" s="280">
        <v>0</v>
      </c>
      <c r="CH17" s="280">
        <v>8</v>
      </c>
      <c r="CI17" s="280">
        <v>15</v>
      </c>
      <c r="CJ17" s="280">
        <v>7</v>
      </c>
      <c r="CK17" s="277">
        <v>30</v>
      </c>
      <c r="CL17" s="282">
        <v>30</v>
      </c>
      <c r="CM17" s="276">
        <v>0</v>
      </c>
      <c r="CN17" s="280">
        <v>0</v>
      </c>
      <c r="CO17" s="277">
        <v>0</v>
      </c>
      <c r="CP17" s="279">
        <v>0</v>
      </c>
      <c r="CQ17" s="280">
        <v>0</v>
      </c>
      <c r="CR17" s="280">
        <v>0</v>
      </c>
      <c r="CS17" s="280">
        <v>0</v>
      </c>
      <c r="CT17" s="280">
        <v>0</v>
      </c>
      <c r="CU17" s="280">
        <v>0</v>
      </c>
      <c r="CV17" s="277">
        <v>0</v>
      </c>
      <c r="CW17" s="282">
        <v>0</v>
      </c>
    </row>
    <row r="18" spans="2:101" ht="21" customHeight="1" x14ac:dyDescent="0.2">
      <c r="B18" s="261" t="s">
        <v>16</v>
      </c>
      <c r="C18" s="276">
        <v>0</v>
      </c>
      <c r="D18" s="277">
        <v>0</v>
      </c>
      <c r="E18" s="278">
        <v>0</v>
      </c>
      <c r="F18" s="279">
        <v>0</v>
      </c>
      <c r="G18" s="280">
        <v>10</v>
      </c>
      <c r="H18" s="280">
        <v>14</v>
      </c>
      <c r="I18" s="280">
        <v>15</v>
      </c>
      <c r="J18" s="280">
        <v>10</v>
      </c>
      <c r="K18" s="280">
        <v>8</v>
      </c>
      <c r="L18" s="281">
        <v>57</v>
      </c>
      <c r="M18" s="282">
        <v>57</v>
      </c>
      <c r="N18" s="276">
        <v>0</v>
      </c>
      <c r="O18" s="280">
        <v>0</v>
      </c>
      <c r="P18" s="277">
        <v>0</v>
      </c>
      <c r="Q18" s="279">
        <v>0</v>
      </c>
      <c r="R18" s="280">
        <v>1</v>
      </c>
      <c r="S18" s="280">
        <v>1</v>
      </c>
      <c r="T18" s="280">
        <v>3</v>
      </c>
      <c r="U18" s="280">
        <v>2</v>
      </c>
      <c r="V18" s="280">
        <v>1</v>
      </c>
      <c r="W18" s="277">
        <v>8</v>
      </c>
      <c r="X18" s="282">
        <v>8</v>
      </c>
      <c r="Y18" s="276">
        <v>0</v>
      </c>
      <c r="Z18" s="280">
        <v>0</v>
      </c>
      <c r="AA18" s="277">
        <v>0</v>
      </c>
      <c r="AB18" s="279">
        <v>0</v>
      </c>
      <c r="AC18" s="280">
        <v>166</v>
      </c>
      <c r="AD18" s="280">
        <v>178</v>
      </c>
      <c r="AE18" s="280">
        <v>89</v>
      </c>
      <c r="AF18" s="280">
        <v>42</v>
      </c>
      <c r="AG18" s="280">
        <v>16</v>
      </c>
      <c r="AH18" s="277">
        <v>491</v>
      </c>
      <c r="AI18" s="282">
        <v>491</v>
      </c>
      <c r="AJ18" s="276">
        <v>0</v>
      </c>
      <c r="AK18" s="280">
        <v>0</v>
      </c>
      <c r="AL18" s="277">
        <v>0</v>
      </c>
      <c r="AM18" s="279">
        <v>0</v>
      </c>
      <c r="AN18" s="280">
        <v>5</v>
      </c>
      <c r="AO18" s="280">
        <v>6</v>
      </c>
      <c r="AP18" s="280">
        <v>5</v>
      </c>
      <c r="AQ18" s="280">
        <v>3</v>
      </c>
      <c r="AR18" s="280">
        <v>2</v>
      </c>
      <c r="AS18" s="277">
        <v>21</v>
      </c>
      <c r="AT18" s="282">
        <v>21</v>
      </c>
      <c r="AU18" s="276">
        <v>1</v>
      </c>
      <c r="AV18" s="280">
        <v>2</v>
      </c>
      <c r="AW18" s="277">
        <v>3</v>
      </c>
      <c r="AX18" s="279">
        <v>0</v>
      </c>
      <c r="AY18" s="280">
        <v>10</v>
      </c>
      <c r="AZ18" s="280">
        <v>30</v>
      </c>
      <c r="BA18" s="280">
        <v>14</v>
      </c>
      <c r="BB18" s="280">
        <v>16</v>
      </c>
      <c r="BC18" s="280">
        <v>7</v>
      </c>
      <c r="BD18" s="277">
        <v>77</v>
      </c>
      <c r="BE18" s="282">
        <v>80</v>
      </c>
      <c r="BF18" s="276">
        <v>0</v>
      </c>
      <c r="BG18" s="280">
        <v>0</v>
      </c>
      <c r="BH18" s="277">
        <v>0</v>
      </c>
      <c r="BI18" s="279">
        <v>0</v>
      </c>
      <c r="BJ18" s="280">
        <v>16</v>
      </c>
      <c r="BK18" s="280">
        <v>39</v>
      </c>
      <c r="BL18" s="280">
        <v>55</v>
      </c>
      <c r="BM18" s="280">
        <v>42</v>
      </c>
      <c r="BN18" s="280">
        <v>34</v>
      </c>
      <c r="BO18" s="281">
        <v>186</v>
      </c>
      <c r="BP18" s="282">
        <v>186</v>
      </c>
      <c r="BQ18" s="276">
        <v>0</v>
      </c>
      <c r="BR18" s="280">
        <v>0</v>
      </c>
      <c r="BS18" s="277">
        <v>0</v>
      </c>
      <c r="BT18" s="279">
        <v>0</v>
      </c>
      <c r="BU18" s="280">
        <v>0</v>
      </c>
      <c r="BV18" s="280">
        <v>0</v>
      </c>
      <c r="BW18" s="280">
        <v>0</v>
      </c>
      <c r="BX18" s="280">
        <v>0</v>
      </c>
      <c r="BY18" s="280">
        <v>0</v>
      </c>
      <c r="BZ18" s="277">
        <v>0</v>
      </c>
      <c r="CA18" s="282">
        <v>0</v>
      </c>
      <c r="CB18" s="276">
        <v>0</v>
      </c>
      <c r="CC18" s="280">
        <v>0</v>
      </c>
      <c r="CD18" s="277">
        <v>0</v>
      </c>
      <c r="CE18" s="279">
        <v>0</v>
      </c>
      <c r="CF18" s="280">
        <v>0</v>
      </c>
      <c r="CG18" s="280">
        <v>3</v>
      </c>
      <c r="CH18" s="280">
        <v>9</v>
      </c>
      <c r="CI18" s="280">
        <v>9</v>
      </c>
      <c r="CJ18" s="280">
        <v>9</v>
      </c>
      <c r="CK18" s="277">
        <v>30</v>
      </c>
      <c r="CL18" s="282">
        <v>30</v>
      </c>
      <c r="CM18" s="276">
        <v>0</v>
      </c>
      <c r="CN18" s="280">
        <v>0</v>
      </c>
      <c r="CO18" s="277">
        <v>0</v>
      </c>
      <c r="CP18" s="279">
        <v>0</v>
      </c>
      <c r="CQ18" s="280">
        <v>2</v>
      </c>
      <c r="CR18" s="280">
        <v>6</v>
      </c>
      <c r="CS18" s="280">
        <v>5</v>
      </c>
      <c r="CT18" s="280">
        <v>5</v>
      </c>
      <c r="CU18" s="280">
        <v>4</v>
      </c>
      <c r="CV18" s="277">
        <v>22</v>
      </c>
      <c r="CW18" s="282">
        <v>22</v>
      </c>
    </row>
    <row r="19" spans="2:101" ht="21" customHeight="1" x14ac:dyDescent="0.2">
      <c r="B19" s="261" t="s">
        <v>17</v>
      </c>
      <c r="C19" s="276">
        <v>0</v>
      </c>
      <c r="D19" s="277">
        <v>0</v>
      </c>
      <c r="E19" s="278">
        <v>0</v>
      </c>
      <c r="F19" s="279">
        <v>0</v>
      </c>
      <c r="G19" s="280">
        <v>4</v>
      </c>
      <c r="H19" s="280">
        <v>2</v>
      </c>
      <c r="I19" s="280">
        <v>3</v>
      </c>
      <c r="J19" s="280">
        <v>4</v>
      </c>
      <c r="K19" s="280">
        <v>0</v>
      </c>
      <c r="L19" s="281">
        <v>13</v>
      </c>
      <c r="M19" s="282">
        <v>13</v>
      </c>
      <c r="N19" s="276">
        <v>0</v>
      </c>
      <c r="O19" s="280">
        <v>0</v>
      </c>
      <c r="P19" s="277">
        <v>0</v>
      </c>
      <c r="Q19" s="279">
        <v>0</v>
      </c>
      <c r="R19" s="280">
        <v>0</v>
      </c>
      <c r="S19" s="280">
        <v>0</v>
      </c>
      <c r="T19" s="280">
        <v>0</v>
      </c>
      <c r="U19" s="280">
        <v>0</v>
      </c>
      <c r="V19" s="280">
        <v>0</v>
      </c>
      <c r="W19" s="277">
        <v>0</v>
      </c>
      <c r="X19" s="282">
        <v>0</v>
      </c>
      <c r="Y19" s="276">
        <v>0</v>
      </c>
      <c r="Z19" s="280">
        <v>0</v>
      </c>
      <c r="AA19" s="277">
        <v>0</v>
      </c>
      <c r="AB19" s="279">
        <v>0</v>
      </c>
      <c r="AC19" s="280">
        <v>238</v>
      </c>
      <c r="AD19" s="280">
        <v>310</v>
      </c>
      <c r="AE19" s="280">
        <v>140</v>
      </c>
      <c r="AF19" s="280">
        <v>83</v>
      </c>
      <c r="AG19" s="280">
        <v>54</v>
      </c>
      <c r="AH19" s="277">
        <v>825</v>
      </c>
      <c r="AI19" s="282">
        <v>825</v>
      </c>
      <c r="AJ19" s="276">
        <v>1</v>
      </c>
      <c r="AK19" s="280">
        <v>2</v>
      </c>
      <c r="AL19" s="277">
        <v>3</v>
      </c>
      <c r="AM19" s="279">
        <v>0</v>
      </c>
      <c r="AN19" s="280">
        <v>19</v>
      </c>
      <c r="AO19" s="280">
        <v>21</v>
      </c>
      <c r="AP19" s="280">
        <v>20</v>
      </c>
      <c r="AQ19" s="280">
        <v>18</v>
      </c>
      <c r="AR19" s="280">
        <v>2</v>
      </c>
      <c r="AS19" s="277">
        <v>80</v>
      </c>
      <c r="AT19" s="282">
        <v>83</v>
      </c>
      <c r="AU19" s="276">
        <v>0</v>
      </c>
      <c r="AV19" s="280">
        <v>2</v>
      </c>
      <c r="AW19" s="277">
        <v>2</v>
      </c>
      <c r="AX19" s="279">
        <v>0</v>
      </c>
      <c r="AY19" s="280">
        <v>17</v>
      </c>
      <c r="AZ19" s="280">
        <v>26</v>
      </c>
      <c r="BA19" s="280">
        <v>33</v>
      </c>
      <c r="BB19" s="280">
        <v>26</v>
      </c>
      <c r="BC19" s="280">
        <v>15</v>
      </c>
      <c r="BD19" s="277">
        <v>117</v>
      </c>
      <c r="BE19" s="282">
        <v>119</v>
      </c>
      <c r="BF19" s="276">
        <v>0</v>
      </c>
      <c r="BG19" s="280">
        <v>0</v>
      </c>
      <c r="BH19" s="277">
        <v>0</v>
      </c>
      <c r="BI19" s="279">
        <v>0</v>
      </c>
      <c r="BJ19" s="280">
        <v>38</v>
      </c>
      <c r="BK19" s="280">
        <v>60</v>
      </c>
      <c r="BL19" s="280">
        <v>55</v>
      </c>
      <c r="BM19" s="280">
        <v>50</v>
      </c>
      <c r="BN19" s="280">
        <v>22</v>
      </c>
      <c r="BO19" s="281">
        <v>225</v>
      </c>
      <c r="BP19" s="282">
        <v>225</v>
      </c>
      <c r="BQ19" s="276">
        <v>0</v>
      </c>
      <c r="BR19" s="280">
        <v>0</v>
      </c>
      <c r="BS19" s="277">
        <v>0</v>
      </c>
      <c r="BT19" s="279">
        <v>0</v>
      </c>
      <c r="BU19" s="280">
        <v>0</v>
      </c>
      <c r="BV19" s="280">
        <v>0</v>
      </c>
      <c r="BW19" s="280">
        <v>0</v>
      </c>
      <c r="BX19" s="280">
        <v>0</v>
      </c>
      <c r="BY19" s="280">
        <v>0</v>
      </c>
      <c r="BZ19" s="277">
        <v>0</v>
      </c>
      <c r="CA19" s="282">
        <v>0</v>
      </c>
      <c r="CB19" s="276">
        <v>0</v>
      </c>
      <c r="CC19" s="280">
        <v>0</v>
      </c>
      <c r="CD19" s="277">
        <v>0</v>
      </c>
      <c r="CE19" s="279">
        <v>0</v>
      </c>
      <c r="CF19" s="280">
        <v>0</v>
      </c>
      <c r="CG19" s="280">
        <v>2</v>
      </c>
      <c r="CH19" s="280">
        <v>26</v>
      </c>
      <c r="CI19" s="280">
        <v>37</v>
      </c>
      <c r="CJ19" s="280">
        <v>39</v>
      </c>
      <c r="CK19" s="277">
        <v>104</v>
      </c>
      <c r="CL19" s="282">
        <v>104</v>
      </c>
      <c r="CM19" s="276">
        <v>0</v>
      </c>
      <c r="CN19" s="280">
        <v>0</v>
      </c>
      <c r="CO19" s="277">
        <v>0</v>
      </c>
      <c r="CP19" s="279">
        <v>0</v>
      </c>
      <c r="CQ19" s="280">
        <v>1</v>
      </c>
      <c r="CR19" s="280">
        <v>4</v>
      </c>
      <c r="CS19" s="280">
        <v>2</v>
      </c>
      <c r="CT19" s="280">
        <v>5</v>
      </c>
      <c r="CU19" s="280">
        <v>9</v>
      </c>
      <c r="CV19" s="277">
        <v>21</v>
      </c>
      <c r="CW19" s="282">
        <v>21</v>
      </c>
    </row>
    <row r="20" spans="2:101" ht="21" customHeight="1" x14ac:dyDescent="0.2">
      <c r="B20" s="261" t="s">
        <v>18</v>
      </c>
      <c r="C20" s="276">
        <v>0</v>
      </c>
      <c r="D20" s="277">
        <v>0</v>
      </c>
      <c r="E20" s="278">
        <v>0</v>
      </c>
      <c r="F20" s="279">
        <v>0</v>
      </c>
      <c r="G20" s="280">
        <v>2</v>
      </c>
      <c r="H20" s="280">
        <v>3</v>
      </c>
      <c r="I20" s="280">
        <v>2</v>
      </c>
      <c r="J20" s="280">
        <v>0</v>
      </c>
      <c r="K20" s="280">
        <v>1</v>
      </c>
      <c r="L20" s="281">
        <v>8</v>
      </c>
      <c r="M20" s="282">
        <v>8</v>
      </c>
      <c r="N20" s="276">
        <v>0</v>
      </c>
      <c r="O20" s="280">
        <v>0</v>
      </c>
      <c r="P20" s="277">
        <v>0</v>
      </c>
      <c r="Q20" s="279">
        <v>0</v>
      </c>
      <c r="R20" s="280">
        <v>0</v>
      </c>
      <c r="S20" s="280">
        <v>0</v>
      </c>
      <c r="T20" s="280">
        <v>0</v>
      </c>
      <c r="U20" s="280">
        <v>0</v>
      </c>
      <c r="V20" s="280">
        <v>0</v>
      </c>
      <c r="W20" s="277">
        <v>0</v>
      </c>
      <c r="X20" s="282">
        <v>0</v>
      </c>
      <c r="Y20" s="276">
        <v>0</v>
      </c>
      <c r="Z20" s="280">
        <v>0</v>
      </c>
      <c r="AA20" s="277">
        <v>0</v>
      </c>
      <c r="AB20" s="279">
        <v>0</v>
      </c>
      <c r="AC20" s="280">
        <v>272</v>
      </c>
      <c r="AD20" s="280">
        <v>203</v>
      </c>
      <c r="AE20" s="280">
        <v>101</v>
      </c>
      <c r="AF20" s="280">
        <v>38</v>
      </c>
      <c r="AG20" s="280">
        <v>12</v>
      </c>
      <c r="AH20" s="277">
        <v>626</v>
      </c>
      <c r="AI20" s="282">
        <v>626</v>
      </c>
      <c r="AJ20" s="276">
        <v>0</v>
      </c>
      <c r="AK20" s="280">
        <v>0</v>
      </c>
      <c r="AL20" s="277">
        <v>0</v>
      </c>
      <c r="AM20" s="279">
        <v>0</v>
      </c>
      <c r="AN20" s="280">
        <v>14</v>
      </c>
      <c r="AO20" s="280">
        <v>4</v>
      </c>
      <c r="AP20" s="280">
        <v>22</v>
      </c>
      <c r="AQ20" s="280">
        <v>9</v>
      </c>
      <c r="AR20" s="280">
        <v>17</v>
      </c>
      <c r="AS20" s="277">
        <v>66</v>
      </c>
      <c r="AT20" s="282">
        <v>66</v>
      </c>
      <c r="AU20" s="276">
        <v>11</v>
      </c>
      <c r="AV20" s="280">
        <v>12</v>
      </c>
      <c r="AW20" s="277">
        <v>23</v>
      </c>
      <c r="AX20" s="279">
        <v>0</v>
      </c>
      <c r="AY20" s="280">
        <v>37</v>
      </c>
      <c r="AZ20" s="280">
        <v>49</v>
      </c>
      <c r="BA20" s="280">
        <v>41</v>
      </c>
      <c r="BB20" s="280">
        <v>21</v>
      </c>
      <c r="BC20" s="280">
        <v>9</v>
      </c>
      <c r="BD20" s="277">
        <v>157</v>
      </c>
      <c r="BE20" s="282">
        <v>180</v>
      </c>
      <c r="BF20" s="276">
        <v>0</v>
      </c>
      <c r="BG20" s="280">
        <v>3</v>
      </c>
      <c r="BH20" s="277">
        <v>3</v>
      </c>
      <c r="BI20" s="279">
        <v>0</v>
      </c>
      <c r="BJ20" s="280">
        <v>50</v>
      </c>
      <c r="BK20" s="280">
        <v>73</v>
      </c>
      <c r="BL20" s="280">
        <v>98</v>
      </c>
      <c r="BM20" s="280">
        <v>57</v>
      </c>
      <c r="BN20" s="280">
        <v>29</v>
      </c>
      <c r="BO20" s="281">
        <v>307</v>
      </c>
      <c r="BP20" s="282">
        <v>310</v>
      </c>
      <c r="BQ20" s="276">
        <v>0</v>
      </c>
      <c r="BR20" s="280">
        <v>0</v>
      </c>
      <c r="BS20" s="277">
        <v>0</v>
      </c>
      <c r="BT20" s="279">
        <v>0</v>
      </c>
      <c r="BU20" s="280">
        <v>0</v>
      </c>
      <c r="BV20" s="280">
        <v>0</v>
      </c>
      <c r="BW20" s="280">
        <v>0</v>
      </c>
      <c r="BX20" s="280">
        <v>0</v>
      </c>
      <c r="BY20" s="280">
        <v>0</v>
      </c>
      <c r="BZ20" s="277">
        <v>0</v>
      </c>
      <c r="CA20" s="282">
        <v>0</v>
      </c>
      <c r="CB20" s="276">
        <v>0</v>
      </c>
      <c r="CC20" s="280">
        <v>0</v>
      </c>
      <c r="CD20" s="277">
        <v>0</v>
      </c>
      <c r="CE20" s="279">
        <v>0</v>
      </c>
      <c r="CF20" s="280">
        <v>0</v>
      </c>
      <c r="CG20" s="280">
        <v>2</v>
      </c>
      <c r="CH20" s="280">
        <v>6</v>
      </c>
      <c r="CI20" s="280">
        <v>16</v>
      </c>
      <c r="CJ20" s="280">
        <v>6</v>
      </c>
      <c r="CK20" s="277">
        <v>30</v>
      </c>
      <c r="CL20" s="282">
        <v>30</v>
      </c>
      <c r="CM20" s="276">
        <v>0</v>
      </c>
      <c r="CN20" s="280">
        <v>0</v>
      </c>
      <c r="CO20" s="277">
        <v>0</v>
      </c>
      <c r="CP20" s="279">
        <v>0</v>
      </c>
      <c r="CQ20" s="280">
        <v>6</v>
      </c>
      <c r="CR20" s="280">
        <v>11</v>
      </c>
      <c r="CS20" s="280">
        <v>16</v>
      </c>
      <c r="CT20" s="280">
        <v>20</v>
      </c>
      <c r="CU20" s="280">
        <v>22</v>
      </c>
      <c r="CV20" s="277">
        <v>75</v>
      </c>
      <c r="CW20" s="282">
        <v>75</v>
      </c>
    </row>
    <row r="21" spans="2:101" ht="21" customHeight="1" x14ac:dyDescent="0.2">
      <c r="B21" s="261" t="s">
        <v>19</v>
      </c>
      <c r="C21" s="276">
        <v>0</v>
      </c>
      <c r="D21" s="277">
        <v>0</v>
      </c>
      <c r="E21" s="278">
        <v>0</v>
      </c>
      <c r="F21" s="279">
        <v>0</v>
      </c>
      <c r="G21" s="280">
        <v>16</v>
      </c>
      <c r="H21" s="280">
        <v>11</v>
      </c>
      <c r="I21" s="280">
        <v>3</v>
      </c>
      <c r="J21" s="280">
        <v>4</v>
      </c>
      <c r="K21" s="280">
        <v>6</v>
      </c>
      <c r="L21" s="281">
        <v>40</v>
      </c>
      <c r="M21" s="282">
        <v>40</v>
      </c>
      <c r="N21" s="276">
        <v>0</v>
      </c>
      <c r="O21" s="280">
        <v>0</v>
      </c>
      <c r="P21" s="277">
        <v>0</v>
      </c>
      <c r="Q21" s="279">
        <v>0</v>
      </c>
      <c r="R21" s="280">
        <v>1</v>
      </c>
      <c r="S21" s="280">
        <v>4</v>
      </c>
      <c r="T21" s="280">
        <v>2</v>
      </c>
      <c r="U21" s="280">
        <v>2</v>
      </c>
      <c r="V21" s="280">
        <v>1</v>
      </c>
      <c r="W21" s="277">
        <v>10</v>
      </c>
      <c r="X21" s="282">
        <v>10</v>
      </c>
      <c r="Y21" s="276">
        <v>0</v>
      </c>
      <c r="Z21" s="280">
        <v>0</v>
      </c>
      <c r="AA21" s="277">
        <v>0</v>
      </c>
      <c r="AB21" s="279">
        <v>0</v>
      </c>
      <c r="AC21" s="280">
        <v>139</v>
      </c>
      <c r="AD21" s="280">
        <v>104</v>
      </c>
      <c r="AE21" s="280">
        <v>41</v>
      </c>
      <c r="AF21" s="280">
        <v>22</v>
      </c>
      <c r="AG21" s="280">
        <v>13</v>
      </c>
      <c r="AH21" s="277">
        <v>319</v>
      </c>
      <c r="AI21" s="282">
        <v>319</v>
      </c>
      <c r="AJ21" s="276">
        <v>0</v>
      </c>
      <c r="AK21" s="280">
        <v>0</v>
      </c>
      <c r="AL21" s="277">
        <v>0</v>
      </c>
      <c r="AM21" s="279">
        <v>0</v>
      </c>
      <c r="AN21" s="280">
        <v>13</v>
      </c>
      <c r="AO21" s="280">
        <v>22</v>
      </c>
      <c r="AP21" s="280">
        <v>15</v>
      </c>
      <c r="AQ21" s="280">
        <v>4</v>
      </c>
      <c r="AR21" s="280">
        <v>2</v>
      </c>
      <c r="AS21" s="277">
        <v>56</v>
      </c>
      <c r="AT21" s="282">
        <v>56</v>
      </c>
      <c r="AU21" s="276">
        <v>1</v>
      </c>
      <c r="AV21" s="280">
        <v>2</v>
      </c>
      <c r="AW21" s="277">
        <v>3</v>
      </c>
      <c r="AX21" s="279">
        <v>0</v>
      </c>
      <c r="AY21" s="280">
        <v>22</v>
      </c>
      <c r="AZ21" s="280">
        <v>37</v>
      </c>
      <c r="BA21" s="280">
        <v>21</v>
      </c>
      <c r="BB21" s="280">
        <v>16</v>
      </c>
      <c r="BC21" s="280">
        <v>13</v>
      </c>
      <c r="BD21" s="277">
        <v>109</v>
      </c>
      <c r="BE21" s="282">
        <v>112</v>
      </c>
      <c r="BF21" s="276">
        <v>0</v>
      </c>
      <c r="BG21" s="280">
        <v>1</v>
      </c>
      <c r="BH21" s="277">
        <v>1</v>
      </c>
      <c r="BI21" s="279">
        <v>0</v>
      </c>
      <c r="BJ21" s="280">
        <v>13</v>
      </c>
      <c r="BK21" s="280">
        <v>25</v>
      </c>
      <c r="BL21" s="280">
        <v>30</v>
      </c>
      <c r="BM21" s="280">
        <v>21</v>
      </c>
      <c r="BN21" s="280">
        <v>13</v>
      </c>
      <c r="BO21" s="281">
        <v>102</v>
      </c>
      <c r="BP21" s="282">
        <v>103</v>
      </c>
      <c r="BQ21" s="276">
        <v>0</v>
      </c>
      <c r="BR21" s="280">
        <v>0</v>
      </c>
      <c r="BS21" s="277">
        <v>0</v>
      </c>
      <c r="BT21" s="279">
        <v>0</v>
      </c>
      <c r="BU21" s="280">
        <v>0</v>
      </c>
      <c r="BV21" s="280">
        <v>0</v>
      </c>
      <c r="BW21" s="280">
        <v>0</v>
      </c>
      <c r="BX21" s="280">
        <v>0</v>
      </c>
      <c r="BY21" s="280">
        <v>0</v>
      </c>
      <c r="BZ21" s="277">
        <v>0</v>
      </c>
      <c r="CA21" s="282">
        <v>0</v>
      </c>
      <c r="CB21" s="276">
        <v>0</v>
      </c>
      <c r="CC21" s="280">
        <v>0</v>
      </c>
      <c r="CD21" s="277">
        <v>0</v>
      </c>
      <c r="CE21" s="279">
        <v>0</v>
      </c>
      <c r="CF21" s="280">
        <v>0</v>
      </c>
      <c r="CG21" s="280">
        <v>0</v>
      </c>
      <c r="CH21" s="280">
        <v>0</v>
      </c>
      <c r="CI21" s="280">
        <v>0</v>
      </c>
      <c r="CJ21" s="280">
        <v>0</v>
      </c>
      <c r="CK21" s="277">
        <v>0</v>
      </c>
      <c r="CL21" s="282">
        <v>0</v>
      </c>
      <c r="CM21" s="276">
        <v>0</v>
      </c>
      <c r="CN21" s="280">
        <v>0</v>
      </c>
      <c r="CO21" s="277">
        <v>0</v>
      </c>
      <c r="CP21" s="279">
        <v>0</v>
      </c>
      <c r="CQ21" s="280">
        <v>2</v>
      </c>
      <c r="CR21" s="280">
        <v>2</v>
      </c>
      <c r="CS21" s="280">
        <v>2</v>
      </c>
      <c r="CT21" s="280">
        <v>2</v>
      </c>
      <c r="CU21" s="280">
        <v>12</v>
      </c>
      <c r="CV21" s="277">
        <v>20</v>
      </c>
      <c r="CW21" s="282">
        <v>20</v>
      </c>
    </row>
    <row r="22" spans="2:101" ht="21" customHeight="1" x14ac:dyDescent="0.2">
      <c r="B22" s="261" t="s">
        <v>20</v>
      </c>
      <c r="C22" s="276">
        <v>0</v>
      </c>
      <c r="D22" s="277">
        <v>0</v>
      </c>
      <c r="E22" s="278">
        <v>0</v>
      </c>
      <c r="F22" s="279">
        <v>0</v>
      </c>
      <c r="G22" s="280">
        <v>1</v>
      </c>
      <c r="H22" s="280">
        <v>0</v>
      </c>
      <c r="I22" s="280">
        <v>0</v>
      </c>
      <c r="J22" s="280">
        <v>0</v>
      </c>
      <c r="K22" s="280">
        <v>0</v>
      </c>
      <c r="L22" s="281">
        <v>1</v>
      </c>
      <c r="M22" s="282">
        <v>1</v>
      </c>
      <c r="N22" s="276">
        <v>0</v>
      </c>
      <c r="O22" s="280">
        <v>0</v>
      </c>
      <c r="P22" s="277">
        <v>0</v>
      </c>
      <c r="Q22" s="279">
        <v>0</v>
      </c>
      <c r="R22" s="280">
        <v>0</v>
      </c>
      <c r="S22" s="280">
        <v>0</v>
      </c>
      <c r="T22" s="280">
        <v>0</v>
      </c>
      <c r="U22" s="280">
        <v>0</v>
      </c>
      <c r="V22" s="280">
        <v>0</v>
      </c>
      <c r="W22" s="277">
        <v>0</v>
      </c>
      <c r="X22" s="282">
        <v>0</v>
      </c>
      <c r="Y22" s="276">
        <v>0</v>
      </c>
      <c r="Z22" s="280">
        <v>0</v>
      </c>
      <c r="AA22" s="277">
        <v>0</v>
      </c>
      <c r="AB22" s="279">
        <v>0</v>
      </c>
      <c r="AC22" s="280">
        <v>181</v>
      </c>
      <c r="AD22" s="280">
        <v>97</v>
      </c>
      <c r="AE22" s="280">
        <v>52</v>
      </c>
      <c r="AF22" s="280">
        <v>17</v>
      </c>
      <c r="AG22" s="280">
        <v>4</v>
      </c>
      <c r="AH22" s="277">
        <v>351</v>
      </c>
      <c r="AI22" s="282">
        <v>351</v>
      </c>
      <c r="AJ22" s="276">
        <v>0</v>
      </c>
      <c r="AK22" s="280">
        <v>0</v>
      </c>
      <c r="AL22" s="277">
        <v>0</v>
      </c>
      <c r="AM22" s="279">
        <v>0</v>
      </c>
      <c r="AN22" s="280">
        <v>1</v>
      </c>
      <c r="AO22" s="280">
        <v>3</v>
      </c>
      <c r="AP22" s="280">
        <v>3</v>
      </c>
      <c r="AQ22" s="280">
        <v>0</v>
      </c>
      <c r="AR22" s="280">
        <v>2</v>
      </c>
      <c r="AS22" s="277">
        <v>9</v>
      </c>
      <c r="AT22" s="282">
        <v>9</v>
      </c>
      <c r="AU22" s="276">
        <v>1</v>
      </c>
      <c r="AV22" s="280">
        <v>1</v>
      </c>
      <c r="AW22" s="277">
        <v>2</v>
      </c>
      <c r="AX22" s="279">
        <v>0</v>
      </c>
      <c r="AY22" s="280">
        <v>12</v>
      </c>
      <c r="AZ22" s="280">
        <v>14</v>
      </c>
      <c r="BA22" s="280">
        <v>11</v>
      </c>
      <c r="BB22" s="280">
        <v>4</v>
      </c>
      <c r="BC22" s="280">
        <v>1</v>
      </c>
      <c r="BD22" s="277">
        <v>42</v>
      </c>
      <c r="BE22" s="282">
        <v>44</v>
      </c>
      <c r="BF22" s="276">
        <v>0</v>
      </c>
      <c r="BG22" s="280">
        <v>1</v>
      </c>
      <c r="BH22" s="277">
        <v>1</v>
      </c>
      <c r="BI22" s="279">
        <v>0</v>
      </c>
      <c r="BJ22" s="280">
        <v>26</v>
      </c>
      <c r="BK22" s="280">
        <v>28</v>
      </c>
      <c r="BL22" s="280">
        <v>45</v>
      </c>
      <c r="BM22" s="280">
        <v>24</v>
      </c>
      <c r="BN22" s="280">
        <v>16</v>
      </c>
      <c r="BO22" s="281">
        <v>139</v>
      </c>
      <c r="BP22" s="282">
        <v>140</v>
      </c>
      <c r="BQ22" s="276">
        <v>0</v>
      </c>
      <c r="BR22" s="280">
        <v>0</v>
      </c>
      <c r="BS22" s="277">
        <v>0</v>
      </c>
      <c r="BT22" s="279">
        <v>0</v>
      </c>
      <c r="BU22" s="280">
        <v>0</v>
      </c>
      <c r="BV22" s="280">
        <v>0</v>
      </c>
      <c r="BW22" s="280">
        <v>0</v>
      </c>
      <c r="BX22" s="280">
        <v>0</v>
      </c>
      <c r="BY22" s="280">
        <v>0</v>
      </c>
      <c r="BZ22" s="277">
        <v>0</v>
      </c>
      <c r="CA22" s="282">
        <v>0</v>
      </c>
      <c r="CB22" s="276">
        <v>0</v>
      </c>
      <c r="CC22" s="280">
        <v>0</v>
      </c>
      <c r="CD22" s="277">
        <v>0</v>
      </c>
      <c r="CE22" s="279">
        <v>0</v>
      </c>
      <c r="CF22" s="280">
        <v>0</v>
      </c>
      <c r="CG22" s="280">
        <v>0</v>
      </c>
      <c r="CH22" s="280">
        <v>0</v>
      </c>
      <c r="CI22" s="280">
        <v>0</v>
      </c>
      <c r="CJ22" s="280">
        <v>0</v>
      </c>
      <c r="CK22" s="277">
        <v>0</v>
      </c>
      <c r="CL22" s="282">
        <v>0</v>
      </c>
      <c r="CM22" s="276">
        <v>0</v>
      </c>
      <c r="CN22" s="280">
        <v>0</v>
      </c>
      <c r="CO22" s="277">
        <v>0</v>
      </c>
      <c r="CP22" s="279">
        <v>0</v>
      </c>
      <c r="CQ22" s="280">
        <v>0</v>
      </c>
      <c r="CR22" s="280">
        <v>0</v>
      </c>
      <c r="CS22" s="280">
        <v>0</v>
      </c>
      <c r="CT22" s="280">
        <v>0</v>
      </c>
      <c r="CU22" s="280">
        <v>0</v>
      </c>
      <c r="CV22" s="277">
        <v>0</v>
      </c>
      <c r="CW22" s="282">
        <v>0</v>
      </c>
    </row>
    <row r="23" spans="2:101" ht="21" customHeight="1" x14ac:dyDescent="0.2">
      <c r="B23" s="261" t="s">
        <v>21</v>
      </c>
      <c r="C23" s="276">
        <v>0</v>
      </c>
      <c r="D23" s="277">
        <v>0</v>
      </c>
      <c r="E23" s="278">
        <v>0</v>
      </c>
      <c r="F23" s="279">
        <v>0</v>
      </c>
      <c r="G23" s="280">
        <v>2</v>
      </c>
      <c r="H23" s="280">
        <v>6</v>
      </c>
      <c r="I23" s="280">
        <v>1</v>
      </c>
      <c r="J23" s="280">
        <v>5</v>
      </c>
      <c r="K23" s="280">
        <v>1</v>
      </c>
      <c r="L23" s="281">
        <v>15</v>
      </c>
      <c r="M23" s="282">
        <v>15</v>
      </c>
      <c r="N23" s="276">
        <v>0</v>
      </c>
      <c r="O23" s="280">
        <v>0</v>
      </c>
      <c r="P23" s="277">
        <v>0</v>
      </c>
      <c r="Q23" s="279">
        <v>0</v>
      </c>
      <c r="R23" s="280">
        <v>0</v>
      </c>
      <c r="S23" s="280">
        <v>0</v>
      </c>
      <c r="T23" s="280">
        <v>0</v>
      </c>
      <c r="U23" s="280">
        <v>0</v>
      </c>
      <c r="V23" s="280">
        <v>0</v>
      </c>
      <c r="W23" s="277">
        <v>0</v>
      </c>
      <c r="X23" s="282">
        <v>0</v>
      </c>
      <c r="Y23" s="276">
        <v>0</v>
      </c>
      <c r="Z23" s="280">
        <v>0</v>
      </c>
      <c r="AA23" s="277">
        <v>0</v>
      </c>
      <c r="AB23" s="279">
        <v>0</v>
      </c>
      <c r="AC23" s="280">
        <v>186</v>
      </c>
      <c r="AD23" s="280">
        <v>190</v>
      </c>
      <c r="AE23" s="280">
        <v>70</v>
      </c>
      <c r="AF23" s="280">
        <v>31</v>
      </c>
      <c r="AG23" s="280">
        <v>14</v>
      </c>
      <c r="AH23" s="277">
        <v>491</v>
      </c>
      <c r="AI23" s="282">
        <v>491</v>
      </c>
      <c r="AJ23" s="276">
        <v>0</v>
      </c>
      <c r="AK23" s="280">
        <v>0</v>
      </c>
      <c r="AL23" s="277">
        <v>0</v>
      </c>
      <c r="AM23" s="279">
        <v>0</v>
      </c>
      <c r="AN23" s="280">
        <v>0</v>
      </c>
      <c r="AO23" s="280">
        <v>0</v>
      </c>
      <c r="AP23" s="280">
        <v>1</v>
      </c>
      <c r="AQ23" s="280">
        <v>0</v>
      </c>
      <c r="AR23" s="280">
        <v>1</v>
      </c>
      <c r="AS23" s="277">
        <v>2</v>
      </c>
      <c r="AT23" s="282">
        <v>2</v>
      </c>
      <c r="AU23" s="276">
        <v>0</v>
      </c>
      <c r="AV23" s="280">
        <v>0</v>
      </c>
      <c r="AW23" s="277">
        <v>0</v>
      </c>
      <c r="AX23" s="279">
        <v>0</v>
      </c>
      <c r="AY23" s="280">
        <v>8</v>
      </c>
      <c r="AZ23" s="280">
        <v>5</v>
      </c>
      <c r="BA23" s="280">
        <v>14</v>
      </c>
      <c r="BB23" s="280">
        <v>8</v>
      </c>
      <c r="BC23" s="280">
        <v>5</v>
      </c>
      <c r="BD23" s="277">
        <v>40</v>
      </c>
      <c r="BE23" s="282">
        <v>40</v>
      </c>
      <c r="BF23" s="276">
        <v>0</v>
      </c>
      <c r="BG23" s="280">
        <v>0</v>
      </c>
      <c r="BH23" s="277">
        <v>0</v>
      </c>
      <c r="BI23" s="279">
        <v>0</v>
      </c>
      <c r="BJ23" s="280">
        <v>22</v>
      </c>
      <c r="BK23" s="280">
        <v>38</v>
      </c>
      <c r="BL23" s="280">
        <v>38</v>
      </c>
      <c r="BM23" s="280">
        <v>16</v>
      </c>
      <c r="BN23" s="280">
        <v>11</v>
      </c>
      <c r="BO23" s="281">
        <v>125</v>
      </c>
      <c r="BP23" s="282">
        <v>125</v>
      </c>
      <c r="BQ23" s="276">
        <v>0</v>
      </c>
      <c r="BR23" s="280">
        <v>0</v>
      </c>
      <c r="BS23" s="277">
        <v>0</v>
      </c>
      <c r="BT23" s="279">
        <v>0</v>
      </c>
      <c r="BU23" s="280">
        <v>0</v>
      </c>
      <c r="BV23" s="280">
        <v>0</v>
      </c>
      <c r="BW23" s="280">
        <v>0</v>
      </c>
      <c r="BX23" s="280">
        <v>0</v>
      </c>
      <c r="BY23" s="280">
        <v>0</v>
      </c>
      <c r="BZ23" s="277">
        <v>0</v>
      </c>
      <c r="CA23" s="282">
        <v>0</v>
      </c>
      <c r="CB23" s="276">
        <v>0</v>
      </c>
      <c r="CC23" s="280">
        <v>0</v>
      </c>
      <c r="CD23" s="277">
        <v>0</v>
      </c>
      <c r="CE23" s="279">
        <v>0</v>
      </c>
      <c r="CF23" s="280">
        <v>0</v>
      </c>
      <c r="CG23" s="280">
        <v>0</v>
      </c>
      <c r="CH23" s="280">
        <v>0</v>
      </c>
      <c r="CI23" s="280">
        <v>0</v>
      </c>
      <c r="CJ23" s="280">
        <v>0</v>
      </c>
      <c r="CK23" s="277">
        <v>0</v>
      </c>
      <c r="CL23" s="282">
        <v>0</v>
      </c>
      <c r="CM23" s="276">
        <v>0</v>
      </c>
      <c r="CN23" s="280">
        <v>0</v>
      </c>
      <c r="CO23" s="277">
        <v>0</v>
      </c>
      <c r="CP23" s="279">
        <v>0</v>
      </c>
      <c r="CQ23" s="280">
        <v>2</v>
      </c>
      <c r="CR23" s="280">
        <v>3</v>
      </c>
      <c r="CS23" s="280">
        <v>1</v>
      </c>
      <c r="CT23" s="280">
        <v>2</v>
      </c>
      <c r="CU23" s="280">
        <v>6</v>
      </c>
      <c r="CV23" s="277">
        <v>14</v>
      </c>
      <c r="CW23" s="282">
        <v>14</v>
      </c>
    </row>
    <row r="24" spans="2:101" ht="21" customHeight="1" x14ac:dyDescent="0.2">
      <c r="B24" s="261" t="s">
        <v>22</v>
      </c>
      <c r="C24" s="276">
        <v>0</v>
      </c>
      <c r="D24" s="277">
        <v>0</v>
      </c>
      <c r="E24" s="278">
        <v>0</v>
      </c>
      <c r="F24" s="279">
        <v>0</v>
      </c>
      <c r="G24" s="280">
        <v>3</v>
      </c>
      <c r="H24" s="280">
        <v>6</v>
      </c>
      <c r="I24" s="280">
        <v>5</v>
      </c>
      <c r="J24" s="280">
        <v>1</v>
      </c>
      <c r="K24" s="280">
        <v>0</v>
      </c>
      <c r="L24" s="281">
        <v>15</v>
      </c>
      <c r="M24" s="282">
        <v>15</v>
      </c>
      <c r="N24" s="276">
        <v>0</v>
      </c>
      <c r="O24" s="280">
        <v>0</v>
      </c>
      <c r="P24" s="277">
        <v>0</v>
      </c>
      <c r="Q24" s="279">
        <v>0</v>
      </c>
      <c r="R24" s="280">
        <v>0</v>
      </c>
      <c r="S24" s="280">
        <v>0</v>
      </c>
      <c r="T24" s="280">
        <v>0</v>
      </c>
      <c r="U24" s="280">
        <v>0</v>
      </c>
      <c r="V24" s="280">
        <v>0</v>
      </c>
      <c r="W24" s="277">
        <v>0</v>
      </c>
      <c r="X24" s="282">
        <v>0</v>
      </c>
      <c r="Y24" s="276">
        <v>0</v>
      </c>
      <c r="Z24" s="280">
        <v>0</v>
      </c>
      <c r="AA24" s="277">
        <v>0</v>
      </c>
      <c r="AB24" s="279">
        <v>0</v>
      </c>
      <c r="AC24" s="280">
        <v>140</v>
      </c>
      <c r="AD24" s="280">
        <v>92</v>
      </c>
      <c r="AE24" s="280">
        <v>28</v>
      </c>
      <c r="AF24" s="280">
        <v>13</v>
      </c>
      <c r="AG24" s="280">
        <v>5</v>
      </c>
      <c r="AH24" s="277">
        <v>278</v>
      </c>
      <c r="AI24" s="282">
        <v>278</v>
      </c>
      <c r="AJ24" s="276">
        <v>1</v>
      </c>
      <c r="AK24" s="280">
        <v>0</v>
      </c>
      <c r="AL24" s="277">
        <v>1</v>
      </c>
      <c r="AM24" s="279">
        <v>0</v>
      </c>
      <c r="AN24" s="280">
        <v>6</v>
      </c>
      <c r="AO24" s="280">
        <v>5</v>
      </c>
      <c r="AP24" s="280">
        <v>3</v>
      </c>
      <c r="AQ24" s="280">
        <v>4</v>
      </c>
      <c r="AR24" s="280">
        <v>1</v>
      </c>
      <c r="AS24" s="277">
        <v>19</v>
      </c>
      <c r="AT24" s="282">
        <v>20</v>
      </c>
      <c r="AU24" s="276">
        <v>3</v>
      </c>
      <c r="AV24" s="280">
        <v>4</v>
      </c>
      <c r="AW24" s="277">
        <v>7</v>
      </c>
      <c r="AX24" s="279">
        <v>0</v>
      </c>
      <c r="AY24" s="280">
        <v>18</v>
      </c>
      <c r="AZ24" s="280">
        <v>18</v>
      </c>
      <c r="BA24" s="280">
        <v>17</v>
      </c>
      <c r="BB24" s="280">
        <v>9</v>
      </c>
      <c r="BC24" s="280">
        <v>4</v>
      </c>
      <c r="BD24" s="277">
        <v>66</v>
      </c>
      <c r="BE24" s="282">
        <v>73</v>
      </c>
      <c r="BF24" s="276">
        <v>0</v>
      </c>
      <c r="BG24" s="280">
        <v>0</v>
      </c>
      <c r="BH24" s="277">
        <v>0</v>
      </c>
      <c r="BI24" s="279">
        <v>0</v>
      </c>
      <c r="BJ24" s="280">
        <v>13</v>
      </c>
      <c r="BK24" s="280">
        <v>21</v>
      </c>
      <c r="BL24" s="280">
        <v>12</v>
      </c>
      <c r="BM24" s="280">
        <v>4</v>
      </c>
      <c r="BN24" s="280">
        <v>1</v>
      </c>
      <c r="BO24" s="281">
        <v>51</v>
      </c>
      <c r="BP24" s="282">
        <v>51</v>
      </c>
      <c r="BQ24" s="276">
        <v>0</v>
      </c>
      <c r="BR24" s="280">
        <v>0</v>
      </c>
      <c r="BS24" s="277">
        <v>0</v>
      </c>
      <c r="BT24" s="279">
        <v>0</v>
      </c>
      <c r="BU24" s="280">
        <v>0</v>
      </c>
      <c r="BV24" s="280">
        <v>0</v>
      </c>
      <c r="BW24" s="280">
        <v>0</v>
      </c>
      <c r="BX24" s="280">
        <v>0</v>
      </c>
      <c r="BY24" s="280">
        <v>0</v>
      </c>
      <c r="BZ24" s="277">
        <v>0</v>
      </c>
      <c r="CA24" s="282">
        <v>0</v>
      </c>
      <c r="CB24" s="276">
        <v>0</v>
      </c>
      <c r="CC24" s="280">
        <v>0</v>
      </c>
      <c r="CD24" s="277">
        <v>0</v>
      </c>
      <c r="CE24" s="279">
        <v>0</v>
      </c>
      <c r="CF24" s="280">
        <v>0</v>
      </c>
      <c r="CG24" s="280">
        <v>0</v>
      </c>
      <c r="CH24" s="280">
        <v>4</v>
      </c>
      <c r="CI24" s="280">
        <v>20</v>
      </c>
      <c r="CJ24" s="280">
        <v>9</v>
      </c>
      <c r="CK24" s="277">
        <v>33</v>
      </c>
      <c r="CL24" s="282">
        <v>33</v>
      </c>
      <c r="CM24" s="276">
        <v>0</v>
      </c>
      <c r="CN24" s="280">
        <v>0</v>
      </c>
      <c r="CO24" s="277">
        <v>0</v>
      </c>
      <c r="CP24" s="279">
        <v>0</v>
      </c>
      <c r="CQ24" s="280">
        <v>0</v>
      </c>
      <c r="CR24" s="280">
        <v>0</v>
      </c>
      <c r="CS24" s="280">
        <v>0</v>
      </c>
      <c r="CT24" s="280">
        <v>0</v>
      </c>
      <c r="CU24" s="280">
        <v>0</v>
      </c>
      <c r="CV24" s="277">
        <v>0</v>
      </c>
      <c r="CW24" s="282">
        <v>0</v>
      </c>
    </row>
    <row r="25" spans="2:101" ht="21" customHeight="1" x14ac:dyDescent="0.2">
      <c r="B25" s="261" t="s">
        <v>23</v>
      </c>
      <c r="C25" s="276">
        <v>0</v>
      </c>
      <c r="D25" s="277">
        <v>0</v>
      </c>
      <c r="E25" s="278">
        <v>0</v>
      </c>
      <c r="F25" s="279">
        <v>0</v>
      </c>
      <c r="G25" s="280">
        <v>0</v>
      </c>
      <c r="H25" s="280">
        <v>1</v>
      </c>
      <c r="I25" s="280">
        <v>0</v>
      </c>
      <c r="J25" s="280">
        <v>0</v>
      </c>
      <c r="K25" s="280">
        <v>2</v>
      </c>
      <c r="L25" s="281">
        <v>3</v>
      </c>
      <c r="M25" s="282">
        <v>3</v>
      </c>
      <c r="N25" s="276">
        <v>0</v>
      </c>
      <c r="O25" s="280">
        <v>0</v>
      </c>
      <c r="P25" s="277">
        <v>0</v>
      </c>
      <c r="Q25" s="279">
        <v>0</v>
      </c>
      <c r="R25" s="280">
        <v>0</v>
      </c>
      <c r="S25" s="280">
        <v>0</v>
      </c>
      <c r="T25" s="280">
        <v>0</v>
      </c>
      <c r="U25" s="280">
        <v>0</v>
      </c>
      <c r="V25" s="280">
        <v>0</v>
      </c>
      <c r="W25" s="277">
        <v>0</v>
      </c>
      <c r="X25" s="282">
        <v>0</v>
      </c>
      <c r="Y25" s="276">
        <v>0</v>
      </c>
      <c r="Z25" s="280">
        <v>0</v>
      </c>
      <c r="AA25" s="277">
        <v>0</v>
      </c>
      <c r="AB25" s="279">
        <v>0</v>
      </c>
      <c r="AC25" s="280">
        <v>61</v>
      </c>
      <c r="AD25" s="280">
        <v>47</v>
      </c>
      <c r="AE25" s="280">
        <v>16</v>
      </c>
      <c r="AF25" s="280">
        <v>10</v>
      </c>
      <c r="AG25" s="280">
        <v>6</v>
      </c>
      <c r="AH25" s="277">
        <v>140</v>
      </c>
      <c r="AI25" s="282">
        <v>140</v>
      </c>
      <c r="AJ25" s="276">
        <v>0</v>
      </c>
      <c r="AK25" s="280">
        <v>0</v>
      </c>
      <c r="AL25" s="277">
        <v>0</v>
      </c>
      <c r="AM25" s="279">
        <v>0</v>
      </c>
      <c r="AN25" s="280">
        <v>0</v>
      </c>
      <c r="AO25" s="280">
        <v>1</v>
      </c>
      <c r="AP25" s="280">
        <v>3</v>
      </c>
      <c r="AQ25" s="280">
        <v>1</v>
      </c>
      <c r="AR25" s="280">
        <v>0</v>
      </c>
      <c r="AS25" s="277">
        <v>5</v>
      </c>
      <c r="AT25" s="282">
        <v>5</v>
      </c>
      <c r="AU25" s="276">
        <v>0</v>
      </c>
      <c r="AV25" s="280">
        <v>0</v>
      </c>
      <c r="AW25" s="277">
        <v>0</v>
      </c>
      <c r="AX25" s="279">
        <v>0</v>
      </c>
      <c r="AY25" s="280">
        <v>6</v>
      </c>
      <c r="AZ25" s="280">
        <v>4</v>
      </c>
      <c r="BA25" s="280">
        <v>3</v>
      </c>
      <c r="BB25" s="280">
        <v>1</v>
      </c>
      <c r="BC25" s="280">
        <v>2</v>
      </c>
      <c r="BD25" s="277">
        <v>16</v>
      </c>
      <c r="BE25" s="282">
        <v>16</v>
      </c>
      <c r="BF25" s="276">
        <v>0</v>
      </c>
      <c r="BG25" s="280">
        <v>1</v>
      </c>
      <c r="BH25" s="277">
        <v>1</v>
      </c>
      <c r="BI25" s="279">
        <v>0</v>
      </c>
      <c r="BJ25" s="280">
        <v>32</v>
      </c>
      <c r="BK25" s="280">
        <v>14</v>
      </c>
      <c r="BL25" s="280">
        <v>21</v>
      </c>
      <c r="BM25" s="280">
        <v>12</v>
      </c>
      <c r="BN25" s="280">
        <v>9</v>
      </c>
      <c r="BO25" s="281">
        <v>88</v>
      </c>
      <c r="BP25" s="282">
        <v>89</v>
      </c>
      <c r="BQ25" s="276">
        <v>0</v>
      </c>
      <c r="BR25" s="280">
        <v>0</v>
      </c>
      <c r="BS25" s="277">
        <v>0</v>
      </c>
      <c r="BT25" s="279">
        <v>0</v>
      </c>
      <c r="BU25" s="280">
        <v>0</v>
      </c>
      <c r="BV25" s="280">
        <v>0</v>
      </c>
      <c r="BW25" s="280">
        <v>0</v>
      </c>
      <c r="BX25" s="280">
        <v>0</v>
      </c>
      <c r="BY25" s="280">
        <v>0</v>
      </c>
      <c r="BZ25" s="277">
        <v>0</v>
      </c>
      <c r="CA25" s="282">
        <v>0</v>
      </c>
      <c r="CB25" s="276">
        <v>0</v>
      </c>
      <c r="CC25" s="280">
        <v>0</v>
      </c>
      <c r="CD25" s="277">
        <v>0</v>
      </c>
      <c r="CE25" s="279">
        <v>0</v>
      </c>
      <c r="CF25" s="280">
        <v>0</v>
      </c>
      <c r="CG25" s="280">
        <v>0</v>
      </c>
      <c r="CH25" s="280">
        <v>0</v>
      </c>
      <c r="CI25" s="280">
        <v>0</v>
      </c>
      <c r="CJ25" s="280">
        <v>0</v>
      </c>
      <c r="CK25" s="277">
        <v>0</v>
      </c>
      <c r="CL25" s="282">
        <v>0</v>
      </c>
      <c r="CM25" s="276">
        <v>0</v>
      </c>
      <c r="CN25" s="280">
        <v>0</v>
      </c>
      <c r="CO25" s="277">
        <v>0</v>
      </c>
      <c r="CP25" s="279">
        <v>0</v>
      </c>
      <c r="CQ25" s="280">
        <v>0</v>
      </c>
      <c r="CR25" s="280">
        <v>0</v>
      </c>
      <c r="CS25" s="280">
        <v>0</v>
      </c>
      <c r="CT25" s="280">
        <v>1</v>
      </c>
      <c r="CU25" s="280">
        <v>0</v>
      </c>
      <c r="CV25" s="277">
        <v>1</v>
      </c>
      <c r="CW25" s="282">
        <v>1</v>
      </c>
    </row>
    <row r="26" spans="2:101" ht="21" customHeight="1" x14ac:dyDescent="0.2">
      <c r="B26" s="261" t="s">
        <v>24</v>
      </c>
      <c r="C26" s="276">
        <v>0</v>
      </c>
      <c r="D26" s="277">
        <v>0</v>
      </c>
      <c r="E26" s="278">
        <v>0</v>
      </c>
      <c r="F26" s="279">
        <v>0</v>
      </c>
      <c r="G26" s="280">
        <v>3</v>
      </c>
      <c r="H26" s="280">
        <v>3</v>
      </c>
      <c r="I26" s="280">
        <v>1</v>
      </c>
      <c r="J26" s="280">
        <v>3</v>
      </c>
      <c r="K26" s="280">
        <v>0</v>
      </c>
      <c r="L26" s="281">
        <v>10</v>
      </c>
      <c r="M26" s="282">
        <v>10</v>
      </c>
      <c r="N26" s="276">
        <v>0</v>
      </c>
      <c r="O26" s="280">
        <v>0</v>
      </c>
      <c r="P26" s="277">
        <v>0</v>
      </c>
      <c r="Q26" s="279">
        <v>0</v>
      </c>
      <c r="R26" s="280">
        <v>0</v>
      </c>
      <c r="S26" s="280">
        <v>0</v>
      </c>
      <c r="T26" s="280">
        <v>0</v>
      </c>
      <c r="U26" s="280">
        <v>0</v>
      </c>
      <c r="V26" s="280">
        <v>0</v>
      </c>
      <c r="W26" s="277">
        <v>0</v>
      </c>
      <c r="X26" s="282">
        <v>0</v>
      </c>
      <c r="Y26" s="276">
        <v>0</v>
      </c>
      <c r="Z26" s="280">
        <v>0</v>
      </c>
      <c r="AA26" s="277">
        <v>0</v>
      </c>
      <c r="AB26" s="279">
        <v>0</v>
      </c>
      <c r="AC26" s="280">
        <v>27</v>
      </c>
      <c r="AD26" s="280">
        <v>14</v>
      </c>
      <c r="AE26" s="280">
        <v>14</v>
      </c>
      <c r="AF26" s="280">
        <v>6</v>
      </c>
      <c r="AG26" s="280">
        <v>2</v>
      </c>
      <c r="AH26" s="277">
        <v>63</v>
      </c>
      <c r="AI26" s="282">
        <v>63</v>
      </c>
      <c r="AJ26" s="276">
        <v>0</v>
      </c>
      <c r="AK26" s="280">
        <v>0</v>
      </c>
      <c r="AL26" s="277">
        <v>0</v>
      </c>
      <c r="AM26" s="279">
        <v>0</v>
      </c>
      <c r="AN26" s="280">
        <v>9</v>
      </c>
      <c r="AO26" s="280">
        <v>4</v>
      </c>
      <c r="AP26" s="280">
        <v>5</v>
      </c>
      <c r="AQ26" s="280">
        <v>2</v>
      </c>
      <c r="AR26" s="280">
        <v>1</v>
      </c>
      <c r="AS26" s="277">
        <v>21</v>
      </c>
      <c r="AT26" s="282">
        <v>21</v>
      </c>
      <c r="AU26" s="276">
        <v>4</v>
      </c>
      <c r="AV26" s="280">
        <v>2</v>
      </c>
      <c r="AW26" s="277">
        <v>6</v>
      </c>
      <c r="AX26" s="279">
        <v>0</v>
      </c>
      <c r="AY26" s="280">
        <v>16</v>
      </c>
      <c r="AZ26" s="280">
        <v>9</v>
      </c>
      <c r="BA26" s="280">
        <v>7</v>
      </c>
      <c r="BB26" s="280">
        <v>4</v>
      </c>
      <c r="BC26" s="280">
        <v>1</v>
      </c>
      <c r="BD26" s="277">
        <v>37</v>
      </c>
      <c r="BE26" s="282">
        <v>43</v>
      </c>
      <c r="BF26" s="276">
        <v>0</v>
      </c>
      <c r="BG26" s="280">
        <v>0</v>
      </c>
      <c r="BH26" s="277">
        <v>0</v>
      </c>
      <c r="BI26" s="279">
        <v>0</v>
      </c>
      <c r="BJ26" s="280">
        <v>1</v>
      </c>
      <c r="BK26" s="280">
        <v>4</v>
      </c>
      <c r="BL26" s="280">
        <v>8</v>
      </c>
      <c r="BM26" s="280">
        <v>8</v>
      </c>
      <c r="BN26" s="280">
        <v>5</v>
      </c>
      <c r="BO26" s="281">
        <v>26</v>
      </c>
      <c r="BP26" s="282">
        <v>26</v>
      </c>
      <c r="BQ26" s="276">
        <v>0</v>
      </c>
      <c r="BR26" s="280">
        <v>0</v>
      </c>
      <c r="BS26" s="277">
        <v>0</v>
      </c>
      <c r="BT26" s="279">
        <v>0</v>
      </c>
      <c r="BU26" s="280">
        <v>0</v>
      </c>
      <c r="BV26" s="280">
        <v>0</v>
      </c>
      <c r="BW26" s="280">
        <v>0</v>
      </c>
      <c r="BX26" s="280">
        <v>0</v>
      </c>
      <c r="BY26" s="280">
        <v>0</v>
      </c>
      <c r="BZ26" s="277">
        <v>0</v>
      </c>
      <c r="CA26" s="282">
        <v>0</v>
      </c>
      <c r="CB26" s="276">
        <v>0</v>
      </c>
      <c r="CC26" s="280">
        <v>0</v>
      </c>
      <c r="CD26" s="277">
        <v>0</v>
      </c>
      <c r="CE26" s="279">
        <v>0</v>
      </c>
      <c r="CF26" s="280">
        <v>0</v>
      </c>
      <c r="CG26" s="280">
        <v>0</v>
      </c>
      <c r="CH26" s="280">
        <v>0</v>
      </c>
      <c r="CI26" s="280">
        <v>0</v>
      </c>
      <c r="CJ26" s="280">
        <v>0</v>
      </c>
      <c r="CK26" s="277">
        <v>0</v>
      </c>
      <c r="CL26" s="282">
        <v>0</v>
      </c>
      <c r="CM26" s="276">
        <v>0</v>
      </c>
      <c r="CN26" s="280">
        <v>0</v>
      </c>
      <c r="CO26" s="277">
        <v>0</v>
      </c>
      <c r="CP26" s="279">
        <v>0</v>
      </c>
      <c r="CQ26" s="280">
        <v>0</v>
      </c>
      <c r="CR26" s="280">
        <v>0</v>
      </c>
      <c r="CS26" s="280">
        <v>0</v>
      </c>
      <c r="CT26" s="280">
        <v>0</v>
      </c>
      <c r="CU26" s="280">
        <v>0</v>
      </c>
      <c r="CV26" s="277">
        <v>0</v>
      </c>
      <c r="CW26" s="282">
        <v>0</v>
      </c>
    </row>
    <row r="27" spans="2:101" ht="21" customHeight="1" x14ac:dyDescent="0.2">
      <c r="B27" s="261" t="s">
        <v>25</v>
      </c>
      <c r="C27" s="276">
        <v>0</v>
      </c>
      <c r="D27" s="277">
        <v>0</v>
      </c>
      <c r="E27" s="278">
        <v>0</v>
      </c>
      <c r="F27" s="279">
        <v>0</v>
      </c>
      <c r="G27" s="280">
        <v>0</v>
      </c>
      <c r="H27" s="280">
        <v>0</v>
      </c>
      <c r="I27" s="280">
        <v>0</v>
      </c>
      <c r="J27" s="280">
        <v>0</v>
      </c>
      <c r="K27" s="280">
        <v>0</v>
      </c>
      <c r="L27" s="281">
        <v>0</v>
      </c>
      <c r="M27" s="282">
        <v>0</v>
      </c>
      <c r="N27" s="276">
        <v>0</v>
      </c>
      <c r="O27" s="280">
        <v>0</v>
      </c>
      <c r="P27" s="277">
        <v>0</v>
      </c>
      <c r="Q27" s="279">
        <v>0</v>
      </c>
      <c r="R27" s="280">
        <v>0</v>
      </c>
      <c r="S27" s="280">
        <v>0</v>
      </c>
      <c r="T27" s="280">
        <v>0</v>
      </c>
      <c r="U27" s="280">
        <v>0</v>
      </c>
      <c r="V27" s="280">
        <v>0</v>
      </c>
      <c r="W27" s="277">
        <v>0</v>
      </c>
      <c r="X27" s="282">
        <v>0</v>
      </c>
      <c r="Y27" s="276">
        <v>0</v>
      </c>
      <c r="Z27" s="280">
        <v>0</v>
      </c>
      <c r="AA27" s="277">
        <v>0</v>
      </c>
      <c r="AB27" s="279">
        <v>0</v>
      </c>
      <c r="AC27" s="280">
        <v>76</v>
      </c>
      <c r="AD27" s="280">
        <v>36</v>
      </c>
      <c r="AE27" s="280">
        <v>15</v>
      </c>
      <c r="AF27" s="280">
        <v>4</v>
      </c>
      <c r="AG27" s="280">
        <v>2</v>
      </c>
      <c r="AH27" s="277">
        <v>133</v>
      </c>
      <c r="AI27" s="282">
        <v>133</v>
      </c>
      <c r="AJ27" s="276">
        <v>0</v>
      </c>
      <c r="AK27" s="280">
        <v>0</v>
      </c>
      <c r="AL27" s="277">
        <v>0</v>
      </c>
      <c r="AM27" s="279">
        <v>0</v>
      </c>
      <c r="AN27" s="280">
        <v>0</v>
      </c>
      <c r="AO27" s="280">
        <v>0</v>
      </c>
      <c r="AP27" s="280">
        <v>0</v>
      </c>
      <c r="AQ27" s="280">
        <v>0</v>
      </c>
      <c r="AR27" s="280">
        <v>0</v>
      </c>
      <c r="AS27" s="277">
        <v>0</v>
      </c>
      <c r="AT27" s="282">
        <v>0</v>
      </c>
      <c r="AU27" s="276">
        <v>2</v>
      </c>
      <c r="AV27" s="280">
        <v>0</v>
      </c>
      <c r="AW27" s="277">
        <v>2</v>
      </c>
      <c r="AX27" s="279">
        <v>0</v>
      </c>
      <c r="AY27" s="280">
        <v>2</v>
      </c>
      <c r="AZ27" s="280">
        <v>8</v>
      </c>
      <c r="BA27" s="280">
        <v>2</v>
      </c>
      <c r="BB27" s="280">
        <v>0</v>
      </c>
      <c r="BC27" s="280">
        <v>0</v>
      </c>
      <c r="BD27" s="277">
        <v>12</v>
      </c>
      <c r="BE27" s="282">
        <v>14</v>
      </c>
      <c r="BF27" s="276">
        <v>0</v>
      </c>
      <c r="BG27" s="280">
        <v>0</v>
      </c>
      <c r="BH27" s="277">
        <v>0</v>
      </c>
      <c r="BI27" s="279">
        <v>0</v>
      </c>
      <c r="BJ27" s="280">
        <v>8</v>
      </c>
      <c r="BK27" s="280">
        <v>7</v>
      </c>
      <c r="BL27" s="280">
        <v>8</v>
      </c>
      <c r="BM27" s="280">
        <v>7</v>
      </c>
      <c r="BN27" s="280">
        <v>1</v>
      </c>
      <c r="BO27" s="281">
        <v>31</v>
      </c>
      <c r="BP27" s="282">
        <v>31</v>
      </c>
      <c r="BQ27" s="276">
        <v>0</v>
      </c>
      <c r="BR27" s="280">
        <v>0</v>
      </c>
      <c r="BS27" s="277">
        <v>0</v>
      </c>
      <c r="BT27" s="279">
        <v>0</v>
      </c>
      <c r="BU27" s="280">
        <v>0</v>
      </c>
      <c r="BV27" s="280">
        <v>0</v>
      </c>
      <c r="BW27" s="280">
        <v>0</v>
      </c>
      <c r="BX27" s="280">
        <v>0</v>
      </c>
      <c r="BY27" s="280">
        <v>0</v>
      </c>
      <c r="BZ27" s="277">
        <v>0</v>
      </c>
      <c r="CA27" s="282">
        <v>0</v>
      </c>
      <c r="CB27" s="276">
        <v>0</v>
      </c>
      <c r="CC27" s="280">
        <v>0</v>
      </c>
      <c r="CD27" s="277">
        <v>0</v>
      </c>
      <c r="CE27" s="279">
        <v>0</v>
      </c>
      <c r="CF27" s="280">
        <v>0</v>
      </c>
      <c r="CG27" s="280">
        <v>0</v>
      </c>
      <c r="CH27" s="280">
        <v>0</v>
      </c>
      <c r="CI27" s="280">
        <v>0</v>
      </c>
      <c r="CJ27" s="280">
        <v>0</v>
      </c>
      <c r="CK27" s="277">
        <v>0</v>
      </c>
      <c r="CL27" s="282">
        <v>0</v>
      </c>
      <c r="CM27" s="276">
        <v>0</v>
      </c>
      <c r="CN27" s="280">
        <v>0</v>
      </c>
      <c r="CO27" s="277">
        <v>0</v>
      </c>
      <c r="CP27" s="279">
        <v>0</v>
      </c>
      <c r="CQ27" s="280">
        <v>0</v>
      </c>
      <c r="CR27" s="280">
        <v>0</v>
      </c>
      <c r="CS27" s="280">
        <v>0</v>
      </c>
      <c r="CT27" s="280">
        <v>0</v>
      </c>
      <c r="CU27" s="280">
        <v>0</v>
      </c>
      <c r="CV27" s="277">
        <v>0</v>
      </c>
      <c r="CW27" s="282">
        <v>0</v>
      </c>
    </row>
    <row r="28" spans="2:101" ht="21" customHeight="1" x14ac:dyDescent="0.2">
      <c r="B28" s="261" t="s">
        <v>26</v>
      </c>
      <c r="C28" s="276">
        <v>0</v>
      </c>
      <c r="D28" s="277">
        <v>0</v>
      </c>
      <c r="E28" s="278">
        <v>0</v>
      </c>
      <c r="F28" s="279">
        <v>0</v>
      </c>
      <c r="G28" s="280">
        <v>0</v>
      </c>
      <c r="H28" s="280">
        <v>0</v>
      </c>
      <c r="I28" s="280">
        <v>0</v>
      </c>
      <c r="J28" s="280">
        <v>0</v>
      </c>
      <c r="K28" s="280">
        <v>0</v>
      </c>
      <c r="L28" s="281">
        <v>0</v>
      </c>
      <c r="M28" s="282">
        <v>0</v>
      </c>
      <c r="N28" s="276">
        <v>0</v>
      </c>
      <c r="O28" s="280">
        <v>0</v>
      </c>
      <c r="P28" s="277">
        <v>0</v>
      </c>
      <c r="Q28" s="279">
        <v>0</v>
      </c>
      <c r="R28" s="280">
        <v>0</v>
      </c>
      <c r="S28" s="280">
        <v>0</v>
      </c>
      <c r="T28" s="280">
        <v>0</v>
      </c>
      <c r="U28" s="280">
        <v>0</v>
      </c>
      <c r="V28" s="280">
        <v>0</v>
      </c>
      <c r="W28" s="277">
        <v>0</v>
      </c>
      <c r="X28" s="282">
        <v>0</v>
      </c>
      <c r="Y28" s="276">
        <v>0</v>
      </c>
      <c r="Z28" s="280">
        <v>0</v>
      </c>
      <c r="AA28" s="277">
        <v>0</v>
      </c>
      <c r="AB28" s="279">
        <v>0</v>
      </c>
      <c r="AC28" s="280">
        <v>47</v>
      </c>
      <c r="AD28" s="280">
        <v>46</v>
      </c>
      <c r="AE28" s="280">
        <v>19</v>
      </c>
      <c r="AF28" s="280">
        <v>8</v>
      </c>
      <c r="AG28" s="280">
        <v>7</v>
      </c>
      <c r="AH28" s="277">
        <v>127</v>
      </c>
      <c r="AI28" s="282">
        <v>127</v>
      </c>
      <c r="AJ28" s="276">
        <v>0</v>
      </c>
      <c r="AK28" s="280">
        <v>0</v>
      </c>
      <c r="AL28" s="277">
        <v>0</v>
      </c>
      <c r="AM28" s="279">
        <v>0</v>
      </c>
      <c r="AN28" s="280">
        <v>2</v>
      </c>
      <c r="AO28" s="280">
        <v>2</v>
      </c>
      <c r="AP28" s="280">
        <v>6</v>
      </c>
      <c r="AQ28" s="280">
        <v>3</v>
      </c>
      <c r="AR28" s="280">
        <v>3</v>
      </c>
      <c r="AS28" s="277">
        <v>16</v>
      </c>
      <c r="AT28" s="282">
        <v>16</v>
      </c>
      <c r="AU28" s="276">
        <v>1</v>
      </c>
      <c r="AV28" s="280">
        <v>0</v>
      </c>
      <c r="AW28" s="277">
        <v>1</v>
      </c>
      <c r="AX28" s="279">
        <v>0</v>
      </c>
      <c r="AY28" s="280">
        <v>7</v>
      </c>
      <c r="AZ28" s="280">
        <v>5</v>
      </c>
      <c r="BA28" s="280">
        <v>3</v>
      </c>
      <c r="BB28" s="280">
        <v>0</v>
      </c>
      <c r="BC28" s="280">
        <v>2</v>
      </c>
      <c r="BD28" s="277">
        <v>17</v>
      </c>
      <c r="BE28" s="282">
        <v>18</v>
      </c>
      <c r="BF28" s="276">
        <v>0</v>
      </c>
      <c r="BG28" s="280">
        <v>0</v>
      </c>
      <c r="BH28" s="277">
        <v>0</v>
      </c>
      <c r="BI28" s="279">
        <v>0</v>
      </c>
      <c r="BJ28" s="280">
        <v>12</v>
      </c>
      <c r="BK28" s="280">
        <v>13</v>
      </c>
      <c r="BL28" s="280">
        <v>18</v>
      </c>
      <c r="BM28" s="280">
        <v>11</v>
      </c>
      <c r="BN28" s="280">
        <v>3</v>
      </c>
      <c r="BO28" s="281">
        <v>57</v>
      </c>
      <c r="BP28" s="282">
        <v>57</v>
      </c>
      <c r="BQ28" s="276">
        <v>0</v>
      </c>
      <c r="BR28" s="280">
        <v>0</v>
      </c>
      <c r="BS28" s="277">
        <v>0</v>
      </c>
      <c r="BT28" s="279">
        <v>0</v>
      </c>
      <c r="BU28" s="280">
        <v>0</v>
      </c>
      <c r="BV28" s="280">
        <v>0</v>
      </c>
      <c r="BW28" s="280">
        <v>0</v>
      </c>
      <c r="BX28" s="280">
        <v>0</v>
      </c>
      <c r="BY28" s="280">
        <v>0</v>
      </c>
      <c r="BZ28" s="277">
        <v>0</v>
      </c>
      <c r="CA28" s="282">
        <v>0</v>
      </c>
      <c r="CB28" s="276">
        <v>0</v>
      </c>
      <c r="CC28" s="280">
        <v>0</v>
      </c>
      <c r="CD28" s="277">
        <v>0</v>
      </c>
      <c r="CE28" s="279">
        <v>0</v>
      </c>
      <c r="CF28" s="280">
        <v>0</v>
      </c>
      <c r="CG28" s="280">
        <v>0</v>
      </c>
      <c r="CH28" s="280">
        <v>0</v>
      </c>
      <c r="CI28" s="280">
        <v>0</v>
      </c>
      <c r="CJ28" s="280">
        <v>0</v>
      </c>
      <c r="CK28" s="277">
        <v>0</v>
      </c>
      <c r="CL28" s="282">
        <v>0</v>
      </c>
      <c r="CM28" s="276">
        <v>0</v>
      </c>
      <c r="CN28" s="280">
        <v>0</v>
      </c>
      <c r="CO28" s="277">
        <v>0</v>
      </c>
      <c r="CP28" s="279">
        <v>0</v>
      </c>
      <c r="CQ28" s="280">
        <v>0</v>
      </c>
      <c r="CR28" s="280">
        <v>0</v>
      </c>
      <c r="CS28" s="280">
        <v>0</v>
      </c>
      <c r="CT28" s="280">
        <v>0</v>
      </c>
      <c r="CU28" s="280">
        <v>0</v>
      </c>
      <c r="CV28" s="277">
        <v>0</v>
      </c>
      <c r="CW28" s="282">
        <v>0</v>
      </c>
    </row>
    <row r="29" spans="2:101" ht="21" customHeight="1" x14ac:dyDescent="0.2">
      <c r="B29" s="261" t="s">
        <v>27</v>
      </c>
      <c r="C29" s="276">
        <v>0</v>
      </c>
      <c r="D29" s="277">
        <v>0</v>
      </c>
      <c r="E29" s="278">
        <v>0</v>
      </c>
      <c r="F29" s="279">
        <v>0</v>
      </c>
      <c r="G29" s="280">
        <v>0</v>
      </c>
      <c r="H29" s="280">
        <v>1</v>
      </c>
      <c r="I29" s="280">
        <v>1</v>
      </c>
      <c r="J29" s="280">
        <v>0</v>
      </c>
      <c r="K29" s="280">
        <v>0</v>
      </c>
      <c r="L29" s="281">
        <v>2</v>
      </c>
      <c r="M29" s="282">
        <v>2</v>
      </c>
      <c r="N29" s="276">
        <v>0</v>
      </c>
      <c r="O29" s="280">
        <v>0</v>
      </c>
      <c r="P29" s="277">
        <v>0</v>
      </c>
      <c r="Q29" s="279">
        <v>0</v>
      </c>
      <c r="R29" s="280">
        <v>0</v>
      </c>
      <c r="S29" s="280">
        <v>0</v>
      </c>
      <c r="T29" s="280">
        <v>0</v>
      </c>
      <c r="U29" s="280">
        <v>0</v>
      </c>
      <c r="V29" s="280">
        <v>0</v>
      </c>
      <c r="W29" s="277">
        <v>0</v>
      </c>
      <c r="X29" s="282">
        <v>0</v>
      </c>
      <c r="Y29" s="276">
        <v>0</v>
      </c>
      <c r="Z29" s="280">
        <v>0</v>
      </c>
      <c r="AA29" s="277">
        <v>0</v>
      </c>
      <c r="AB29" s="279">
        <v>0</v>
      </c>
      <c r="AC29" s="280">
        <v>36</v>
      </c>
      <c r="AD29" s="280">
        <v>14</v>
      </c>
      <c r="AE29" s="280">
        <v>6</v>
      </c>
      <c r="AF29" s="280">
        <v>4</v>
      </c>
      <c r="AG29" s="280">
        <v>1</v>
      </c>
      <c r="AH29" s="277">
        <v>61</v>
      </c>
      <c r="AI29" s="282">
        <v>61</v>
      </c>
      <c r="AJ29" s="276">
        <v>0</v>
      </c>
      <c r="AK29" s="280">
        <v>0</v>
      </c>
      <c r="AL29" s="277">
        <v>0</v>
      </c>
      <c r="AM29" s="279">
        <v>0</v>
      </c>
      <c r="AN29" s="280">
        <v>2</v>
      </c>
      <c r="AO29" s="280">
        <v>1</v>
      </c>
      <c r="AP29" s="280">
        <v>1</v>
      </c>
      <c r="AQ29" s="280">
        <v>2</v>
      </c>
      <c r="AR29" s="280">
        <v>1</v>
      </c>
      <c r="AS29" s="277">
        <v>7</v>
      </c>
      <c r="AT29" s="282">
        <v>7</v>
      </c>
      <c r="AU29" s="276">
        <v>0</v>
      </c>
      <c r="AV29" s="280">
        <v>0</v>
      </c>
      <c r="AW29" s="277">
        <v>0</v>
      </c>
      <c r="AX29" s="279">
        <v>0</v>
      </c>
      <c r="AY29" s="280">
        <v>0</v>
      </c>
      <c r="AZ29" s="280">
        <v>1</v>
      </c>
      <c r="BA29" s="280">
        <v>0</v>
      </c>
      <c r="BB29" s="280">
        <v>0</v>
      </c>
      <c r="BC29" s="280">
        <v>0</v>
      </c>
      <c r="BD29" s="277">
        <v>1</v>
      </c>
      <c r="BE29" s="282">
        <v>1</v>
      </c>
      <c r="BF29" s="276">
        <v>0</v>
      </c>
      <c r="BG29" s="280">
        <v>0</v>
      </c>
      <c r="BH29" s="277">
        <v>0</v>
      </c>
      <c r="BI29" s="279">
        <v>0</v>
      </c>
      <c r="BJ29" s="280">
        <v>13</v>
      </c>
      <c r="BK29" s="280">
        <v>5</v>
      </c>
      <c r="BL29" s="280">
        <v>10</v>
      </c>
      <c r="BM29" s="280">
        <v>3</v>
      </c>
      <c r="BN29" s="280">
        <v>4</v>
      </c>
      <c r="BO29" s="281">
        <v>35</v>
      </c>
      <c r="BP29" s="282">
        <v>35</v>
      </c>
      <c r="BQ29" s="276">
        <v>0</v>
      </c>
      <c r="BR29" s="280">
        <v>0</v>
      </c>
      <c r="BS29" s="277">
        <v>0</v>
      </c>
      <c r="BT29" s="279">
        <v>0</v>
      </c>
      <c r="BU29" s="280">
        <v>0</v>
      </c>
      <c r="BV29" s="280">
        <v>0</v>
      </c>
      <c r="BW29" s="280">
        <v>0</v>
      </c>
      <c r="BX29" s="280">
        <v>0</v>
      </c>
      <c r="BY29" s="280">
        <v>0</v>
      </c>
      <c r="BZ29" s="277">
        <v>0</v>
      </c>
      <c r="CA29" s="282">
        <v>0</v>
      </c>
      <c r="CB29" s="276">
        <v>0</v>
      </c>
      <c r="CC29" s="280">
        <v>0</v>
      </c>
      <c r="CD29" s="277">
        <v>0</v>
      </c>
      <c r="CE29" s="279">
        <v>0</v>
      </c>
      <c r="CF29" s="280">
        <v>0</v>
      </c>
      <c r="CG29" s="280">
        <v>0</v>
      </c>
      <c r="CH29" s="280">
        <v>10</v>
      </c>
      <c r="CI29" s="280">
        <v>10</v>
      </c>
      <c r="CJ29" s="280">
        <v>4</v>
      </c>
      <c r="CK29" s="277">
        <v>24</v>
      </c>
      <c r="CL29" s="282">
        <v>24</v>
      </c>
      <c r="CM29" s="276">
        <v>0</v>
      </c>
      <c r="CN29" s="280">
        <v>0</v>
      </c>
      <c r="CO29" s="277">
        <v>0</v>
      </c>
      <c r="CP29" s="279">
        <v>0</v>
      </c>
      <c r="CQ29" s="280">
        <v>0</v>
      </c>
      <c r="CR29" s="280">
        <v>0</v>
      </c>
      <c r="CS29" s="280">
        <v>0</v>
      </c>
      <c r="CT29" s="280">
        <v>1</v>
      </c>
      <c r="CU29" s="280">
        <v>0</v>
      </c>
      <c r="CV29" s="277">
        <v>1</v>
      </c>
      <c r="CW29" s="282">
        <v>1</v>
      </c>
    </row>
    <row r="30" spans="2:101" ht="21" customHeight="1" x14ac:dyDescent="0.2">
      <c r="B30" s="261" t="s">
        <v>28</v>
      </c>
      <c r="C30" s="276">
        <v>0</v>
      </c>
      <c r="D30" s="277">
        <v>0</v>
      </c>
      <c r="E30" s="278">
        <v>0</v>
      </c>
      <c r="F30" s="279">
        <v>0</v>
      </c>
      <c r="G30" s="280">
        <v>0</v>
      </c>
      <c r="H30" s="280">
        <v>0</v>
      </c>
      <c r="I30" s="280">
        <v>0</v>
      </c>
      <c r="J30" s="280">
        <v>0</v>
      </c>
      <c r="K30" s="280">
        <v>0</v>
      </c>
      <c r="L30" s="281">
        <v>0</v>
      </c>
      <c r="M30" s="282">
        <v>0</v>
      </c>
      <c r="N30" s="276">
        <v>0</v>
      </c>
      <c r="O30" s="280">
        <v>0</v>
      </c>
      <c r="P30" s="277">
        <v>0</v>
      </c>
      <c r="Q30" s="279">
        <v>0</v>
      </c>
      <c r="R30" s="280">
        <v>0</v>
      </c>
      <c r="S30" s="280">
        <v>0</v>
      </c>
      <c r="T30" s="280">
        <v>0</v>
      </c>
      <c r="U30" s="280">
        <v>0</v>
      </c>
      <c r="V30" s="280">
        <v>0</v>
      </c>
      <c r="W30" s="277">
        <v>0</v>
      </c>
      <c r="X30" s="282">
        <v>0</v>
      </c>
      <c r="Y30" s="276">
        <v>0</v>
      </c>
      <c r="Z30" s="280">
        <v>0</v>
      </c>
      <c r="AA30" s="277">
        <v>0</v>
      </c>
      <c r="AB30" s="279">
        <v>0</v>
      </c>
      <c r="AC30" s="280">
        <v>22</v>
      </c>
      <c r="AD30" s="280">
        <v>14</v>
      </c>
      <c r="AE30" s="280">
        <v>2</v>
      </c>
      <c r="AF30" s="280">
        <v>1</v>
      </c>
      <c r="AG30" s="280">
        <v>2</v>
      </c>
      <c r="AH30" s="277">
        <v>41</v>
      </c>
      <c r="AI30" s="282">
        <v>41</v>
      </c>
      <c r="AJ30" s="276">
        <v>0</v>
      </c>
      <c r="AK30" s="280">
        <v>0</v>
      </c>
      <c r="AL30" s="277">
        <v>0</v>
      </c>
      <c r="AM30" s="279">
        <v>0</v>
      </c>
      <c r="AN30" s="280">
        <v>2</v>
      </c>
      <c r="AO30" s="280">
        <v>2</v>
      </c>
      <c r="AP30" s="280">
        <v>1</v>
      </c>
      <c r="AQ30" s="280">
        <v>0</v>
      </c>
      <c r="AR30" s="280">
        <v>0</v>
      </c>
      <c r="AS30" s="277">
        <v>5</v>
      </c>
      <c r="AT30" s="282">
        <v>5</v>
      </c>
      <c r="AU30" s="276">
        <v>0</v>
      </c>
      <c r="AV30" s="280">
        <v>0</v>
      </c>
      <c r="AW30" s="277">
        <v>0</v>
      </c>
      <c r="AX30" s="279">
        <v>0</v>
      </c>
      <c r="AY30" s="280">
        <v>0</v>
      </c>
      <c r="AZ30" s="280">
        <v>0</v>
      </c>
      <c r="BA30" s="280">
        <v>0</v>
      </c>
      <c r="BB30" s="280">
        <v>0</v>
      </c>
      <c r="BC30" s="280">
        <v>0</v>
      </c>
      <c r="BD30" s="277">
        <v>0</v>
      </c>
      <c r="BE30" s="282">
        <v>0</v>
      </c>
      <c r="BF30" s="276">
        <v>0</v>
      </c>
      <c r="BG30" s="280">
        <v>0</v>
      </c>
      <c r="BH30" s="277">
        <v>0</v>
      </c>
      <c r="BI30" s="279">
        <v>0</v>
      </c>
      <c r="BJ30" s="280">
        <v>0</v>
      </c>
      <c r="BK30" s="280">
        <v>4</v>
      </c>
      <c r="BL30" s="280">
        <v>6</v>
      </c>
      <c r="BM30" s="280">
        <v>1</v>
      </c>
      <c r="BN30" s="280">
        <v>4</v>
      </c>
      <c r="BO30" s="281">
        <v>15</v>
      </c>
      <c r="BP30" s="282">
        <v>15</v>
      </c>
      <c r="BQ30" s="276">
        <v>0</v>
      </c>
      <c r="BR30" s="280">
        <v>0</v>
      </c>
      <c r="BS30" s="277">
        <v>0</v>
      </c>
      <c r="BT30" s="279">
        <v>0</v>
      </c>
      <c r="BU30" s="280">
        <v>0</v>
      </c>
      <c r="BV30" s="280">
        <v>0</v>
      </c>
      <c r="BW30" s="280">
        <v>0</v>
      </c>
      <c r="BX30" s="280">
        <v>0</v>
      </c>
      <c r="BY30" s="280">
        <v>0</v>
      </c>
      <c r="BZ30" s="277">
        <v>0</v>
      </c>
      <c r="CA30" s="282">
        <v>0</v>
      </c>
      <c r="CB30" s="276">
        <v>0</v>
      </c>
      <c r="CC30" s="280">
        <v>0</v>
      </c>
      <c r="CD30" s="277">
        <v>0</v>
      </c>
      <c r="CE30" s="279">
        <v>0</v>
      </c>
      <c r="CF30" s="280">
        <v>0</v>
      </c>
      <c r="CG30" s="280">
        <v>0</v>
      </c>
      <c r="CH30" s="280">
        <v>1</v>
      </c>
      <c r="CI30" s="280">
        <v>0</v>
      </c>
      <c r="CJ30" s="280">
        <v>0</v>
      </c>
      <c r="CK30" s="277">
        <v>1</v>
      </c>
      <c r="CL30" s="282">
        <v>1</v>
      </c>
      <c r="CM30" s="276">
        <v>0</v>
      </c>
      <c r="CN30" s="280">
        <v>0</v>
      </c>
      <c r="CO30" s="277">
        <v>0</v>
      </c>
      <c r="CP30" s="279">
        <v>0</v>
      </c>
      <c r="CQ30" s="280">
        <v>0</v>
      </c>
      <c r="CR30" s="280">
        <v>0</v>
      </c>
      <c r="CS30" s="280">
        <v>0</v>
      </c>
      <c r="CT30" s="280">
        <v>0</v>
      </c>
      <c r="CU30" s="280">
        <v>0</v>
      </c>
      <c r="CV30" s="277">
        <v>0</v>
      </c>
      <c r="CW30" s="282">
        <v>0</v>
      </c>
    </row>
    <row r="31" spans="2:101" ht="21" customHeight="1" x14ac:dyDescent="0.2">
      <c r="B31" s="261" t="s">
        <v>29</v>
      </c>
      <c r="C31" s="276">
        <v>0</v>
      </c>
      <c r="D31" s="277">
        <v>0</v>
      </c>
      <c r="E31" s="278">
        <v>0</v>
      </c>
      <c r="F31" s="279">
        <v>0</v>
      </c>
      <c r="G31" s="280">
        <v>0</v>
      </c>
      <c r="H31" s="280">
        <v>0</v>
      </c>
      <c r="I31" s="280">
        <v>1</v>
      </c>
      <c r="J31" s="280">
        <v>0</v>
      </c>
      <c r="K31" s="280">
        <v>0</v>
      </c>
      <c r="L31" s="281">
        <v>1</v>
      </c>
      <c r="M31" s="282">
        <v>1</v>
      </c>
      <c r="N31" s="276">
        <v>0</v>
      </c>
      <c r="O31" s="280">
        <v>0</v>
      </c>
      <c r="P31" s="277">
        <v>0</v>
      </c>
      <c r="Q31" s="279">
        <v>0</v>
      </c>
      <c r="R31" s="280">
        <v>0</v>
      </c>
      <c r="S31" s="280">
        <v>0</v>
      </c>
      <c r="T31" s="280">
        <v>0</v>
      </c>
      <c r="U31" s="280">
        <v>0</v>
      </c>
      <c r="V31" s="280">
        <v>0</v>
      </c>
      <c r="W31" s="277">
        <v>0</v>
      </c>
      <c r="X31" s="282">
        <v>0</v>
      </c>
      <c r="Y31" s="276">
        <v>0</v>
      </c>
      <c r="Z31" s="280">
        <v>0</v>
      </c>
      <c r="AA31" s="277">
        <v>0</v>
      </c>
      <c r="AB31" s="279">
        <v>0</v>
      </c>
      <c r="AC31" s="280">
        <v>16</v>
      </c>
      <c r="AD31" s="280">
        <v>19</v>
      </c>
      <c r="AE31" s="280">
        <v>3</v>
      </c>
      <c r="AF31" s="280">
        <v>4</v>
      </c>
      <c r="AG31" s="280">
        <v>0</v>
      </c>
      <c r="AH31" s="277">
        <v>42</v>
      </c>
      <c r="AI31" s="282">
        <v>42</v>
      </c>
      <c r="AJ31" s="276">
        <v>0</v>
      </c>
      <c r="AK31" s="280">
        <v>0</v>
      </c>
      <c r="AL31" s="277">
        <v>0</v>
      </c>
      <c r="AM31" s="279">
        <v>0</v>
      </c>
      <c r="AN31" s="280">
        <v>1</v>
      </c>
      <c r="AO31" s="280">
        <v>0</v>
      </c>
      <c r="AP31" s="280">
        <v>2</v>
      </c>
      <c r="AQ31" s="280">
        <v>1</v>
      </c>
      <c r="AR31" s="280">
        <v>0</v>
      </c>
      <c r="AS31" s="277">
        <v>4</v>
      </c>
      <c r="AT31" s="282">
        <v>4</v>
      </c>
      <c r="AU31" s="276">
        <v>0</v>
      </c>
      <c r="AV31" s="280">
        <v>3</v>
      </c>
      <c r="AW31" s="277">
        <v>3</v>
      </c>
      <c r="AX31" s="279">
        <v>0</v>
      </c>
      <c r="AY31" s="280">
        <v>8</v>
      </c>
      <c r="AZ31" s="280">
        <v>3</v>
      </c>
      <c r="BA31" s="280">
        <v>9</v>
      </c>
      <c r="BB31" s="280">
        <v>5</v>
      </c>
      <c r="BC31" s="280">
        <v>0</v>
      </c>
      <c r="BD31" s="277">
        <v>25</v>
      </c>
      <c r="BE31" s="282">
        <v>28</v>
      </c>
      <c r="BF31" s="276">
        <v>0</v>
      </c>
      <c r="BG31" s="280">
        <v>0</v>
      </c>
      <c r="BH31" s="277">
        <v>0</v>
      </c>
      <c r="BI31" s="279">
        <v>0</v>
      </c>
      <c r="BJ31" s="280">
        <v>5</v>
      </c>
      <c r="BK31" s="280">
        <v>3</v>
      </c>
      <c r="BL31" s="280">
        <v>4</v>
      </c>
      <c r="BM31" s="280">
        <v>0</v>
      </c>
      <c r="BN31" s="280">
        <v>4</v>
      </c>
      <c r="BO31" s="281">
        <v>16</v>
      </c>
      <c r="BP31" s="282">
        <v>16</v>
      </c>
      <c r="BQ31" s="276">
        <v>0</v>
      </c>
      <c r="BR31" s="280">
        <v>0</v>
      </c>
      <c r="BS31" s="277">
        <v>0</v>
      </c>
      <c r="BT31" s="279">
        <v>0</v>
      </c>
      <c r="BU31" s="280">
        <v>0</v>
      </c>
      <c r="BV31" s="280">
        <v>0</v>
      </c>
      <c r="BW31" s="280">
        <v>0</v>
      </c>
      <c r="BX31" s="280">
        <v>0</v>
      </c>
      <c r="BY31" s="280">
        <v>0</v>
      </c>
      <c r="BZ31" s="277">
        <v>0</v>
      </c>
      <c r="CA31" s="282">
        <v>0</v>
      </c>
      <c r="CB31" s="276">
        <v>0</v>
      </c>
      <c r="CC31" s="280">
        <v>0</v>
      </c>
      <c r="CD31" s="277">
        <v>0</v>
      </c>
      <c r="CE31" s="279">
        <v>0</v>
      </c>
      <c r="CF31" s="280">
        <v>2</v>
      </c>
      <c r="CG31" s="280">
        <v>2</v>
      </c>
      <c r="CH31" s="280">
        <v>9</v>
      </c>
      <c r="CI31" s="280">
        <v>9</v>
      </c>
      <c r="CJ31" s="280">
        <v>4</v>
      </c>
      <c r="CK31" s="277">
        <v>26</v>
      </c>
      <c r="CL31" s="282">
        <v>26</v>
      </c>
      <c r="CM31" s="276">
        <v>0</v>
      </c>
      <c r="CN31" s="280">
        <v>0</v>
      </c>
      <c r="CO31" s="277">
        <v>0</v>
      </c>
      <c r="CP31" s="279">
        <v>0</v>
      </c>
      <c r="CQ31" s="280">
        <v>0</v>
      </c>
      <c r="CR31" s="280">
        <v>0</v>
      </c>
      <c r="CS31" s="280">
        <v>0</v>
      </c>
      <c r="CT31" s="280">
        <v>0</v>
      </c>
      <c r="CU31" s="280">
        <v>0</v>
      </c>
      <c r="CV31" s="277">
        <v>0</v>
      </c>
      <c r="CW31" s="282">
        <v>0</v>
      </c>
    </row>
    <row r="32" spans="2:101" ht="21" customHeight="1" x14ac:dyDescent="0.2">
      <c r="B32" s="261" t="s">
        <v>30</v>
      </c>
      <c r="C32" s="276">
        <v>0</v>
      </c>
      <c r="D32" s="277">
        <v>0</v>
      </c>
      <c r="E32" s="278">
        <v>0</v>
      </c>
      <c r="F32" s="279">
        <v>0</v>
      </c>
      <c r="G32" s="280">
        <v>0</v>
      </c>
      <c r="H32" s="280">
        <v>0</v>
      </c>
      <c r="I32" s="280">
        <v>2</v>
      </c>
      <c r="J32" s="280">
        <v>0</v>
      </c>
      <c r="K32" s="280">
        <v>0</v>
      </c>
      <c r="L32" s="281">
        <v>2</v>
      </c>
      <c r="M32" s="282">
        <v>2</v>
      </c>
      <c r="N32" s="276">
        <v>0</v>
      </c>
      <c r="O32" s="280">
        <v>0</v>
      </c>
      <c r="P32" s="277">
        <v>0</v>
      </c>
      <c r="Q32" s="279">
        <v>0</v>
      </c>
      <c r="R32" s="280">
        <v>0</v>
      </c>
      <c r="S32" s="280">
        <v>0</v>
      </c>
      <c r="T32" s="280">
        <v>0</v>
      </c>
      <c r="U32" s="280">
        <v>0</v>
      </c>
      <c r="V32" s="280">
        <v>0</v>
      </c>
      <c r="W32" s="277">
        <v>0</v>
      </c>
      <c r="X32" s="282">
        <v>0</v>
      </c>
      <c r="Y32" s="276">
        <v>0</v>
      </c>
      <c r="Z32" s="280">
        <v>0</v>
      </c>
      <c r="AA32" s="277">
        <v>0</v>
      </c>
      <c r="AB32" s="279">
        <v>0</v>
      </c>
      <c r="AC32" s="280">
        <v>26</v>
      </c>
      <c r="AD32" s="280">
        <v>10</v>
      </c>
      <c r="AE32" s="280">
        <v>11</v>
      </c>
      <c r="AF32" s="280">
        <v>4</v>
      </c>
      <c r="AG32" s="280">
        <v>0</v>
      </c>
      <c r="AH32" s="277">
        <v>51</v>
      </c>
      <c r="AI32" s="282">
        <v>51</v>
      </c>
      <c r="AJ32" s="276">
        <v>1</v>
      </c>
      <c r="AK32" s="280">
        <v>0</v>
      </c>
      <c r="AL32" s="277">
        <v>1</v>
      </c>
      <c r="AM32" s="279">
        <v>0</v>
      </c>
      <c r="AN32" s="280">
        <v>2</v>
      </c>
      <c r="AO32" s="280">
        <v>3</v>
      </c>
      <c r="AP32" s="280">
        <v>1</v>
      </c>
      <c r="AQ32" s="280">
        <v>0</v>
      </c>
      <c r="AR32" s="280">
        <v>0</v>
      </c>
      <c r="AS32" s="277">
        <v>6</v>
      </c>
      <c r="AT32" s="282">
        <v>7</v>
      </c>
      <c r="AU32" s="276">
        <v>0</v>
      </c>
      <c r="AV32" s="280">
        <v>0</v>
      </c>
      <c r="AW32" s="277">
        <v>0</v>
      </c>
      <c r="AX32" s="279">
        <v>0</v>
      </c>
      <c r="AY32" s="280">
        <v>0</v>
      </c>
      <c r="AZ32" s="280">
        <v>0</v>
      </c>
      <c r="BA32" s="280">
        <v>0</v>
      </c>
      <c r="BB32" s="280">
        <v>1</v>
      </c>
      <c r="BC32" s="280">
        <v>0</v>
      </c>
      <c r="BD32" s="277">
        <v>1</v>
      </c>
      <c r="BE32" s="282">
        <v>1</v>
      </c>
      <c r="BF32" s="276">
        <v>0</v>
      </c>
      <c r="BG32" s="280">
        <v>0</v>
      </c>
      <c r="BH32" s="277">
        <v>0</v>
      </c>
      <c r="BI32" s="279">
        <v>0</v>
      </c>
      <c r="BJ32" s="280">
        <v>6</v>
      </c>
      <c r="BK32" s="280">
        <v>4</v>
      </c>
      <c r="BL32" s="280">
        <v>4</v>
      </c>
      <c r="BM32" s="280">
        <v>6</v>
      </c>
      <c r="BN32" s="280">
        <v>1</v>
      </c>
      <c r="BO32" s="281">
        <v>21</v>
      </c>
      <c r="BP32" s="282">
        <v>21</v>
      </c>
      <c r="BQ32" s="276">
        <v>0</v>
      </c>
      <c r="BR32" s="280">
        <v>0</v>
      </c>
      <c r="BS32" s="277">
        <v>0</v>
      </c>
      <c r="BT32" s="279">
        <v>0</v>
      </c>
      <c r="BU32" s="280">
        <v>0</v>
      </c>
      <c r="BV32" s="280">
        <v>0</v>
      </c>
      <c r="BW32" s="280">
        <v>0</v>
      </c>
      <c r="BX32" s="280">
        <v>0</v>
      </c>
      <c r="BY32" s="280">
        <v>0</v>
      </c>
      <c r="BZ32" s="277">
        <v>0</v>
      </c>
      <c r="CA32" s="282">
        <v>0</v>
      </c>
      <c r="CB32" s="276">
        <v>0</v>
      </c>
      <c r="CC32" s="280">
        <v>0</v>
      </c>
      <c r="CD32" s="277">
        <v>0</v>
      </c>
      <c r="CE32" s="279">
        <v>0</v>
      </c>
      <c r="CF32" s="280">
        <v>0</v>
      </c>
      <c r="CG32" s="280">
        <v>0</v>
      </c>
      <c r="CH32" s="280">
        <v>0</v>
      </c>
      <c r="CI32" s="280">
        <v>0</v>
      </c>
      <c r="CJ32" s="280">
        <v>0</v>
      </c>
      <c r="CK32" s="277">
        <v>0</v>
      </c>
      <c r="CL32" s="282">
        <v>0</v>
      </c>
      <c r="CM32" s="276">
        <v>0</v>
      </c>
      <c r="CN32" s="280">
        <v>0</v>
      </c>
      <c r="CO32" s="277">
        <v>0</v>
      </c>
      <c r="CP32" s="279">
        <v>0</v>
      </c>
      <c r="CQ32" s="280">
        <v>0</v>
      </c>
      <c r="CR32" s="280">
        <v>0</v>
      </c>
      <c r="CS32" s="280">
        <v>0</v>
      </c>
      <c r="CT32" s="280">
        <v>0</v>
      </c>
      <c r="CU32" s="280">
        <v>0</v>
      </c>
      <c r="CV32" s="277">
        <v>0</v>
      </c>
      <c r="CW32" s="282">
        <v>0</v>
      </c>
    </row>
    <row r="33" spans="2:101" ht="21" customHeight="1" x14ac:dyDescent="0.2">
      <c r="B33" s="261" t="s">
        <v>31</v>
      </c>
      <c r="C33" s="276">
        <v>0</v>
      </c>
      <c r="D33" s="277">
        <v>0</v>
      </c>
      <c r="E33" s="278">
        <v>0</v>
      </c>
      <c r="F33" s="279">
        <v>0</v>
      </c>
      <c r="G33" s="280">
        <v>0</v>
      </c>
      <c r="H33" s="280">
        <v>2</v>
      </c>
      <c r="I33" s="280">
        <v>0</v>
      </c>
      <c r="J33" s="280">
        <v>0</v>
      </c>
      <c r="K33" s="280">
        <v>0</v>
      </c>
      <c r="L33" s="281">
        <v>2</v>
      </c>
      <c r="M33" s="282">
        <v>2</v>
      </c>
      <c r="N33" s="276">
        <v>0</v>
      </c>
      <c r="O33" s="280">
        <v>0</v>
      </c>
      <c r="P33" s="277">
        <v>0</v>
      </c>
      <c r="Q33" s="279">
        <v>0</v>
      </c>
      <c r="R33" s="280">
        <v>0</v>
      </c>
      <c r="S33" s="280">
        <v>0</v>
      </c>
      <c r="T33" s="280">
        <v>0</v>
      </c>
      <c r="U33" s="280">
        <v>0</v>
      </c>
      <c r="V33" s="280">
        <v>0</v>
      </c>
      <c r="W33" s="277">
        <v>0</v>
      </c>
      <c r="X33" s="282">
        <v>0</v>
      </c>
      <c r="Y33" s="276">
        <v>0</v>
      </c>
      <c r="Z33" s="280">
        <v>0</v>
      </c>
      <c r="AA33" s="277">
        <v>0</v>
      </c>
      <c r="AB33" s="279">
        <v>0</v>
      </c>
      <c r="AC33" s="280">
        <v>40</v>
      </c>
      <c r="AD33" s="280">
        <v>20</v>
      </c>
      <c r="AE33" s="280">
        <v>8</v>
      </c>
      <c r="AF33" s="280">
        <v>3</v>
      </c>
      <c r="AG33" s="280">
        <v>2</v>
      </c>
      <c r="AH33" s="277">
        <v>73</v>
      </c>
      <c r="AI33" s="282">
        <v>73</v>
      </c>
      <c r="AJ33" s="276">
        <v>0</v>
      </c>
      <c r="AK33" s="280">
        <v>0</v>
      </c>
      <c r="AL33" s="277">
        <v>0</v>
      </c>
      <c r="AM33" s="279">
        <v>0</v>
      </c>
      <c r="AN33" s="280">
        <v>0</v>
      </c>
      <c r="AO33" s="280">
        <v>0</v>
      </c>
      <c r="AP33" s="280">
        <v>1</v>
      </c>
      <c r="AQ33" s="280">
        <v>0</v>
      </c>
      <c r="AR33" s="280">
        <v>1</v>
      </c>
      <c r="AS33" s="277">
        <v>2</v>
      </c>
      <c r="AT33" s="282">
        <v>2</v>
      </c>
      <c r="AU33" s="276">
        <v>0</v>
      </c>
      <c r="AV33" s="280">
        <v>2</v>
      </c>
      <c r="AW33" s="277">
        <v>2</v>
      </c>
      <c r="AX33" s="279">
        <v>0</v>
      </c>
      <c r="AY33" s="280">
        <v>9</v>
      </c>
      <c r="AZ33" s="280">
        <v>5</v>
      </c>
      <c r="BA33" s="280">
        <v>6</v>
      </c>
      <c r="BB33" s="280">
        <v>2</v>
      </c>
      <c r="BC33" s="280">
        <v>1</v>
      </c>
      <c r="BD33" s="277">
        <v>23</v>
      </c>
      <c r="BE33" s="282">
        <v>25</v>
      </c>
      <c r="BF33" s="276">
        <v>0</v>
      </c>
      <c r="BG33" s="280">
        <v>0</v>
      </c>
      <c r="BH33" s="277">
        <v>0</v>
      </c>
      <c r="BI33" s="279">
        <v>0</v>
      </c>
      <c r="BJ33" s="280">
        <v>6</v>
      </c>
      <c r="BK33" s="280">
        <v>9</v>
      </c>
      <c r="BL33" s="280">
        <v>12</v>
      </c>
      <c r="BM33" s="280">
        <v>10</v>
      </c>
      <c r="BN33" s="280">
        <v>3</v>
      </c>
      <c r="BO33" s="281">
        <v>40</v>
      </c>
      <c r="BP33" s="282">
        <v>40</v>
      </c>
      <c r="BQ33" s="276">
        <v>0</v>
      </c>
      <c r="BR33" s="280">
        <v>0</v>
      </c>
      <c r="BS33" s="277">
        <v>0</v>
      </c>
      <c r="BT33" s="279">
        <v>0</v>
      </c>
      <c r="BU33" s="280">
        <v>0</v>
      </c>
      <c r="BV33" s="280">
        <v>0</v>
      </c>
      <c r="BW33" s="280">
        <v>0</v>
      </c>
      <c r="BX33" s="280">
        <v>0</v>
      </c>
      <c r="BY33" s="280">
        <v>0</v>
      </c>
      <c r="BZ33" s="277">
        <v>0</v>
      </c>
      <c r="CA33" s="282">
        <v>0</v>
      </c>
      <c r="CB33" s="276">
        <v>0</v>
      </c>
      <c r="CC33" s="280">
        <v>0</v>
      </c>
      <c r="CD33" s="277">
        <v>0</v>
      </c>
      <c r="CE33" s="279">
        <v>0</v>
      </c>
      <c r="CF33" s="280">
        <v>0</v>
      </c>
      <c r="CG33" s="280">
        <v>0</v>
      </c>
      <c r="CH33" s="280">
        <v>0</v>
      </c>
      <c r="CI33" s="280">
        <v>0</v>
      </c>
      <c r="CJ33" s="280">
        <v>0</v>
      </c>
      <c r="CK33" s="277">
        <v>0</v>
      </c>
      <c r="CL33" s="282">
        <v>0</v>
      </c>
      <c r="CM33" s="276">
        <v>0</v>
      </c>
      <c r="CN33" s="280">
        <v>0</v>
      </c>
      <c r="CO33" s="277">
        <v>0</v>
      </c>
      <c r="CP33" s="279">
        <v>0</v>
      </c>
      <c r="CQ33" s="280">
        <v>0</v>
      </c>
      <c r="CR33" s="280">
        <v>0</v>
      </c>
      <c r="CS33" s="280">
        <v>0</v>
      </c>
      <c r="CT33" s="280">
        <v>0</v>
      </c>
      <c r="CU33" s="280">
        <v>0</v>
      </c>
      <c r="CV33" s="277">
        <v>0</v>
      </c>
      <c r="CW33" s="282">
        <v>0</v>
      </c>
    </row>
    <row r="34" spans="2:101" ht="21" customHeight="1" x14ac:dyDescent="0.2">
      <c r="B34" s="261" t="s">
        <v>32</v>
      </c>
      <c r="C34" s="276">
        <v>0</v>
      </c>
      <c r="D34" s="277">
        <v>0</v>
      </c>
      <c r="E34" s="278">
        <v>0</v>
      </c>
      <c r="F34" s="279">
        <v>0</v>
      </c>
      <c r="G34" s="280">
        <v>2</v>
      </c>
      <c r="H34" s="280">
        <v>1</v>
      </c>
      <c r="I34" s="280">
        <v>0</v>
      </c>
      <c r="J34" s="280">
        <v>1</v>
      </c>
      <c r="K34" s="280">
        <v>0</v>
      </c>
      <c r="L34" s="281">
        <v>4</v>
      </c>
      <c r="M34" s="282">
        <v>4</v>
      </c>
      <c r="N34" s="276">
        <v>0</v>
      </c>
      <c r="O34" s="280">
        <v>0</v>
      </c>
      <c r="P34" s="277">
        <v>0</v>
      </c>
      <c r="Q34" s="279">
        <v>0</v>
      </c>
      <c r="R34" s="280">
        <v>0</v>
      </c>
      <c r="S34" s="280">
        <v>0</v>
      </c>
      <c r="T34" s="280">
        <v>0</v>
      </c>
      <c r="U34" s="280">
        <v>0</v>
      </c>
      <c r="V34" s="280">
        <v>0</v>
      </c>
      <c r="W34" s="277">
        <v>0</v>
      </c>
      <c r="X34" s="282">
        <v>0</v>
      </c>
      <c r="Y34" s="276">
        <v>0</v>
      </c>
      <c r="Z34" s="280">
        <v>0</v>
      </c>
      <c r="AA34" s="277">
        <v>0</v>
      </c>
      <c r="AB34" s="279">
        <v>0</v>
      </c>
      <c r="AC34" s="280">
        <v>39</v>
      </c>
      <c r="AD34" s="280">
        <v>33</v>
      </c>
      <c r="AE34" s="280">
        <v>9</v>
      </c>
      <c r="AF34" s="280">
        <v>0</v>
      </c>
      <c r="AG34" s="280">
        <v>3</v>
      </c>
      <c r="AH34" s="277">
        <v>84</v>
      </c>
      <c r="AI34" s="282">
        <v>84</v>
      </c>
      <c r="AJ34" s="276">
        <v>0</v>
      </c>
      <c r="AK34" s="280">
        <v>0</v>
      </c>
      <c r="AL34" s="277">
        <v>0</v>
      </c>
      <c r="AM34" s="279">
        <v>0</v>
      </c>
      <c r="AN34" s="280">
        <v>3</v>
      </c>
      <c r="AO34" s="280">
        <v>1</v>
      </c>
      <c r="AP34" s="280">
        <v>2</v>
      </c>
      <c r="AQ34" s="280">
        <v>0</v>
      </c>
      <c r="AR34" s="280">
        <v>1</v>
      </c>
      <c r="AS34" s="277">
        <v>7</v>
      </c>
      <c r="AT34" s="282">
        <v>7</v>
      </c>
      <c r="AU34" s="276">
        <v>2</v>
      </c>
      <c r="AV34" s="280">
        <v>3</v>
      </c>
      <c r="AW34" s="277">
        <v>5</v>
      </c>
      <c r="AX34" s="279">
        <v>0</v>
      </c>
      <c r="AY34" s="280">
        <v>3</v>
      </c>
      <c r="AZ34" s="280">
        <v>1</v>
      </c>
      <c r="BA34" s="280">
        <v>3</v>
      </c>
      <c r="BB34" s="280">
        <v>1</v>
      </c>
      <c r="BC34" s="280">
        <v>0</v>
      </c>
      <c r="BD34" s="277">
        <v>8</v>
      </c>
      <c r="BE34" s="282">
        <v>13</v>
      </c>
      <c r="BF34" s="276">
        <v>0</v>
      </c>
      <c r="BG34" s="280">
        <v>0</v>
      </c>
      <c r="BH34" s="277">
        <v>0</v>
      </c>
      <c r="BI34" s="279">
        <v>0</v>
      </c>
      <c r="BJ34" s="280">
        <v>1</v>
      </c>
      <c r="BK34" s="280">
        <v>3</v>
      </c>
      <c r="BL34" s="280">
        <v>12</v>
      </c>
      <c r="BM34" s="280">
        <v>10</v>
      </c>
      <c r="BN34" s="280">
        <v>7</v>
      </c>
      <c r="BO34" s="281">
        <v>33</v>
      </c>
      <c r="BP34" s="282">
        <v>33</v>
      </c>
      <c r="BQ34" s="276">
        <v>0</v>
      </c>
      <c r="BR34" s="280">
        <v>0</v>
      </c>
      <c r="BS34" s="277">
        <v>0</v>
      </c>
      <c r="BT34" s="279">
        <v>0</v>
      </c>
      <c r="BU34" s="280">
        <v>0</v>
      </c>
      <c r="BV34" s="280">
        <v>0</v>
      </c>
      <c r="BW34" s="280">
        <v>0</v>
      </c>
      <c r="BX34" s="280">
        <v>0</v>
      </c>
      <c r="BY34" s="280">
        <v>0</v>
      </c>
      <c r="BZ34" s="277">
        <v>0</v>
      </c>
      <c r="CA34" s="282">
        <v>0</v>
      </c>
      <c r="CB34" s="276">
        <v>0</v>
      </c>
      <c r="CC34" s="280">
        <v>0</v>
      </c>
      <c r="CD34" s="277">
        <v>0</v>
      </c>
      <c r="CE34" s="279">
        <v>0</v>
      </c>
      <c r="CF34" s="280">
        <v>1</v>
      </c>
      <c r="CG34" s="280">
        <v>1</v>
      </c>
      <c r="CH34" s="280">
        <v>16</v>
      </c>
      <c r="CI34" s="280">
        <v>8</v>
      </c>
      <c r="CJ34" s="280">
        <v>1</v>
      </c>
      <c r="CK34" s="277">
        <v>27</v>
      </c>
      <c r="CL34" s="282">
        <v>27</v>
      </c>
      <c r="CM34" s="276">
        <v>0</v>
      </c>
      <c r="CN34" s="280">
        <v>0</v>
      </c>
      <c r="CO34" s="277">
        <v>0</v>
      </c>
      <c r="CP34" s="279">
        <v>0</v>
      </c>
      <c r="CQ34" s="280">
        <v>0</v>
      </c>
      <c r="CR34" s="280">
        <v>0</v>
      </c>
      <c r="CS34" s="280">
        <v>0</v>
      </c>
      <c r="CT34" s="280">
        <v>0</v>
      </c>
      <c r="CU34" s="280">
        <v>0</v>
      </c>
      <c r="CV34" s="277">
        <v>0</v>
      </c>
      <c r="CW34" s="282">
        <v>0</v>
      </c>
    </row>
    <row r="35" spans="2:101" ht="21" customHeight="1" x14ac:dyDescent="0.2">
      <c r="B35" s="261" t="s">
        <v>33</v>
      </c>
      <c r="C35" s="276">
        <v>0</v>
      </c>
      <c r="D35" s="277">
        <v>0</v>
      </c>
      <c r="E35" s="278">
        <v>0</v>
      </c>
      <c r="F35" s="279">
        <v>0</v>
      </c>
      <c r="G35" s="280">
        <v>0</v>
      </c>
      <c r="H35" s="280">
        <v>0</v>
      </c>
      <c r="I35" s="280">
        <v>0</v>
      </c>
      <c r="J35" s="280">
        <v>0</v>
      </c>
      <c r="K35" s="280">
        <v>0</v>
      </c>
      <c r="L35" s="281">
        <v>0</v>
      </c>
      <c r="M35" s="282">
        <v>0</v>
      </c>
      <c r="N35" s="276">
        <v>0</v>
      </c>
      <c r="O35" s="280">
        <v>0</v>
      </c>
      <c r="P35" s="277">
        <v>0</v>
      </c>
      <c r="Q35" s="279">
        <v>0</v>
      </c>
      <c r="R35" s="280">
        <v>0</v>
      </c>
      <c r="S35" s="280">
        <v>0</v>
      </c>
      <c r="T35" s="280">
        <v>0</v>
      </c>
      <c r="U35" s="280">
        <v>0</v>
      </c>
      <c r="V35" s="280">
        <v>0</v>
      </c>
      <c r="W35" s="277">
        <v>0</v>
      </c>
      <c r="X35" s="282">
        <v>0</v>
      </c>
      <c r="Y35" s="276">
        <v>0</v>
      </c>
      <c r="Z35" s="280">
        <v>0</v>
      </c>
      <c r="AA35" s="277">
        <v>0</v>
      </c>
      <c r="AB35" s="279">
        <v>0</v>
      </c>
      <c r="AC35" s="280">
        <v>29</v>
      </c>
      <c r="AD35" s="280">
        <v>10</v>
      </c>
      <c r="AE35" s="280">
        <v>9</v>
      </c>
      <c r="AF35" s="280">
        <v>1</v>
      </c>
      <c r="AG35" s="280">
        <v>0</v>
      </c>
      <c r="AH35" s="277">
        <v>49</v>
      </c>
      <c r="AI35" s="282">
        <v>49</v>
      </c>
      <c r="AJ35" s="276">
        <v>0</v>
      </c>
      <c r="AK35" s="280">
        <v>0</v>
      </c>
      <c r="AL35" s="277">
        <v>0</v>
      </c>
      <c r="AM35" s="279">
        <v>0</v>
      </c>
      <c r="AN35" s="280">
        <v>0</v>
      </c>
      <c r="AO35" s="280">
        <v>0</v>
      </c>
      <c r="AP35" s="280">
        <v>1</v>
      </c>
      <c r="AQ35" s="280">
        <v>0</v>
      </c>
      <c r="AR35" s="280">
        <v>0</v>
      </c>
      <c r="AS35" s="277">
        <v>1</v>
      </c>
      <c r="AT35" s="282">
        <v>1</v>
      </c>
      <c r="AU35" s="276">
        <v>0</v>
      </c>
      <c r="AV35" s="280">
        <v>0</v>
      </c>
      <c r="AW35" s="277">
        <v>0</v>
      </c>
      <c r="AX35" s="279">
        <v>0</v>
      </c>
      <c r="AY35" s="280">
        <v>0</v>
      </c>
      <c r="AZ35" s="280">
        <v>0</v>
      </c>
      <c r="BA35" s="280">
        <v>0</v>
      </c>
      <c r="BB35" s="280">
        <v>0</v>
      </c>
      <c r="BC35" s="280">
        <v>0</v>
      </c>
      <c r="BD35" s="277">
        <v>0</v>
      </c>
      <c r="BE35" s="282">
        <v>0</v>
      </c>
      <c r="BF35" s="276">
        <v>0</v>
      </c>
      <c r="BG35" s="280">
        <v>2</v>
      </c>
      <c r="BH35" s="277">
        <v>2</v>
      </c>
      <c r="BI35" s="279">
        <v>0</v>
      </c>
      <c r="BJ35" s="280">
        <v>2</v>
      </c>
      <c r="BK35" s="280">
        <v>3</v>
      </c>
      <c r="BL35" s="280">
        <v>8</v>
      </c>
      <c r="BM35" s="280">
        <v>1</v>
      </c>
      <c r="BN35" s="280">
        <v>1</v>
      </c>
      <c r="BO35" s="281">
        <v>15</v>
      </c>
      <c r="BP35" s="282">
        <v>17</v>
      </c>
      <c r="BQ35" s="276">
        <v>0</v>
      </c>
      <c r="BR35" s="280">
        <v>0</v>
      </c>
      <c r="BS35" s="277">
        <v>0</v>
      </c>
      <c r="BT35" s="279">
        <v>0</v>
      </c>
      <c r="BU35" s="280">
        <v>0</v>
      </c>
      <c r="BV35" s="280">
        <v>0</v>
      </c>
      <c r="BW35" s="280">
        <v>0</v>
      </c>
      <c r="BX35" s="280">
        <v>0</v>
      </c>
      <c r="BY35" s="280">
        <v>0</v>
      </c>
      <c r="BZ35" s="277">
        <v>0</v>
      </c>
      <c r="CA35" s="282">
        <v>0</v>
      </c>
      <c r="CB35" s="276">
        <v>0</v>
      </c>
      <c r="CC35" s="280">
        <v>0</v>
      </c>
      <c r="CD35" s="277">
        <v>0</v>
      </c>
      <c r="CE35" s="279">
        <v>0</v>
      </c>
      <c r="CF35" s="280">
        <v>0</v>
      </c>
      <c r="CG35" s="280">
        <v>0</v>
      </c>
      <c r="CH35" s="280">
        <v>0</v>
      </c>
      <c r="CI35" s="280">
        <v>0</v>
      </c>
      <c r="CJ35" s="280">
        <v>0</v>
      </c>
      <c r="CK35" s="277">
        <v>0</v>
      </c>
      <c r="CL35" s="282">
        <v>0</v>
      </c>
      <c r="CM35" s="276">
        <v>0</v>
      </c>
      <c r="CN35" s="280">
        <v>0</v>
      </c>
      <c r="CO35" s="277">
        <v>0</v>
      </c>
      <c r="CP35" s="279">
        <v>0</v>
      </c>
      <c r="CQ35" s="280">
        <v>5</v>
      </c>
      <c r="CR35" s="280">
        <v>6</v>
      </c>
      <c r="CS35" s="280">
        <v>7</v>
      </c>
      <c r="CT35" s="280">
        <v>3</v>
      </c>
      <c r="CU35" s="280">
        <v>5</v>
      </c>
      <c r="CV35" s="277">
        <v>26</v>
      </c>
      <c r="CW35" s="282">
        <v>26</v>
      </c>
    </row>
    <row r="36" spans="2:101" ht="21" customHeight="1" x14ac:dyDescent="0.2">
      <c r="B36" s="261" t="s">
        <v>34</v>
      </c>
      <c r="C36" s="276">
        <v>0</v>
      </c>
      <c r="D36" s="277">
        <v>0</v>
      </c>
      <c r="E36" s="278">
        <v>0</v>
      </c>
      <c r="F36" s="279">
        <v>0</v>
      </c>
      <c r="G36" s="280">
        <v>0</v>
      </c>
      <c r="H36" s="280">
        <v>0</v>
      </c>
      <c r="I36" s="280">
        <v>0</v>
      </c>
      <c r="J36" s="280">
        <v>0</v>
      </c>
      <c r="K36" s="280">
        <v>0</v>
      </c>
      <c r="L36" s="281">
        <v>0</v>
      </c>
      <c r="M36" s="282">
        <v>0</v>
      </c>
      <c r="N36" s="276">
        <v>0</v>
      </c>
      <c r="O36" s="280">
        <v>0</v>
      </c>
      <c r="P36" s="277">
        <v>0</v>
      </c>
      <c r="Q36" s="279">
        <v>0</v>
      </c>
      <c r="R36" s="280">
        <v>0</v>
      </c>
      <c r="S36" s="280">
        <v>0</v>
      </c>
      <c r="T36" s="280">
        <v>0</v>
      </c>
      <c r="U36" s="280">
        <v>0</v>
      </c>
      <c r="V36" s="280">
        <v>0</v>
      </c>
      <c r="W36" s="277">
        <v>0</v>
      </c>
      <c r="X36" s="282">
        <v>0</v>
      </c>
      <c r="Y36" s="276">
        <v>0</v>
      </c>
      <c r="Z36" s="280">
        <v>0</v>
      </c>
      <c r="AA36" s="277">
        <v>0</v>
      </c>
      <c r="AB36" s="279">
        <v>0</v>
      </c>
      <c r="AC36" s="280">
        <v>13</v>
      </c>
      <c r="AD36" s="280">
        <v>7</v>
      </c>
      <c r="AE36" s="280">
        <v>2</v>
      </c>
      <c r="AF36" s="280">
        <v>2</v>
      </c>
      <c r="AG36" s="280">
        <v>1</v>
      </c>
      <c r="AH36" s="277">
        <v>25</v>
      </c>
      <c r="AI36" s="282">
        <v>25</v>
      </c>
      <c r="AJ36" s="276">
        <v>0</v>
      </c>
      <c r="AK36" s="280">
        <v>0</v>
      </c>
      <c r="AL36" s="277">
        <v>0</v>
      </c>
      <c r="AM36" s="279">
        <v>0</v>
      </c>
      <c r="AN36" s="280">
        <v>0</v>
      </c>
      <c r="AO36" s="280">
        <v>0</v>
      </c>
      <c r="AP36" s="280">
        <v>0</v>
      </c>
      <c r="AQ36" s="280">
        <v>0</v>
      </c>
      <c r="AR36" s="280">
        <v>1</v>
      </c>
      <c r="AS36" s="277">
        <v>1</v>
      </c>
      <c r="AT36" s="282">
        <v>1</v>
      </c>
      <c r="AU36" s="276">
        <v>1</v>
      </c>
      <c r="AV36" s="280">
        <v>3</v>
      </c>
      <c r="AW36" s="277">
        <v>4</v>
      </c>
      <c r="AX36" s="279">
        <v>0</v>
      </c>
      <c r="AY36" s="280">
        <v>7</v>
      </c>
      <c r="AZ36" s="280">
        <v>5</v>
      </c>
      <c r="BA36" s="280">
        <v>6</v>
      </c>
      <c r="BB36" s="280">
        <v>0</v>
      </c>
      <c r="BC36" s="280">
        <v>1</v>
      </c>
      <c r="BD36" s="277">
        <v>19</v>
      </c>
      <c r="BE36" s="282">
        <v>23</v>
      </c>
      <c r="BF36" s="276">
        <v>0</v>
      </c>
      <c r="BG36" s="280">
        <v>0</v>
      </c>
      <c r="BH36" s="277">
        <v>0</v>
      </c>
      <c r="BI36" s="279">
        <v>0</v>
      </c>
      <c r="BJ36" s="280">
        <v>2</v>
      </c>
      <c r="BK36" s="280">
        <v>3</v>
      </c>
      <c r="BL36" s="280">
        <v>1</v>
      </c>
      <c r="BM36" s="280">
        <v>2</v>
      </c>
      <c r="BN36" s="280">
        <v>3</v>
      </c>
      <c r="BO36" s="281">
        <v>11</v>
      </c>
      <c r="BP36" s="282">
        <v>11</v>
      </c>
      <c r="BQ36" s="276">
        <v>0</v>
      </c>
      <c r="BR36" s="280">
        <v>0</v>
      </c>
      <c r="BS36" s="277">
        <v>0</v>
      </c>
      <c r="BT36" s="279">
        <v>0</v>
      </c>
      <c r="BU36" s="280">
        <v>0</v>
      </c>
      <c r="BV36" s="280">
        <v>0</v>
      </c>
      <c r="BW36" s="280">
        <v>0</v>
      </c>
      <c r="BX36" s="280">
        <v>0</v>
      </c>
      <c r="BY36" s="280">
        <v>0</v>
      </c>
      <c r="BZ36" s="277">
        <v>0</v>
      </c>
      <c r="CA36" s="282">
        <v>0</v>
      </c>
      <c r="CB36" s="276">
        <v>0</v>
      </c>
      <c r="CC36" s="280">
        <v>0</v>
      </c>
      <c r="CD36" s="277">
        <v>0</v>
      </c>
      <c r="CE36" s="279">
        <v>0</v>
      </c>
      <c r="CF36" s="280">
        <v>0</v>
      </c>
      <c r="CG36" s="280">
        <v>0</v>
      </c>
      <c r="CH36" s="280">
        <v>0</v>
      </c>
      <c r="CI36" s="280">
        <v>0</v>
      </c>
      <c r="CJ36" s="280">
        <v>0</v>
      </c>
      <c r="CK36" s="277">
        <v>0</v>
      </c>
      <c r="CL36" s="282">
        <v>0</v>
      </c>
      <c r="CM36" s="276">
        <v>0</v>
      </c>
      <c r="CN36" s="280">
        <v>0</v>
      </c>
      <c r="CO36" s="277">
        <v>0</v>
      </c>
      <c r="CP36" s="279">
        <v>0</v>
      </c>
      <c r="CQ36" s="280">
        <v>8</v>
      </c>
      <c r="CR36" s="280">
        <v>10</v>
      </c>
      <c r="CS36" s="280">
        <v>2</v>
      </c>
      <c r="CT36" s="280">
        <v>4</v>
      </c>
      <c r="CU36" s="280">
        <v>4</v>
      </c>
      <c r="CV36" s="277">
        <v>28</v>
      </c>
      <c r="CW36" s="282">
        <v>28</v>
      </c>
    </row>
    <row r="37" spans="2:101" ht="21" customHeight="1" x14ac:dyDescent="0.2">
      <c r="B37" s="261" t="s">
        <v>35</v>
      </c>
      <c r="C37" s="276">
        <v>0</v>
      </c>
      <c r="D37" s="277">
        <v>0</v>
      </c>
      <c r="E37" s="278">
        <v>0</v>
      </c>
      <c r="F37" s="279">
        <v>0</v>
      </c>
      <c r="G37" s="280">
        <v>0</v>
      </c>
      <c r="H37" s="280">
        <v>1</v>
      </c>
      <c r="I37" s="280">
        <v>1</v>
      </c>
      <c r="J37" s="280">
        <v>1</v>
      </c>
      <c r="K37" s="280">
        <v>0</v>
      </c>
      <c r="L37" s="281">
        <v>3</v>
      </c>
      <c r="M37" s="282">
        <v>3</v>
      </c>
      <c r="N37" s="276">
        <v>0</v>
      </c>
      <c r="O37" s="280">
        <v>0</v>
      </c>
      <c r="P37" s="277">
        <v>0</v>
      </c>
      <c r="Q37" s="279">
        <v>0</v>
      </c>
      <c r="R37" s="280">
        <v>0</v>
      </c>
      <c r="S37" s="280">
        <v>0</v>
      </c>
      <c r="T37" s="280">
        <v>0</v>
      </c>
      <c r="U37" s="280">
        <v>0</v>
      </c>
      <c r="V37" s="280">
        <v>0</v>
      </c>
      <c r="W37" s="277">
        <v>0</v>
      </c>
      <c r="X37" s="282">
        <v>0</v>
      </c>
      <c r="Y37" s="276">
        <v>0</v>
      </c>
      <c r="Z37" s="280">
        <v>0</v>
      </c>
      <c r="AA37" s="277">
        <v>0</v>
      </c>
      <c r="AB37" s="279">
        <v>0</v>
      </c>
      <c r="AC37" s="280">
        <v>18</v>
      </c>
      <c r="AD37" s="280">
        <v>15</v>
      </c>
      <c r="AE37" s="280">
        <v>8</v>
      </c>
      <c r="AF37" s="280">
        <v>10</v>
      </c>
      <c r="AG37" s="280">
        <v>2</v>
      </c>
      <c r="AH37" s="277">
        <v>53</v>
      </c>
      <c r="AI37" s="282">
        <v>53</v>
      </c>
      <c r="AJ37" s="276">
        <v>0</v>
      </c>
      <c r="AK37" s="280">
        <v>0</v>
      </c>
      <c r="AL37" s="277">
        <v>0</v>
      </c>
      <c r="AM37" s="279">
        <v>0</v>
      </c>
      <c r="AN37" s="280">
        <v>0</v>
      </c>
      <c r="AO37" s="280">
        <v>0</v>
      </c>
      <c r="AP37" s="280">
        <v>0</v>
      </c>
      <c r="AQ37" s="280">
        <v>0</v>
      </c>
      <c r="AR37" s="280">
        <v>0</v>
      </c>
      <c r="AS37" s="277">
        <v>0</v>
      </c>
      <c r="AT37" s="282">
        <v>0</v>
      </c>
      <c r="AU37" s="276">
        <v>4</v>
      </c>
      <c r="AV37" s="280">
        <v>2</v>
      </c>
      <c r="AW37" s="277">
        <v>6</v>
      </c>
      <c r="AX37" s="279">
        <v>0</v>
      </c>
      <c r="AY37" s="280">
        <v>13</v>
      </c>
      <c r="AZ37" s="280">
        <v>9</v>
      </c>
      <c r="BA37" s="280">
        <v>6</v>
      </c>
      <c r="BB37" s="280">
        <v>4</v>
      </c>
      <c r="BC37" s="280">
        <v>2</v>
      </c>
      <c r="BD37" s="277">
        <v>34</v>
      </c>
      <c r="BE37" s="282">
        <v>40</v>
      </c>
      <c r="BF37" s="276">
        <v>0</v>
      </c>
      <c r="BG37" s="280">
        <v>0</v>
      </c>
      <c r="BH37" s="277">
        <v>0</v>
      </c>
      <c r="BI37" s="279">
        <v>0</v>
      </c>
      <c r="BJ37" s="280">
        <v>13</v>
      </c>
      <c r="BK37" s="280">
        <v>12</v>
      </c>
      <c r="BL37" s="280">
        <v>16</v>
      </c>
      <c r="BM37" s="280">
        <v>15</v>
      </c>
      <c r="BN37" s="280">
        <v>5</v>
      </c>
      <c r="BO37" s="281">
        <v>61</v>
      </c>
      <c r="BP37" s="282">
        <v>61</v>
      </c>
      <c r="BQ37" s="276">
        <v>0</v>
      </c>
      <c r="BR37" s="280">
        <v>0</v>
      </c>
      <c r="BS37" s="277">
        <v>0</v>
      </c>
      <c r="BT37" s="279">
        <v>0</v>
      </c>
      <c r="BU37" s="280">
        <v>0</v>
      </c>
      <c r="BV37" s="280">
        <v>0</v>
      </c>
      <c r="BW37" s="280">
        <v>0</v>
      </c>
      <c r="BX37" s="280">
        <v>0</v>
      </c>
      <c r="BY37" s="280">
        <v>0</v>
      </c>
      <c r="BZ37" s="277">
        <v>0</v>
      </c>
      <c r="CA37" s="282">
        <v>0</v>
      </c>
      <c r="CB37" s="276">
        <v>0</v>
      </c>
      <c r="CC37" s="280">
        <v>0</v>
      </c>
      <c r="CD37" s="277">
        <v>0</v>
      </c>
      <c r="CE37" s="279">
        <v>0</v>
      </c>
      <c r="CF37" s="280">
        <v>0</v>
      </c>
      <c r="CG37" s="280">
        <v>0</v>
      </c>
      <c r="CH37" s="280">
        <v>0</v>
      </c>
      <c r="CI37" s="280">
        <v>0</v>
      </c>
      <c r="CJ37" s="280">
        <v>0</v>
      </c>
      <c r="CK37" s="277">
        <v>0</v>
      </c>
      <c r="CL37" s="282">
        <v>0</v>
      </c>
      <c r="CM37" s="276">
        <v>0</v>
      </c>
      <c r="CN37" s="280">
        <v>0</v>
      </c>
      <c r="CO37" s="277">
        <v>0</v>
      </c>
      <c r="CP37" s="279">
        <v>0</v>
      </c>
      <c r="CQ37" s="280">
        <v>0</v>
      </c>
      <c r="CR37" s="280">
        <v>0</v>
      </c>
      <c r="CS37" s="280">
        <v>0</v>
      </c>
      <c r="CT37" s="280">
        <v>0</v>
      </c>
      <c r="CU37" s="280">
        <v>0</v>
      </c>
      <c r="CV37" s="277">
        <v>0</v>
      </c>
      <c r="CW37" s="282">
        <v>0</v>
      </c>
    </row>
    <row r="38" spans="2:101" ht="21" customHeight="1" x14ac:dyDescent="0.2">
      <c r="B38" s="261" t="s">
        <v>36</v>
      </c>
      <c r="C38" s="276">
        <v>0</v>
      </c>
      <c r="D38" s="277">
        <v>0</v>
      </c>
      <c r="E38" s="278">
        <v>0</v>
      </c>
      <c r="F38" s="279">
        <v>0</v>
      </c>
      <c r="G38" s="280">
        <v>0</v>
      </c>
      <c r="H38" s="280">
        <v>0</v>
      </c>
      <c r="I38" s="280">
        <v>0</v>
      </c>
      <c r="J38" s="280">
        <v>0</v>
      </c>
      <c r="K38" s="280">
        <v>0</v>
      </c>
      <c r="L38" s="281">
        <v>0</v>
      </c>
      <c r="M38" s="282">
        <v>0</v>
      </c>
      <c r="N38" s="276">
        <v>0</v>
      </c>
      <c r="O38" s="280">
        <v>0</v>
      </c>
      <c r="P38" s="277">
        <v>0</v>
      </c>
      <c r="Q38" s="279">
        <v>0</v>
      </c>
      <c r="R38" s="280">
        <v>0</v>
      </c>
      <c r="S38" s="280">
        <v>0</v>
      </c>
      <c r="T38" s="280">
        <v>0</v>
      </c>
      <c r="U38" s="280">
        <v>0</v>
      </c>
      <c r="V38" s="280">
        <v>0</v>
      </c>
      <c r="W38" s="277">
        <v>0</v>
      </c>
      <c r="X38" s="282">
        <v>0</v>
      </c>
      <c r="Y38" s="276">
        <v>0</v>
      </c>
      <c r="Z38" s="280">
        <v>0</v>
      </c>
      <c r="AA38" s="277">
        <v>0</v>
      </c>
      <c r="AB38" s="279">
        <v>0</v>
      </c>
      <c r="AC38" s="280">
        <v>65</v>
      </c>
      <c r="AD38" s="280">
        <v>48</v>
      </c>
      <c r="AE38" s="280">
        <v>28</v>
      </c>
      <c r="AF38" s="280">
        <v>14</v>
      </c>
      <c r="AG38" s="280">
        <v>9</v>
      </c>
      <c r="AH38" s="277">
        <v>164</v>
      </c>
      <c r="AI38" s="282">
        <v>164</v>
      </c>
      <c r="AJ38" s="276">
        <v>0</v>
      </c>
      <c r="AK38" s="280">
        <v>0</v>
      </c>
      <c r="AL38" s="277">
        <v>0</v>
      </c>
      <c r="AM38" s="279">
        <v>0</v>
      </c>
      <c r="AN38" s="280">
        <v>0</v>
      </c>
      <c r="AO38" s="280">
        <v>0</v>
      </c>
      <c r="AP38" s="280">
        <v>0</v>
      </c>
      <c r="AQ38" s="280">
        <v>0</v>
      </c>
      <c r="AR38" s="280">
        <v>0</v>
      </c>
      <c r="AS38" s="277">
        <v>0</v>
      </c>
      <c r="AT38" s="282">
        <v>0</v>
      </c>
      <c r="AU38" s="276">
        <v>3</v>
      </c>
      <c r="AV38" s="280">
        <v>1</v>
      </c>
      <c r="AW38" s="277">
        <v>4</v>
      </c>
      <c r="AX38" s="279">
        <v>0</v>
      </c>
      <c r="AY38" s="280">
        <v>11</v>
      </c>
      <c r="AZ38" s="280">
        <v>7</v>
      </c>
      <c r="BA38" s="280">
        <v>8</v>
      </c>
      <c r="BB38" s="280">
        <v>3</v>
      </c>
      <c r="BC38" s="280">
        <v>0</v>
      </c>
      <c r="BD38" s="277">
        <v>29</v>
      </c>
      <c r="BE38" s="282">
        <v>33</v>
      </c>
      <c r="BF38" s="276">
        <v>0</v>
      </c>
      <c r="BG38" s="280">
        <v>0</v>
      </c>
      <c r="BH38" s="277">
        <v>0</v>
      </c>
      <c r="BI38" s="279">
        <v>0</v>
      </c>
      <c r="BJ38" s="280">
        <v>4</v>
      </c>
      <c r="BK38" s="280">
        <v>10</v>
      </c>
      <c r="BL38" s="280">
        <v>16</v>
      </c>
      <c r="BM38" s="280">
        <v>4</v>
      </c>
      <c r="BN38" s="280">
        <v>7</v>
      </c>
      <c r="BO38" s="281">
        <v>41</v>
      </c>
      <c r="BP38" s="282">
        <v>41</v>
      </c>
      <c r="BQ38" s="276">
        <v>0</v>
      </c>
      <c r="BR38" s="280">
        <v>0</v>
      </c>
      <c r="BS38" s="277">
        <v>0</v>
      </c>
      <c r="BT38" s="279">
        <v>0</v>
      </c>
      <c r="BU38" s="280">
        <v>0</v>
      </c>
      <c r="BV38" s="280">
        <v>0</v>
      </c>
      <c r="BW38" s="280">
        <v>0</v>
      </c>
      <c r="BX38" s="280">
        <v>0</v>
      </c>
      <c r="BY38" s="280">
        <v>0</v>
      </c>
      <c r="BZ38" s="277">
        <v>0</v>
      </c>
      <c r="CA38" s="282">
        <v>0</v>
      </c>
      <c r="CB38" s="276">
        <v>0</v>
      </c>
      <c r="CC38" s="280">
        <v>0</v>
      </c>
      <c r="CD38" s="277">
        <v>0</v>
      </c>
      <c r="CE38" s="279">
        <v>0</v>
      </c>
      <c r="CF38" s="280">
        <v>0</v>
      </c>
      <c r="CG38" s="280">
        <v>0</v>
      </c>
      <c r="CH38" s="280">
        <v>0</v>
      </c>
      <c r="CI38" s="280">
        <v>0</v>
      </c>
      <c r="CJ38" s="280">
        <v>0</v>
      </c>
      <c r="CK38" s="277">
        <v>0</v>
      </c>
      <c r="CL38" s="282">
        <v>0</v>
      </c>
      <c r="CM38" s="276">
        <v>0</v>
      </c>
      <c r="CN38" s="280">
        <v>0</v>
      </c>
      <c r="CO38" s="277">
        <v>0</v>
      </c>
      <c r="CP38" s="279">
        <v>0</v>
      </c>
      <c r="CQ38" s="280">
        <v>0</v>
      </c>
      <c r="CR38" s="280">
        <v>0</v>
      </c>
      <c r="CS38" s="280">
        <v>0</v>
      </c>
      <c r="CT38" s="280">
        <v>0</v>
      </c>
      <c r="CU38" s="280">
        <v>0</v>
      </c>
      <c r="CV38" s="277">
        <v>0</v>
      </c>
      <c r="CW38" s="282">
        <v>0</v>
      </c>
    </row>
    <row r="39" spans="2:101" ht="21" customHeight="1" thickBot="1" x14ac:dyDescent="0.25">
      <c r="B39" s="262" t="s">
        <v>37</v>
      </c>
      <c r="C39" s="283">
        <v>0</v>
      </c>
      <c r="D39" s="284">
        <v>0</v>
      </c>
      <c r="E39" s="285">
        <v>0</v>
      </c>
      <c r="F39" s="286">
        <v>0</v>
      </c>
      <c r="G39" s="287">
        <v>0</v>
      </c>
      <c r="H39" s="287">
        <v>0</v>
      </c>
      <c r="I39" s="287">
        <v>1</v>
      </c>
      <c r="J39" s="287">
        <v>0</v>
      </c>
      <c r="K39" s="287">
        <v>0</v>
      </c>
      <c r="L39" s="288">
        <v>1</v>
      </c>
      <c r="M39" s="289">
        <v>1</v>
      </c>
      <c r="N39" s="283">
        <v>0</v>
      </c>
      <c r="O39" s="287">
        <v>0</v>
      </c>
      <c r="P39" s="284">
        <v>0</v>
      </c>
      <c r="Q39" s="286">
        <v>0</v>
      </c>
      <c r="R39" s="287">
        <v>0</v>
      </c>
      <c r="S39" s="287">
        <v>0</v>
      </c>
      <c r="T39" s="287">
        <v>0</v>
      </c>
      <c r="U39" s="287">
        <v>0</v>
      </c>
      <c r="V39" s="287">
        <v>0</v>
      </c>
      <c r="W39" s="284">
        <v>0</v>
      </c>
      <c r="X39" s="289">
        <v>0</v>
      </c>
      <c r="Y39" s="283">
        <v>0</v>
      </c>
      <c r="Z39" s="287">
        <v>0</v>
      </c>
      <c r="AA39" s="284">
        <v>0</v>
      </c>
      <c r="AB39" s="286">
        <v>0</v>
      </c>
      <c r="AC39" s="287">
        <v>14</v>
      </c>
      <c r="AD39" s="287">
        <v>6</v>
      </c>
      <c r="AE39" s="287">
        <v>9</v>
      </c>
      <c r="AF39" s="287">
        <v>0</v>
      </c>
      <c r="AG39" s="287">
        <v>2</v>
      </c>
      <c r="AH39" s="284">
        <v>31</v>
      </c>
      <c r="AI39" s="289">
        <v>31</v>
      </c>
      <c r="AJ39" s="283">
        <v>0</v>
      </c>
      <c r="AK39" s="287">
        <v>0</v>
      </c>
      <c r="AL39" s="284">
        <v>0</v>
      </c>
      <c r="AM39" s="286">
        <v>0</v>
      </c>
      <c r="AN39" s="287">
        <v>1</v>
      </c>
      <c r="AO39" s="287">
        <v>0</v>
      </c>
      <c r="AP39" s="287">
        <v>0</v>
      </c>
      <c r="AQ39" s="287">
        <v>1</v>
      </c>
      <c r="AR39" s="287">
        <v>1</v>
      </c>
      <c r="AS39" s="284">
        <v>3</v>
      </c>
      <c r="AT39" s="289">
        <v>3</v>
      </c>
      <c r="AU39" s="283">
        <v>0</v>
      </c>
      <c r="AV39" s="287">
        <v>0</v>
      </c>
      <c r="AW39" s="284">
        <v>0</v>
      </c>
      <c r="AX39" s="286">
        <v>0</v>
      </c>
      <c r="AY39" s="287">
        <v>0</v>
      </c>
      <c r="AZ39" s="287">
        <v>0</v>
      </c>
      <c r="BA39" s="287">
        <v>0</v>
      </c>
      <c r="BB39" s="287">
        <v>0</v>
      </c>
      <c r="BC39" s="287">
        <v>0</v>
      </c>
      <c r="BD39" s="284">
        <v>0</v>
      </c>
      <c r="BE39" s="289">
        <v>0</v>
      </c>
      <c r="BF39" s="283">
        <v>0</v>
      </c>
      <c r="BG39" s="287">
        <v>0</v>
      </c>
      <c r="BH39" s="284">
        <v>0</v>
      </c>
      <c r="BI39" s="286">
        <v>0</v>
      </c>
      <c r="BJ39" s="287">
        <v>1</v>
      </c>
      <c r="BK39" s="287">
        <v>1</v>
      </c>
      <c r="BL39" s="287">
        <v>2</v>
      </c>
      <c r="BM39" s="287">
        <v>0</v>
      </c>
      <c r="BN39" s="287">
        <v>0</v>
      </c>
      <c r="BO39" s="288">
        <v>4</v>
      </c>
      <c r="BP39" s="289">
        <v>4</v>
      </c>
      <c r="BQ39" s="283">
        <v>0</v>
      </c>
      <c r="BR39" s="287">
        <v>0</v>
      </c>
      <c r="BS39" s="284">
        <v>0</v>
      </c>
      <c r="BT39" s="286">
        <v>0</v>
      </c>
      <c r="BU39" s="287">
        <v>0</v>
      </c>
      <c r="BV39" s="287">
        <v>0</v>
      </c>
      <c r="BW39" s="287">
        <v>0</v>
      </c>
      <c r="BX39" s="287">
        <v>0</v>
      </c>
      <c r="BY39" s="287">
        <v>0</v>
      </c>
      <c r="BZ39" s="284">
        <v>0</v>
      </c>
      <c r="CA39" s="289">
        <v>0</v>
      </c>
      <c r="CB39" s="283">
        <v>0</v>
      </c>
      <c r="CC39" s="287">
        <v>0</v>
      </c>
      <c r="CD39" s="284">
        <v>0</v>
      </c>
      <c r="CE39" s="286">
        <v>0</v>
      </c>
      <c r="CF39" s="287">
        <v>0</v>
      </c>
      <c r="CG39" s="287">
        <v>0</v>
      </c>
      <c r="CH39" s="287">
        <v>0</v>
      </c>
      <c r="CI39" s="287">
        <v>0</v>
      </c>
      <c r="CJ39" s="287">
        <v>0</v>
      </c>
      <c r="CK39" s="284">
        <v>0</v>
      </c>
      <c r="CL39" s="289">
        <v>0</v>
      </c>
      <c r="CM39" s="283">
        <v>0</v>
      </c>
      <c r="CN39" s="287">
        <v>0</v>
      </c>
      <c r="CO39" s="284">
        <v>0</v>
      </c>
      <c r="CP39" s="286">
        <v>0</v>
      </c>
      <c r="CQ39" s="287">
        <v>0</v>
      </c>
      <c r="CR39" s="287">
        <v>0</v>
      </c>
      <c r="CS39" s="287">
        <v>0</v>
      </c>
      <c r="CT39" s="287">
        <v>0</v>
      </c>
      <c r="CU39" s="287">
        <v>0</v>
      </c>
      <c r="CV39" s="284">
        <v>0</v>
      </c>
      <c r="CW39" s="289">
        <v>0</v>
      </c>
    </row>
  </sheetData>
  <mergeCells count="39">
    <mergeCell ref="Q4:W4"/>
    <mergeCell ref="AU3:BE3"/>
    <mergeCell ref="I1:J1"/>
    <mergeCell ref="L1:M1"/>
    <mergeCell ref="CA4:CA5"/>
    <mergeCell ref="BF3:BP3"/>
    <mergeCell ref="BQ3:CA3"/>
    <mergeCell ref="BP4:BP5"/>
    <mergeCell ref="BE4:BE5"/>
    <mergeCell ref="B3:B5"/>
    <mergeCell ref="AI4:AI5"/>
    <mergeCell ref="AJ4:AL4"/>
    <mergeCell ref="C3:M3"/>
    <mergeCell ref="N3:X3"/>
    <mergeCell ref="Y3:AI3"/>
    <mergeCell ref="AJ3:AT3"/>
    <mergeCell ref="AM4:AS4"/>
    <mergeCell ref="AT4:AT5"/>
    <mergeCell ref="C4:E4"/>
    <mergeCell ref="F4:L4"/>
    <mergeCell ref="M4:M5"/>
    <mergeCell ref="X4:X5"/>
    <mergeCell ref="Y4:AA4"/>
    <mergeCell ref="AB4:AH4"/>
    <mergeCell ref="N4:P4"/>
    <mergeCell ref="CM3:CW3"/>
    <mergeCell ref="CP4:CV4"/>
    <mergeCell ref="CM4:CO4"/>
    <mergeCell ref="CB4:CD4"/>
    <mergeCell ref="AU4:AW4"/>
    <mergeCell ref="AX4:BD4"/>
    <mergeCell ref="CE4:CK4"/>
    <mergeCell ref="BF4:BH4"/>
    <mergeCell ref="BI4:BO4"/>
    <mergeCell ref="BQ4:BS4"/>
    <mergeCell ref="BT4:BZ4"/>
    <mergeCell ref="CB3:CL3"/>
    <mergeCell ref="CW4:CW5"/>
    <mergeCell ref="CL4:CL5"/>
  </mergeCells>
  <phoneticPr fontId="4"/>
  <pageMargins left="0.70866141732283472" right="0.70866141732283472" top="0.74803149606299213" bottom="0.74803149606299213" header="0.31496062992125984" footer="0.31496062992125984"/>
  <pageSetup paperSize="9" scale="60" orientation="landscape" r:id="rId1"/>
  <headerFooter>
    <oddFooter>&amp;L&amp;20&amp;A&amp;C&amp;P/&amp;N</oddFooter>
  </headerFooter>
  <colBreaks count="3" manualBreakCount="3">
    <brk id="24" max="1048575" man="1"/>
    <brk id="46" max="1048575" man="1"/>
    <brk id="68" max="1048575" man="1"/>
  </colBreaks>
</worksheet>
</file>

<file path=xl/worksheets/sheet1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sheetPr>
  <dimension ref="A1:CW39"/>
  <sheetViews>
    <sheetView zoomScaleNormal="100" workbookViewId="0">
      <pane xSplit="2" ySplit="6" topLeftCell="C7" activePane="bottomRight" state="frozen"/>
      <selection pane="topRight" activeCell="B1" sqref="B1"/>
      <selection pane="bottomLeft" activeCell="A7" sqref="A7"/>
      <selection pane="bottomRight" activeCell="B1" sqref="B1"/>
    </sheetView>
  </sheetViews>
  <sheetFormatPr defaultColWidth="9" defaultRowHeight="13.2" x14ac:dyDescent="0.2"/>
  <cols>
    <col min="1" max="1" width="2.77734375" style="44" customWidth="1"/>
    <col min="2" max="4" width="9" style="255"/>
    <col min="5" max="5" width="10.33203125" style="255" customWidth="1"/>
    <col min="6" max="6" width="7.6640625" style="255" customWidth="1"/>
    <col min="7" max="7" width="8.44140625" style="255" customWidth="1"/>
    <col min="8" max="8" width="8.77734375" style="255" customWidth="1"/>
    <col min="9" max="16" width="9" style="255"/>
    <col min="17" max="17" width="7.21875" style="255" customWidth="1"/>
    <col min="18" max="27" width="9" style="255"/>
    <col min="28" max="28" width="7.6640625" style="255" customWidth="1"/>
    <col min="29" max="38" width="9" style="255"/>
    <col min="39" max="39" width="8.5546875" style="255" customWidth="1"/>
    <col min="40" max="49" width="9" style="255"/>
    <col min="50" max="50" width="7.6640625" style="255" customWidth="1"/>
    <col min="51" max="60" width="9" style="255"/>
    <col min="61" max="61" width="7.21875" style="255" customWidth="1"/>
    <col min="62" max="71" width="9" style="255"/>
    <col min="72" max="72" width="7.21875" style="255" customWidth="1"/>
    <col min="73" max="82" width="9" style="255"/>
    <col min="83" max="83" width="7.33203125" style="255" customWidth="1"/>
    <col min="84" max="93" width="9" style="255"/>
    <col min="94" max="94" width="7.44140625" style="255" customWidth="1"/>
    <col min="95" max="16384" width="9" style="255"/>
  </cols>
  <sheetData>
    <row r="1" spans="1:101" ht="24" customHeight="1" x14ac:dyDescent="0.2">
      <c r="B1" s="290" t="s">
        <v>124</v>
      </c>
      <c r="I1" s="524">
        <f>第１表!F2</f>
        <v>5</v>
      </c>
      <c r="J1" s="524"/>
      <c r="K1" s="248">
        <f>第１表!G2</f>
        <v>2</v>
      </c>
      <c r="L1" s="529">
        <f>IF(K1&lt;3,K1+12-2,K1-2)</f>
        <v>12</v>
      </c>
      <c r="M1" s="529"/>
    </row>
    <row r="2" spans="1:101" s="291" customFormat="1" ht="24" customHeight="1" thickBot="1" x14ac:dyDescent="0.25">
      <c r="A2" s="44"/>
      <c r="B2" s="290" t="s">
        <v>131</v>
      </c>
    </row>
    <row r="3" spans="1:101" ht="21" customHeight="1" thickBot="1" x14ac:dyDescent="0.25">
      <c r="B3" s="537"/>
      <c r="C3" s="540" t="s">
        <v>94</v>
      </c>
      <c r="D3" s="541"/>
      <c r="E3" s="541"/>
      <c r="F3" s="541"/>
      <c r="G3" s="541"/>
      <c r="H3" s="541"/>
      <c r="I3" s="541"/>
      <c r="J3" s="541"/>
      <c r="K3" s="541"/>
      <c r="L3" s="541"/>
      <c r="M3" s="542"/>
      <c r="N3" s="540" t="s">
        <v>88</v>
      </c>
      <c r="O3" s="541"/>
      <c r="P3" s="541"/>
      <c r="Q3" s="541"/>
      <c r="R3" s="541"/>
      <c r="S3" s="541"/>
      <c r="T3" s="541"/>
      <c r="U3" s="541"/>
      <c r="V3" s="541"/>
      <c r="W3" s="541"/>
      <c r="X3" s="542"/>
      <c r="Y3" s="540" t="s">
        <v>142</v>
      </c>
      <c r="Z3" s="541"/>
      <c r="AA3" s="541"/>
      <c r="AB3" s="541"/>
      <c r="AC3" s="541"/>
      <c r="AD3" s="541"/>
      <c r="AE3" s="541"/>
      <c r="AF3" s="541"/>
      <c r="AG3" s="541"/>
      <c r="AH3" s="541"/>
      <c r="AI3" s="542"/>
      <c r="AJ3" s="540" t="s">
        <v>90</v>
      </c>
      <c r="AK3" s="541"/>
      <c r="AL3" s="541"/>
      <c r="AM3" s="541"/>
      <c r="AN3" s="541"/>
      <c r="AO3" s="541"/>
      <c r="AP3" s="541"/>
      <c r="AQ3" s="541"/>
      <c r="AR3" s="541"/>
      <c r="AS3" s="541"/>
      <c r="AT3" s="542"/>
      <c r="AU3" s="546" t="s">
        <v>89</v>
      </c>
      <c r="AV3" s="547"/>
      <c r="AW3" s="547"/>
      <c r="AX3" s="547"/>
      <c r="AY3" s="547"/>
      <c r="AZ3" s="547"/>
      <c r="BA3" s="547"/>
      <c r="BB3" s="547"/>
      <c r="BC3" s="547"/>
      <c r="BD3" s="547"/>
      <c r="BE3" s="548"/>
      <c r="BF3" s="546" t="s">
        <v>91</v>
      </c>
      <c r="BG3" s="547"/>
      <c r="BH3" s="547"/>
      <c r="BI3" s="547"/>
      <c r="BJ3" s="547"/>
      <c r="BK3" s="547"/>
      <c r="BL3" s="547"/>
      <c r="BM3" s="547"/>
      <c r="BN3" s="547"/>
      <c r="BO3" s="547"/>
      <c r="BP3" s="548"/>
      <c r="BQ3" s="546" t="s">
        <v>92</v>
      </c>
      <c r="BR3" s="547"/>
      <c r="BS3" s="547"/>
      <c r="BT3" s="547"/>
      <c r="BU3" s="547"/>
      <c r="BV3" s="547"/>
      <c r="BW3" s="547"/>
      <c r="BX3" s="547"/>
      <c r="BY3" s="547"/>
      <c r="BZ3" s="547"/>
      <c r="CA3" s="548"/>
      <c r="CB3" s="546" t="s">
        <v>93</v>
      </c>
      <c r="CC3" s="547"/>
      <c r="CD3" s="547"/>
      <c r="CE3" s="547"/>
      <c r="CF3" s="547"/>
      <c r="CG3" s="547"/>
      <c r="CH3" s="547"/>
      <c r="CI3" s="547"/>
      <c r="CJ3" s="547"/>
      <c r="CK3" s="547"/>
      <c r="CL3" s="548"/>
      <c r="CM3" s="547" t="s">
        <v>141</v>
      </c>
      <c r="CN3" s="547"/>
      <c r="CO3" s="547"/>
      <c r="CP3" s="547"/>
      <c r="CQ3" s="547"/>
      <c r="CR3" s="547"/>
      <c r="CS3" s="547"/>
      <c r="CT3" s="547"/>
      <c r="CU3" s="547"/>
      <c r="CV3" s="547"/>
      <c r="CW3" s="548"/>
    </row>
    <row r="4" spans="1:101" ht="21" customHeight="1" x14ac:dyDescent="0.2">
      <c r="B4" s="538"/>
      <c r="C4" s="532" t="s">
        <v>61</v>
      </c>
      <c r="D4" s="533"/>
      <c r="E4" s="534"/>
      <c r="F4" s="535" t="s">
        <v>62</v>
      </c>
      <c r="G4" s="533"/>
      <c r="H4" s="533"/>
      <c r="I4" s="533"/>
      <c r="J4" s="533"/>
      <c r="K4" s="533"/>
      <c r="L4" s="536"/>
      <c r="M4" s="530" t="s">
        <v>52</v>
      </c>
      <c r="N4" s="532" t="s">
        <v>61</v>
      </c>
      <c r="O4" s="533"/>
      <c r="P4" s="534"/>
      <c r="Q4" s="535" t="s">
        <v>62</v>
      </c>
      <c r="R4" s="533"/>
      <c r="S4" s="533"/>
      <c r="T4" s="533"/>
      <c r="U4" s="533"/>
      <c r="V4" s="533"/>
      <c r="W4" s="534"/>
      <c r="X4" s="530" t="s">
        <v>52</v>
      </c>
      <c r="Y4" s="532" t="s">
        <v>61</v>
      </c>
      <c r="Z4" s="533"/>
      <c r="AA4" s="534"/>
      <c r="AB4" s="535" t="s">
        <v>62</v>
      </c>
      <c r="AC4" s="533"/>
      <c r="AD4" s="533"/>
      <c r="AE4" s="533"/>
      <c r="AF4" s="533"/>
      <c r="AG4" s="533"/>
      <c r="AH4" s="534"/>
      <c r="AI4" s="530" t="s">
        <v>52</v>
      </c>
      <c r="AJ4" s="532" t="s">
        <v>61</v>
      </c>
      <c r="AK4" s="533"/>
      <c r="AL4" s="534"/>
      <c r="AM4" s="535" t="s">
        <v>62</v>
      </c>
      <c r="AN4" s="533"/>
      <c r="AO4" s="533"/>
      <c r="AP4" s="533"/>
      <c r="AQ4" s="533"/>
      <c r="AR4" s="533"/>
      <c r="AS4" s="534"/>
      <c r="AT4" s="530" t="s">
        <v>52</v>
      </c>
      <c r="AU4" s="562" t="s">
        <v>61</v>
      </c>
      <c r="AV4" s="560"/>
      <c r="AW4" s="561"/>
      <c r="AX4" s="559" t="s">
        <v>62</v>
      </c>
      <c r="AY4" s="560"/>
      <c r="AZ4" s="560"/>
      <c r="BA4" s="560"/>
      <c r="BB4" s="560"/>
      <c r="BC4" s="560"/>
      <c r="BD4" s="561"/>
      <c r="BE4" s="563" t="s">
        <v>52</v>
      </c>
      <c r="BF4" s="562" t="s">
        <v>61</v>
      </c>
      <c r="BG4" s="560"/>
      <c r="BH4" s="561"/>
      <c r="BI4" s="559" t="s">
        <v>62</v>
      </c>
      <c r="BJ4" s="560"/>
      <c r="BK4" s="560"/>
      <c r="BL4" s="560"/>
      <c r="BM4" s="560"/>
      <c r="BN4" s="560"/>
      <c r="BO4" s="561"/>
      <c r="BP4" s="563" t="s">
        <v>52</v>
      </c>
      <c r="BQ4" s="562" t="s">
        <v>61</v>
      </c>
      <c r="BR4" s="560"/>
      <c r="BS4" s="561"/>
      <c r="BT4" s="559" t="s">
        <v>62</v>
      </c>
      <c r="BU4" s="560"/>
      <c r="BV4" s="560"/>
      <c r="BW4" s="560"/>
      <c r="BX4" s="560"/>
      <c r="BY4" s="560"/>
      <c r="BZ4" s="561"/>
      <c r="CA4" s="563" t="s">
        <v>52</v>
      </c>
      <c r="CB4" s="562" t="s">
        <v>61</v>
      </c>
      <c r="CC4" s="560"/>
      <c r="CD4" s="561"/>
      <c r="CE4" s="559" t="s">
        <v>62</v>
      </c>
      <c r="CF4" s="560"/>
      <c r="CG4" s="560"/>
      <c r="CH4" s="560"/>
      <c r="CI4" s="560"/>
      <c r="CJ4" s="560"/>
      <c r="CK4" s="561"/>
      <c r="CL4" s="563" t="s">
        <v>52</v>
      </c>
      <c r="CM4" s="562" t="s">
        <v>61</v>
      </c>
      <c r="CN4" s="560"/>
      <c r="CO4" s="561"/>
      <c r="CP4" s="559" t="s">
        <v>62</v>
      </c>
      <c r="CQ4" s="560"/>
      <c r="CR4" s="560"/>
      <c r="CS4" s="560"/>
      <c r="CT4" s="560"/>
      <c r="CU4" s="560"/>
      <c r="CV4" s="561"/>
      <c r="CW4" s="563" t="s">
        <v>52</v>
      </c>
    </row>
    <row r="5" spans="1:101" ht="30" customHeight="1" thickBot="1" x14ac:dyDescent="0.25">
      <c r="B5" s="539"/>
      <c r="C5" s="323" t="s">
        <v>43</v>
      </c>
      <c r="D5" s="265" t="s">
        <v>44</v>
      </c>
      <c r="E5" s="266" t="s">
        <v>45</v>
      </c>
      <c r="F5" s="267" t="s">
        <v>83</v>
      </c>
      <c r="G5" s="259" t="s">
        <v>47</v>
      </c>
      <c r="H5" s="259" t="s">
        <v>48</v>
      </c>
      <c r="I5" s="259" t="s">
        <v>49</v>
      </c>
      <c r="J5" s="259" t="s">
        <v>50</v>
      </c>
      <c r="K5" s="259" t="s">
        <v>51</v>
      </c>
      <c r="L5" s="268" t="s">
        <v>45</v>
      </c>
      <c r="M5" s="531"/>
      <c r="N5" s="323" t="s">
        <v>43</v>
      </c>
      <c r="O5" s="259" t="s">
        <v>44</v>
      </c>
      <c r="P5" s="265" t="s">
        <v>45</v>
      </c>
      <c r="Q5" s="267" t="s">
        <v>83</v>
      </c>
      <c r="R5" s="259" t="s">
        <v>47</v>
      </c>
      <c r="S5" s="259" t="s">
        <v>48</v>
      </c>
      <c r="T5" s="259" t="s">
        <v>49</v>
      </c>
      <c r="U5" s="259" t="s">
        <v>50</v>
      </c>
      <c r="V5" s="259" t="s">
        <v>51</v>
      </c>
      <c r="W5" s="265" t="s">
        <v>45</v>
      </c>
      <c r="X5" s="531"/>
      <c r="Y5" s="323" t="s">
        <v>43</v>
      </c>
      <c r="Z5" s="259" t="s">
        <v>44</v>
      </c>
      <c r="AA5" s="265" t="s">
        <v>45</v>
      </c>
      <c r="AB5" s="267" t="s">
        <v>83</v>
      </c>
      <c r="AC5" s="259" t="s">
        <v>47</v>
      </c>
      <c r="AD5" s="259" t="s">
        <v>48</v>
      </c>
      <c r="AE5" s="259" t="s">
        <v>49</v>
      </c>
      <c r="AF5" s="259" t="s">
        <v>50</v>
      </c>
      <c r="AG5" s="259" t="s">
        <v>51</v>
      </c>
      <c r="AH5" s="265" t="s">
        <v>45</v>
      </c>
      <c r="AI5" s="531"/>
      <c r="AJ5" s="340" t="s">
        <v>43</v>
      </c>
      <c r="AK5" s="259" t="s">
        <v>44</v>
      </c>
      <c r="AL5" s="265" t="s">
        <v>45</v>
      </c>
      <c r="AM5" s="267" t="s">
        <v>83</v>
      </c>
      <c r="AN5" s="259" t="s">
        <v>47</v>
      </c>
      <c r="AO5" s="259" t="s">
        <v>48</v>
      </c>
      <c r="AP5" s="259" t="s">
        <v>49</v>
      </c>
      <c r="AQ5" s="259" t="s">
        <v>50</v>
      </c>
      <c r="AR5" s="259" t="s">
        <v>51</v>
      </c>
      <c r="AS5" s="265" t="s">
        <v>45</v>
      </c>
      <c r="AT5" s="531"/>
      <c r="AU5" s="340" t="s">
        <v>43</v>
      </c>
      <c r="AV5" s="259" t="s">
        <v>44</v>
      </c>
      <c r="AW5" s="265" t="s">
        <v>45</v>
      </c>
      <c r="AX5" s="267" t="s">
        <v>83</v>
      </c>
      <c r="AY5" s="259" t="s">
        <v>47</v>
      </c>
      <c r="AZ5" s="259" t="s">
        <v>48</v>
      </c>
      <c r="BA5" s="259" t="s">
        <v>49</v>
      </c>
      <c r="BB5" s="259" t="s">
        <v>50</v>
      </c>
      <c r="BC5" s="259" t="s">
        <v>51</v>
      </c>
      <c r="BD5" s="265" t="s">
        <v>45</v>
      </c>
      <c r="BE5" s="564"/>
      <c r="BF5" s="340" t="s">
        <v>43</v>
      </c>
      <c r="BG5" s="259" t="s">
        <v>44</v>
      </c>
      <c r="BH5" s="265" t="s">
        <v>45</v>
      </c>
      <c r="BI5" s="267" t="s">
        <v>83</v>
      </c>
      <c r="BJ5" s="259" t="s">
        <v>47</v>
      </c>
      <c r="BK5" s="259" t="s">
        <v>48</v>
      </c>
      <c r="BL5" s="259" t="s">
        <v>49</v>
      </c>
      <c r="BM5" s="259" t="s">
        <v>50</v>
      </c>
      <c r="BN5" s="259" t="s">
        <v>51</v>
      </c>
      <c r="BO5" s="265" t="s">
        <v>45</v>
      </c>
      <c r="BP5" s="564"/>
      <c r="BQ5" s="340" t="s">
        <v>43</v>
      </c>
      <c r="BR5" s="259" t="s">
        <v>44</v>
      </c>
      <c r="BS5" s="265" t="s">
        <v>45</v>
      </c>
      <c r="BT5" s="267" t="s">
        <v>83</v>
      </c>
      <c r="BU5" s="259" t="s">
        <v>47</v>
      </c>
      <c r="BV5" s="259" t="s">
        <v>48</v>
      </c>
      <c r="BW5" s="259" t="s">
        <v>49</v>
      </c>
      <c r="BX5" s="259" t="s">
        <v>50</v>
      </c>
      <c r="BY5" s="259" t="s">
        <v>51</v>
      </c>
      <c r="BZ5" s="265" t="s">
        <v>45</v>
      </c>
      <c r="CA5" s="564"/>
      <c r="CB5" s="340" t="s">
        <v>43</v>
      </c>
      <c r="CC5" s="259" t="s">
        <v>44</v>
      </c>
      <c r="CD5" s="265" t="s">
        <v>45</v>
      </c>
      <c r="CE5" s="267" t="s">
        <v>83</v>
      </c>
      <c r="CF5" s="259" t="s">
        <v>47</v>
      </c>
      <c r="CG5" s="259" t="s">
        <v>48</v>
      </c>
      <c r="CH5" s="259" t="s">
        <v>49</v>
      </c>
      <c r="CI5" s="259" t="s">
        <v>50</v>
      </c>
      <c r="CJ5" s="259" t="s">
        <v>51</v>
      </c>
      <c r="CK5" s="265" t="s">
        <v>45</v>
      </c>
      <c r="CL5" s="564"/>
      <c r="CM5" s="340" t="s">
        <v>43</v>
      </c>
      <c r="CN5" s="259" t="s">
        <v>44</v>
      </c>
      <c r="CO5" s="265" t="s">
        <v>45</v>
      </c>
      <c r="CP5" s="267" t="s">
        <v>83</v>
      </c>
      <c r="CQ5" s="259" t="s">
        <v>47</v>
      </c>
      <c r="CR5" s="259" t="s">
        <v>48</v>
      </c>
      <c r="CS5" s="259" t="s">
        <v>49</v>
      </c>
      <c r="CT5" s="259" t="s">
        <v>50</v>
      </c>
      <c r="CU5" s="259" t="s">
        <v>51</v>
      </c>
      <c r="CV5" s="265" t="s">
        <v>45</v>
      </c>
      <c r="CW5" s="564"/>
    </row>
    <row r="6" spans="1:101" ht="21" customHeight="1" x14ac:dyDescent="0.2">
      <c r="B6" s="260" t="s">
        <v>4</v>
      </c>
      <c r="C6" s="269">
        <v>0</v>
      </c>
      <c r="D6" s="270">
        <v>0</v>
      </c>
      <c r="E6" s="271">
        <v>0</v>
      </c>
      <c r="F6" s="272">
        <v>0</v>
      </c>
      <c r="G6" s="273">
        <v>20</v>
      </c>
      <c r="H6" s="273">
        <v>22</v>
      </c>
      <c r="I6" s="273">
        <v>23</v>
      </c>
      <c r="J6" s="273">
        <v>24</v>
      </c>
      <c r="K6" s="273">
        <v>25</v>
      </c>
      <c r="L6" s="274">
        <v>114</v>
      </c>
      <c r="M6" s="275">
        <v>114</v>
      </c>
      <c r="N6" s="269">
        <v>0</v>
      </c>
      <c r="O6" s="273">
        <v>0</v>
      </c>
      <c r="P6" s="270">
        <v>0</v>
      </c>
      <c r="Q6" s="272">
        <v>0</v>
      </c>
      <c r="R6" s="273">
        <v>13</v>
      </c>
      <c r="S6" s="273">
        <v>28</v>
      </c>
      <c r="T6" s="273">
        <v>34</v>
      </c>
      <c r="U6" s="273">
        <v>35</v>
      </c>
      <c r="V6" s="273">
        <v>32</v>
      </c>
      <c r="W6" s="270">
        <v>142</v>
      </c>
      <c r="X6" s="275">
        <v>142</v>
      </c>
      <c r="Y6" s="269">
        <v>0</v>
      </c>
      <c r="Z6" s="273">
        <v>0</v>
      </c>
      <c r="AA6" s="270">
        <v>0</v>
      </c>
      <c r="AB6" s="272">
        <v>0</v>
      </c>
      <c r="AC6" s="273">
        <v>981</v>
      </c>
      <c r="AD6" s="273">
        <v>788</v>
      </c>
      <c r="AE6" s="273">
        <v>374</v>
      </c>
      <c r="AF6" s="273">
        <v>176</v>
      </c>
      <c r="AG6" s="273">
        <v>70</v>
      </c>
      <c r="AH6" s="270">
        <v>2389</v>
      </c>
      <c r="AI6" s="275">
        <v>2389</v>
      </c>
      <c r="AJ6" s="269">
        <v>1</v>
      </c>
      <c r="AK6" s="273">
        <v>0</v>
      </c>
      <c r="AL6" s="270">
        <v>1</v>
      </c>
      <c r="AM6" s="272">
        <v>0</v>
      </c>
      <c r="AN6" s="273">
        <v>78</v>
      </c>
      <c r="AO6" s="273">
        <v>93</v>
      </c>
      <c r="AP6" s="273">
        <v>73</v>
      </c>
      <c r="AQ6" s="273">
        <v>34</v>
      </c>
      <c r="AR6" s="273">
        <v>20</v>
      </c>
      <c r="AS6" s="270">
        <v>298</v>
      </c>
      <c r="AT6" s="275">
        <v>299</v>
      </c>
      <c r="AU6" s="269">
        <v>13</v>
      </c>
      <c r="AV6" s="273">
        <v>10</v>
      </c>
      <c r="AW6" s="270">
        <v>23</v>
      </c>
      <c r="AX6" s="272">
        <v>0</v>
      </c>
      <c r="AY6" s="273">
        <v>77</v>
      </c>
      <c r="AZ6" s="273">
        <v>83</v>
      </c>
      <c r="BA6" s="273">
        <v>75</v>
      </c>
      <c r="BB6" s="273">
        <v>53</v>
      </c>
      <c r="BC6" s="273">
        <v>22</v>
      </c>
      <c r="BD6" s="270">
        <v>310</v>
      </c>
      <c r="BE6" s="275">
        <v>333</v>
      </c>
      <c r="BF6" s="269">
        <v>0</v>
      </c>
      <c r="BG6" s="273">
        <v>0</v>
      </c>
      <c r="BH6" s="270">
        <v>0</v>
      </c>
      <c r="BI6" s="272">
        <v>0</v>
      </c>
      <c r="BJ6" s="273">
        <v>102</v>
      </c>
      <c r="BK6" s="273">
        <v>154</v>
      </c>
      <c r="BL6" s="273">
        <v>146</v>
      </c>
      <c r="BM6" s="273">
        <v>127</v>
      </c>
      <c r="BN6" s="273">
        <v>67</v>
      </c>
      <c r="BO6" s="274">
        <v>596</v>
      </c>
      <c r="BP6" s="275">
        <v>596</v>
      </c>
      <c r="BQ6" s="269">
        <v>0</v>
      </c>
      <c r="BR6" s="273">
        <v>0</v>
      </c>
      <c r="BS6" s="270">
        <v>0</v>
      </c>
      <c r="BT6" s="272">
        <v>0</v>
      </c>
      <c r="BU6" s="273">
        <v>4</v>
      </c>
      <c r="BV6" s="273">
        <v>9</v>
      </c>
      <c r="BW6" s="273">
        <v>5</v>
      </c>
      <c r="BX6" s="273">
        <v>6</v>
      </c>
      <c r="BY6" s="273">
        <v>4</v>
      </c>
      <c r="BZ6" s="270">
        <v>28</v>
      </c>
      <c r="CA6" s="275">
        <v>28</v>
      </c>
      <c r="CB6" s="269">
        <v>0</v>
      </c>
      <c r="CC6" s="273">
        <v>0</v>
      </c>
      <c r="CD6" s="270">
        <v>0</v>
      </c>
      <c r="CE6" s="272">
        <v>0</v>
      </c>
      <c r="CF6" s="273">
        <v>1</v>
      </c>
      <c r="CG6" s="273">
        <v>2</v>
      </c>
      <c r="CH6" s="273">
        <v>18</v>
      </c>
      <c r="CI6" s="273">
        <v>15</v>
      </c>
      <c r="CJ6" s="273">
        <v>11</v>
      </c>
      <c r="CK6" s="270">
        <v>47</v>
      </c>
      <c r="CL6" s="275">
        <v>47</v>
      </c>
      <c r="CM6" s="269">
        <v>0</v>
      </c>
      <c r="CN6" s="273">
        <v>0</v>
      </c>
      <c r="CO6" s="270">
        <v>0</v>
      </c>
      <c r="CP6" s="272">
        <v>0</v>
      </c>
      <c r="CQ6" s="273">
        <v>16</v>
      </c>
      <c r="CR6" s="273">
        <v>18</v>
      </c>
      <c r="CS6" s="273">
        <v>27</v>
      </c>
      <c r="CT6" s="273">
        <v>29</v>
      </c>
      <c r="CU6" s="273">
        <v>37</v>
      </c>
      <c r="CV6" s="270">
        <v>127</v>
      </c>
      <c r="CW6" s="275">
        <v>127</v>
      </c>
    </row>
    <row r="7" spans="1:101" ht="21" customHeight="1" x14ac:dyDescent="0.2">
      <c r="B7" s="261" t="s">
        <v>5</v>
      </c>
      <c r="C7" s="276">
        <v>0</v>
      </c>
      <c r="D7" s="277">
        <v>0</v>
      </c>
      <c r="E7" s="278">
        <v>0</v>
      </c>
      <c r="F7" s="279">
        <v>0</v>
      </c>
      <c r="G7" s="280">
        <v>5</v>
      </c>
      <c r="H7" s="280">
        <v>11</v>
      </c>
      <c r="I7" s="280">
        <v>9</v>
      </c>
      <c r="J7" s="280">
        <v>13</v>
      </c>
      <c r="K7" s="280">
        <v>11</v>
      </c>
      <c r="L7" s="281">
        <v>49</v>
      </c>
      <c r="M7" s="282">
        <v>49</v>
      </c>
      <c r="N7" s="276">
        <v>0</v>
      </c>
      <c r="O7" s="280">
        <v>0</v>
      </c>
      <c r="P7" s="277">
        <v>0</v>
      </c>
      <c r="Q7" s="279">
        <v>0</v>
      </c>
      <c r="R7" s="280">
        <v>10</v>
      </c>
      <c r="S7" s="280">
        <v>21</v>
      </c>
      <c r="T7" s="280">
        <v>26</v>
      </c>
      <c r="U7" s="280">
        <v>29</v>
      </c>
      <c r="V7" s="280">
        <v>28</v>
      </c>
      <c r="W7" s="277">
        <v>114</v>
      </c>
      <c r="X7" s="282">
        <v>114</v>
      </c>
      <c r="Y7" s="276">
        <v>0</v>
      </c>
      <c r="Z7" s="280">
        <v>0</v>
      </c>
      <c r="AA7" s="277">
        <v>0</v>
      </c>
      <c r="AB7" s="279">
        <v>0</v>
      </c>
      <c r="AC7" s="280">
        <v>387</v>
      </c>
      <c r="AD7" s="280">
        <v>398</v>
      </c>
      <c r="AE7" s="280">
        <v>188</v>
      </c>
      <c r="AF7" s="280">
        <v>92</v>
      </c>
      <c r="AG7" s="280">
        <v>35</v>
      </c>
      <c r="AH7" s="277">
        <v>1100</v>
      </c>
      <c r="AI7" s="282">
        <v>1100</v>
      </c>
      <c r="AJ7" s="276">
        <v>0</v>
      </c>
      <c r="AK7" s="280">
        <v>0</v>
      </c>
      <c r="AL7" s="277">
        <v>0</v>
      </c>
      <c r="AM7" s="279">
        <v>0</v>
      </c>
      <c r="AN7" s="280">
        <v>37</v>
      </c>
      <c r="AO7" s="280">
        <v>42</v>
      </c>
      <c r="AP7" s="280">
        <v>41</v>
      </c>
      <c r="AQ7" s="280">
        <v>21</v>
      </c>
      <c r="AR7" s="280">
        <v>10</v>
      </c>
      <c r="AS7" s="277">
        <v>151</v>
      </c>
      <c r="AT7" s="282">
        <v>151</v>
      </c>
      <c r="AU7" s="276">
        <v>4</v>
      </c>
      <c r="AV7" s="280">
        <v>6</v>
      </c>
      <c r="AW7" s="277">
        <v>10</v>
      </c>
      <c r="AX7" s="279">
        <v>0</v>
      </c>
      <c r="AY7" s="280">
        <v>34</v>
      </c>
      <c r="AZ7" s="280">
        <v>27</v>
      </c>
      <c r="BA7" s="280">
        <v>33</v>
      </c>
      <c r="BB7" s="280">
        <v>20</v>
      </c>
      <c r="BC7" s="280">
        <v>10</v>
      </c>
      <c r="BD7" s="277">
        <v>124</v>
      </c>
      <c r="BE7" s="282">
        <v>134</v>
      </c>
      <c r="BF7" s="276">
        <v>0</v>
      </c>
      <c r="BG7" s="280">
        <v>0</v>
      </c>
      <c r="BH7" s="277">
        <v>0</v>
      </c>
      <c r="BI7" s="279">
        <v>0</v>
      </c>
      <c r="BJ7" s="280">
        <v>38</v>
      </c>
      <c r="BK7" s="280">
        <v>65</v>
      </c>
      <c r="BL7" s="280">
        <v>51</v>
      </c>
      <c r="BM7" s="280">
        <v>53</v>
      </c>
      <c r="BN7" s="280">
        <v>20</v>
      </c>
      <c r="BO7" s="281">
        <v>227</v>
      </c>
      <c r="BP7" s="282">
        <v>227</v>
      </c>
      <c r="BQ7" s="276">
        <v>0</v>
      </c>
      <c r="BR7" s="280">
        <v>0</v>
      </c>
      <c r="BS7" s="277">
        <v>0</v>
      </c>
      <c r="BT7" s="279">
        <v>0</v>
      </c>
      <c r="BU7" s="280">
        <v>0</v>
      </c>
      <c r="BV7" s="280">
        <v>0</v>
      </c>
      <c r="BW7" s="280">
        <v>0</v>
      </c>
      <c r="BX7" s="280">
        <v>0</v>
      </c>
      <c r="BY7" s="280">
        <v>0</v>
      </c>
      <c r="BZ7" s="277">
        <v>0</v>
      </c>
      <c r="CA7" s="282">
        <v>0</v>
      </c>
      <c r="CB7" s="276">
        <v>0</v>
      </c>
      <c r="CC7" s="280">
        <v>0</v>
      </c>
      <c r="CD7" s="277">
        <v>0</v>
      </c>
      <c r="CE7" s="279">
        <v>0</v>
      </c>
      <c r="CF7" s="280">
        <v>0</v>
      </c>
      <c r="CG7" s="280">
        <v>1</v>
      </c>
      <c r="CH7" s="280">
        <v>3</v>
      </c>
      <c r="CI7" s="280">
        <v>3</v>
      </c>
      <c r="CJ7" s="280">
        <v>3</v>
      </c>
      <c r="CK7" s="277">
        <v>10</v>
      </c>
      <c r="CL7" s="282">
        <v>10</v>
      </c>
      <c r="CM7" s="276">
        <v>0</v>
      </c>
      <c r="CN7" s="280">
        <v>0</v>
      </c>
      <c r="CO7" s="277">
        <v>0</v>
      </c>
      <c r="CP7" s="279">
        <v>0</v>
      </c>
      <c r="CQ7" s="280">
        <v>3</v>
      </c>
      <c r="CR7" s="280">
        <v>4</v>
      </c>
      <c r="CS7" s="280">
        <v>8</v>
      </c>
      <c r="CT7" s="280">
        <v>9</v>
      </c>
      <c r="CU7" s="280">
        <v>21</v>
      </c>
      <c r="CV7" s="277">
        <v>45</v>
      </c>
      <c r="CW7" s="282">
        <v>45</v>
      </c>
    </row>
    <row r="8" spans="1:101" ht="21" customHeight="1" x14ac:dyDescent="0.2">
      <c r="B8" s="261" t="s">
        <v>6</v>
      </c>
      <c r="C8" s="276">
        <v>0</v>
      </c>
      <c r="D8" s="277">
        <v>0</v>
      </c>
      <c r="E8" s="278">
        <v>0</v>
      </c>
      <c r="F8" s="279">
        <v>0</v>
      </c>
      <c r="G8" s="280">
        <v>5</v>
      </c>
      <c r="H8" s="280">
        <v>2</v>
      </c>
      <c r="I8" s="280">
        <v>6</v>
      </c>
      <c r="J8" s="280">
        <v>6</v>
      </c>
      <c r="K8" s="280">
        <v>10</v>
      </c>
      <c r="L8" s="281">
        <v>29</v>
      </c>
      <c r="M8" s="282">
        <v>29</v>
      </c>
      <c r="N8" s="276">
        <v>0</v>
      </c>
      <c r="O8" s="280">
        <v>0</v>
      </c>
      <c r="P8" s="277">
        <v>0</v>
      </c>
      <c r="Q8" s="279">
        <v>0</v>
      </c>
      <c r="R8" s="280">
        <v>2</v>
      </c>
      <c r="S8" s="280">
        <v>6</v>
      </c>
      <c r="T8" s="280">
        <v>5</v>
      </c>
      <c r="U8" s="280">
        <v>3</v>
      </c>
      <c r="V8" s="280">
        <v>4</v>
      </c>
      <c r="W8" s="277">
        <v>20</v>
      </c>
      <c r="X8" s="282">
        <v>20</v>
      </c>
      <c r="Y8" s="276">
        <v>0</v>
      </c>
      <c r="Z8" s="280">
        <v>0</v>
      </c>
      <c r="AA8" s="277">
        <v>0</v>
      </c>
      <c r="AB8" s="279">
        <v>0</v>
      </c>
      <c r="AC8" s="280">
        <v>111</v>
      </c>
      <c r="AD8" s="280">
        <v>62</v>
      </c>
      <c r="AE8" s="280">
        <v>38</v>
      </c>
      <c r="AF8" s="280">
        <v>24</v>
      </c>
      <c r="AG8" s="280">
        <v>7</v>
      </c>
      <c r="AH8" s="277">
        <v>242</v>
      </c>
      <c r="AI8" s="282">
        <v>242</v>
      </c>
      <c r="AJ8" s="276">
        <v>0</v>
      </c>
      <c r="AK8" s="280">
        <v>0</v>
      </c>
      <c r="AL8" s="277">
        <v>0</v>
      </c>
      <c r="AM8" s="279">
        <v>0</v>
      </c>
      <c r="AN8" s="280">
        <v>18</v>
      </c>
      <c r="AO8" s="280">
        <v>14</v>
      </c>
      <c r="AP8" s="280">
        <v>7</v>
      </c>
      <c r="AQ8" s="280">
        <v>4</v>
      </c>
      <c r="AR8" s="280">
        <v>4</v>
      </c>
      <c r="AS8" s="277">
        <v>47</v>
      </c>
      <c r="AT8" s="282">
        <v>47</v>
      </c>
      <c r="AU8" s="276">
        <v>1</v>
      </c>
      <c r="AV8" s="280">
        <v>0</v>
      </c>
      <c r="AW8" s="277">
        <v>1</v>
      </c>
      <c r="AX8" s="279">
        <v>0</v>
      </c>
      <c r="AY8" s="280">
        <v>6</v>
      </c>
      <c r="AZ8" s="280">
        <v>8</v>
      </c>
      <c r="BA8" s="280">
        <v>6</v>
      </c>
      <c r="BB8" s="280">
        <v>13</v>
      </c>
      <c r="BC8" s="280">
        <v>2</v>
      </c>
      <c r="BD8" s="277">
        <v>35</v>
      </c>
      <c r="BE8" s="282">
        <v>36</v>
      </c>
      <c r="BF8" s="276">
        <v>0</v>
      </c>
      <c r="BG8" s="280">
        <v>0</v>
      </c>
      <c r="BH8" s="277">
        <v>0</v>
      </c>
      <c r="BI8" s="279">
        <v>0</v>
      </c>
      <c r="BJ8" s="280">
        <v>19</v>
      </c>
      <c r="BK8" s="280">
        <v>23</v>
      </c>
      <c r="BL8" s="280">
        <v>24</v>
      </c>
      <c r="BM8" s="280">
        <v>21</v>
      </c>
      <c r="BN8" s="280">
        <v>10</v>
      </c>
      <c r="BO8" s="281">
        <v>97</v>
      </c>
      <c r="BP8" s="282">
        <v>97</v>
      </c>
      <c r="BQ8" s="276">
        <v>0</v>
      </c>
      <c r="BR8" s="280">
        <v>0</v>
      </c>
      <c r="BS8" s="277">
        <v>0</v>
      </c>
      <c r="BT8" s="279">
        <v>0</v>
      </c>
      <c r="BU8" s="280">
        <v>0</v>
      </c>
      <c r="BV8" s="280">
        <v>0</v>
      </c>
      <c r="BW8" s="280">
        <v>0</v>
      </c>
      <c r="BX8" s="280">
        <v>0</v>
      </c>
      <c r="BY8" s="280">
        <v>0</v>
      </c>
      <c r="BZ8" s="277">
        <v>0</v>
      </c>
      <c r="CA8" s="282">
        <v>0</v>
      </c>
      <c r="CB8" s="276">
        <v>0</v>
      </c>
      <c r="CC8" s="280">
        <v>0</v>
      </c>
      <c r="CD8" s="277">
        <v>0</v>
      </c>
      <c r="CE8" s="279">
        <v>0</v>
      </c>
      <c r="CF8" s="280">
        <v>0</v>
      </c>
      <c r="CG8" s="280">
        <v>0</v>
      </c>
      <c r="CH8" s="280">
        <v>8</v>
      </c>
      <c r="CI8" s="280">
        <v>4</v>
      </c>
      <c r="CJ8" s="280">
        <v>2</v>
      </c>
      <c r="CK8" s="277">
        <v>14</v>
      </c>
      <c r="CL8" s="282">
        <v>14</v>
      </c>
      <c r="CM8" s="276">
        <v>0</v>
      </c>
      <c r="CN8" s="280">
        <v>0</v>
      </c>
      <c r="CO8" s="277">
        <v>0</v>
      </c>
      <c r="CP8" s="279">
        <v>0</v>
      </c>
      <c r="CQ8" s="280">
        <v>4</v>
      </c>
      <c r="CR8" s="280">
        <v>4</v>
      </c>
      <c r="CS8" s="280">
        <v>3</v>
      </c>
      <c r="CT8" s="280">
        <v>8</v>
      </c>
      <c r="CU8" s="280">
        <v>8</v>
      </c>
      <c r="CV8" s="277">
        <v>27</v>
      </c>
      <c r="CW8" s="282">
        <v>27</v>
      </c>
    </row>
    <row r="9" spans="1:101" ht="21" customHeight="1" x14ac:dyDescent="0.2">
      <c r="B9" s="261" t="s">
        <v>14</v>
      </c>
      <c r="C9" s="276">
        <v>0</v>
      </c>
      <c r="D9" s="277">
        <v>0</v>
      </c>
      <c r="E9" s="278">
        <v>0</v>
      </c>
      <c r="F9" s="279">
        <v>0</v>
      </c>
      <c r="G9" s="280">
        <v>3</v>
      </c>
      <c r="H9" s="280">
        <v>2</v>
      </c>
      <c r="I9" s="280">
        <v>0</v>
      </c>
      <c r="J9" s="280">
        <v>2</v>
      </c>
      <c r="K9" s="280">
        <v>0</v>
      </c>
      <c r="L9" s="281">
        <v>7</v>
      </c>
      <c r="M9" s="282">
        <v>7</v>
      </c>
      <c r="N9" s="276">
        <v>0</v>
      </c>
      <c r="O9" s="280">
        <v>0</v>
      </c>
      <c r="P9" s="277">
        <v>0</v>
      </c>
      <c r="Q9" s="279">
        <v>0</v>
      </c>
      <c r="R9" s="280">
        <v>0</v>
      </c>
      <c r="S9" s="280">
        <v>0</v>
      </c>
      <c r="T9" s="280">
        <v>0</v>
      </c>
      <c r="U9" s="280">
        <v>0</v>
      </c>
      <c r="V9" s="280">
        <v>0</v>
      </c>
      <c r="W9" s="277">
        <v>0</v>
      </c>
      <c r="X9" s="282">
        <v>0</v>
      </c>
      <c r="Y9" s="276">
        <v>0</v>
      </c>
      <c r="Z9" s="280">
        <v>0</v>
      </c>
      <c r="AA9" s="277">
        <v>0</v>
      </c>
      <c r="AB9" s="279">
        <v>0</v>
      </c>
      <c r="AC9" s="280">
        <v>73</v>
      </c>
      <c r="AD9" s="280">
        <v>72</v>
      </c>
      <c r="AE9" s="280">
        <v>41</v>
      </c>
      <c r="AF9" s="280">
        <v>4</v>
      </c>
      <c r="AG9" s="280">
        <v>7</v>
      </c>
      <c r="AH9" s="277">
        <v>197</v>
      </c>
      <c r="AI9" s="282">
        <v>197</v>
      </c>
      <c r="AJ9" s="276">
        <v>0</v>
      </c>
      <c r="AK9" s="280">
        <v>0</v>
      </c>
      <c r="AL9" s="277">
        <v>0</v>
      </c>
      <c r="AM9" s="279">
        <v>0</v>
      </c>
      <c r="AN9" s="280">
        <v>1</v>
      </c>
      <c r="AO9" s="280">
        <v>5</v>
      </c>
      <c r="AP9" s="280">
        <v>2</v>
      </c>
      <c r="AQ9" s="280">
        <v>0</v>
      </c>
      <c r="AR9" s="280">
        <v>0</v>
      </c>
      <c r="AS9" s="277">
        <v>8</v>
      </c>
      <c r="AT9" s="282">
        <v>8</v>
      </c>
      <c r="AU9" s="276">
        <v>2</v>
      </c>
      <c r="AV9" s="280">
        <v>1</v>
      </c>
      <c r="AW9" s="277">
        <v>3</v>
      </c>
      <c r="AX9" s="279">
        <v>0</v>
      </c>
      <c r="AY9" s="280">
        <v>8</v>
      </c>
      <c r="AZ9" s="280">
        <v>9</v>
      </c>
      <c r="BA9" s="280">
        <v>5</v>
      </c>
      <c r="BB9" s="280">
        <v>2</v>
      </c>
      <c r="BC9" s="280">
        <v>3</v>
      </c>
      <c r="BD9" s="277">
        <v>27</v>
      </c>
      <c r="BE9" s="282">
        <v>30</v>
      </c>
      <c r="BF9" s="276">
        <v>0</v>
      </c>
      <c r="BG9" s="280">
        <v>0</v>
      </c>
      <c r="BH9" s="277">
        <v>0</v>
      </c>
      <c r="BI9" s="279">
        <v>0</v>
      </c>
      <c r="BJ9" s="280">
        <v>7</v>
      </c>
      <c r="BK9" s="280">
        <v>9</v>
      </c>
      <c r="BL9" s="280">
        <v>16</v>
      </c>
      <c r="BM9" s="280">
        <v>12</v>
      </c>
      <c r="BN9" s="280">
        <v>8</v>
      </c>
      <c r="BO9" s="281">
        <v>52</v>
      </c>
      <c r="BP9" s="282">
        <v>52</v>
      </c>
      <c r="BQ9" s="276">
        <v>0</v>
      </c>
      <c r="BR9" s="280">
        <v>0</v>
      </c>
      <c r="BS9" s="277">
        <v>0</v>
      </c>
      <c r="BT9" s="279">
        <v>0</v>
      </c>
      <c r="BU9" s="280">
        <v>0</v>
      </c>
      <c r="BV9" s="280">
        <v>0</v>
      </c>
      <c r="BW9" s="280">
        <v>0</v>
      </c>
      <c r="BX9" s="280">
        <v>0</v>
      </c>
      <c r="BY9" s="280">
        <v>0</v>
      </c>
      <c r="BZ9" s="277">
        <v>0</v>
      </c>
      <c r="CA9" s="282">
        <v>0</v>
      </c>
      <c r="CB9" s="276">
        <v>0</v>
      </c>
      <c r="CC9" s="280">
        <v>0</v>
      </c>
      <c r="CD9" s="277">
        <v>0</v>
      </c>
      <c r="CE9" s="279">
        <v>0</v>
      </c>
      <c r="CF9" s="280">
        <v>0</v>
      </c>
      <c r="CG9" s="280">
        <v>0</v>
      </c>
      <c r="CH9" s="280">
        <v>1</v>
      </c>
      <c r="CI9" s="280">
        <v>1</v>
      </c>
      <c r="CJ9" s="280">
        <v>0</v>
      </c>
      <c r="CK9" s="277">
        <v>2</v>
      </c>
      <c r="CL9" s="282">
        <v>2</v>
      </c>
      <c r="CM9" s="276">
        <v>0</v>
      </c>
      <c r="CN9" s="280">
        <v>0</v>
      </c>
      <c r="CO9" s="277">
        <v>0</v>
      </c>
      <c r="CP9" s="279">
        <v>0</v>
      </c>
      <c r="CQ9" s="280">
        <v>0</v>
      </c>
      <c r="CR9" s="280">
        <v>2</v>
      </c>
      <c r="CS9" s="280">
        <v>1</v>
      </c>
      <c r="CT9" s="280">
        <v>2</v>
      </c>
      <c r="CU9" s="280">
        <v>1</v>
      </c>
      <c r="CV9" s="277">
        <v>6</v>
      </c>
      <c r="CW9" s="282">
        <v>6</v>
      </c>
    </row>
    <row r="10" spans="1:101" ht="21" customHeight="1" x14ac:dyDescent="0.2">
      <c r="B10" s="261" t="s">
        <v>7</v>
      </c>
      <c r="C10" s="276">
        <v>0</v>
      </c>
      <c r="D10" s="277">
        <v>0</v>
      </c>
      <c r="E10" s="278">
        <v>0</v>
      </c>
      <c r="F10" s="279">
        <v>0</v>
      </c>
      <c r="G10" s="280">
        <v>0</v>
      </c>
      <c r="H10" s="280">
        <v>0</v>
      </c>
      <c r="I10" s="280">
        <v>0</v>
      </c>
      <c r="J10" s="280">
        <v>0</v>
      </c>
      <c r="K10" s="280">
        <v>0</v>
      </c>
      <c r="L10" s="281">
        <v>0</v>
      </c>
      <c r="M10" s="282">
        <v>0</v>
      </c>
      <c r="N10" s="276">
        <v>0</v>
      </c>
      <c r="O10" s="280">
        <v>0</v>
      </c>
      <c r="P10" s="277">
        <v>0</v>
      </c>
      <c r="Q10" s="279">
        <v>0</v>
      </c>
      <c r="R10" s="280">
        <v>0</v>
      </c>
      <c r="S10" s="280">
        <v>0</v>
      </c>
      <c r="T10" s="280">
        <v>0</v>
      </c>
      <c r="U10" s="280">
        <v>0</v>
      </c>
      <c r="V10" s="280">
        <v>0</v>
      </c>
      <c r="W10" s="277">
        <v>0</v>
      </c>
      <c r="X10" s="282">
        <v>0</v>
      </c>
      <c r="Y10" s="276">
        <v>0</v>
      </c>
      <c r="Z10" s="280">
        <v>0</v>
      </c>
      <c r="AA10" s="277">
        <v>0</v>
      </c>
      <c r="AB10" s="279">
        <v>0</v>
      </c>
      <c r="AC10" s="280">
        <v>89</v>
      </c>
      <c r="AD10" s="280">
        <v>51</v>
      </c>
      <c r="AE10" s="280">
        <v>17</v>
      </c>
      <c r="AF10" s="280">
        <v>6</v>
      </c>
      <c r="AG10" s="280">
        <v>3</v>
      </c>
      <c r="AH10" s="277">
        <v>166</v>
      </c>
      <c r="AI10" s="282">
        <v>166</v>
      </c>
      <c r="AJ10" s="276">
        <v>0</v>
      </c>
      <c r="AK10" s="280">
        <v>0</v>
      </c>
      <c r="AL10" s="277">
        <v>0</v>
      </c>
      <c r="AM10" s="279">
        <v>0</v>
      </c>
      <c r="AN10" s="280">
        <v>11</v>
      </c>
      <c r="AO10" s="280">
        <v>16</v>
      </c>
      <c r="AP10" s="280">
        <v>7</v>
      </c>
      <c r="AQ10" s="280">
        <v>3</v>
      </c>
      <c r="AR10" s="280">
        <v>1</v>
      </c>
      <c r="AS10" s="277">
        <v>38</v>
      </c>
      <c r="AT10" s="282">
        <v>38</v>
      </c>
      <c r="AU10" s="276">
        <v>1</v>
      </c>
      <c r="AV10" s="280">
        <v>0</v>
      </c>
      <c r="AW10" s="277">
        <v>1</v>
      </c>
      <c r="AX10" s="279">
        <v>0</v>
      </c>
      <c r="AY10" s="280">
        <v>4</v>
      </c>
      <c r="AZ10" s="280">
        <v>5</v>
      </c>
      <c r="BA10" s="280">
        <v>1</v>
      </c>
      <c r="BB10" s="280">
        <v>1</v>
      </c>
      <c r="BC10" s="280">
        <v>0</v>
      </c>
      <c r="BD10" s="277">
        <v>11</v>
      </c>
      <c r="BE10" s="282">
        <v>12</v>
      </c>
      <c r="BF10" s="276">
        <v>0</v>
      </c>
      <c r="BG10" s="280">
        <v>0</v>
      </c>
      <c r="BH10" s="277">
        <v>0</v>
      </c>
      <c r="BI10" s="279">
        <v>0</v>
      </c>
      <c r="BJ10" s="280">
        <v>9</v>
      </c>
      <c r="BK10" s="280">
        <v>3</v>
      </c>
      <c r="BL10" s="280">
        <v>15</v>
      </c>
      <c r="BM10" s="280">
        <v>7</v>
      </c>
      <c r="BN10" s="280">
        <v>6</v>
      </c>
      <c r="BO10" s="281">
        <v>40</v>
      </c>
      <c r="BP10" s="282">
        <v>40</v>
      </c>
      <c r="BQ10" s="276">
        <v>0</v>
      </c>
      <c r="BR10" s="280">
        <v>0</v>
      </c>
      <c r="BS10" s="277">
        <v>0</v>
      </c>
      <c r="BT10" s="279">
        <v>0</v>
      </c>
      <c r="BU10" s="280">
        <v>0</v>
      </c>
      <c r="BV10" s="280">
        <v>0</v>
      </c>
      <c r="BW10" s="280">
        <v>0</v>
      </c>
      <c r="BX10" s="280">
        <v>0</v>
      </c>
      <c r="BY10" s="280">
        <v>0</v>
      </c>
      <c r="BZ10" s="277">
        <v>0</v>
      </c>
      <c r="CA10" s="282">
        <v>0</v>
      </c>
      <c r="CB10" s="276">
        <v>0</v>
      </c>
      <c r="CC10" s="280">
        <v>0</v>
      </c>
      <c r="CD10" s="277">
        <v>0</v>
      </c>
      <c r="CE10" s="279">
        <v>0</v>
      </c>
      <c r="CF10" s="280">
        <v>0</v>
      </c>
      <c r="CG10" s="280">
        <v>0</v>
      </c>
      <c r="CH10" s="280">
        <v>0</v>
      </c>
      <c r="CI10" s="280">
        <v>0</v>
      </c>
      <c r="CJ10" s="280">
        <v>0</v>
      </c>
      <c r="CK10" s="277">
        <v>0</v>
      </c>
      <c r="CL10" s="282">
        <v>0</v>
      </c>
      <c r="CM10" s="276">
        <v>0</v>
      </c>
      <c r="CN10" s="280">
        <v>0</v>
      </c>
      <c r="CO10" s="277">
        <v>0</v>
      </c>
      <c r="CP10" s="279">
        <v>0</v>
      </c>
      <c r="CQ10" s="280">
        <v>1</v>
      </c>
      <c r="CR10" s="280">
        <v>1</v>
      </c>
      <c r="CS10" s="280">
        <v>1</v>
      </c>
      <c r="CT10" s="280">
        <v>2</v>
      </c>
      <c r="CU10" s="280">
        <v>1</v>
      </c>
      <c r="CV10" s="277">
        <v>6</v>
      </c>
      <c r="CW10" s="282">
        <v>6</v>
      </c>
    </row>
    <row r="11" spans="1:101" ht="21" customHeight="1" x14ac:dyDescent="0.2">
      <c r="B11" s="261" t="s">
        <v>8</v>
      </c>
      <c r="C11" s="276">
        <v>0</v>
      </c>
      <c r="D11" s="277">
        <v>0</v>
      </c>
      <c r="E11" s="278">
        <v>0</v>
      </c>
      <c r="F11" s="279">
        <v>0</v>
      </c>
      <c r="G11" s="280">
        <v>0</v>
      </c>
      <c r="H11" s="280">
        <v>0</v>
      </c>
      <c r="I11" s="280">
        <v>0</v>
      </c>
      <c r="J11" s="280">
        <v>2</v>
      </c>
      <c r="K11" s="280">
        <v>0</v>
      </c>
      <c r="L11" s="281">
        <v>2</v>
      </c>
      <c r="M11" s="282">
        <v>2</v>
      </c>
      <c r="N11" s="276">
        <v>0</v>
      </c>
      <c r="O11" s="280">
        <v>0</v>
      </c>
      <c r="P11" s="277">
        <v>0</v>
      </c>
      <c r="Q11" s="279">
        <v>0</v>
      </c>
      <c r="R11" s="280">
        <v>0</v>
      </c>
      <c r="S11" s="280">
        <v>0</v>
      </c>
      <c r="T11" s="280">
        <v>0</v>
      </c>
      <c r="U11" s="280">
        <v>0</v>
      </c>
      <c r="V11" s="280">
        <v>0</v>
      </c>
      <c r="W11" s="277">
        <v>0</v>
      </c>
      <c r="X11" s="282">
        <v>0</v>
      </c>
      <c r="Y11" s="276">
        <v>0</v>
      </c>
      <c r="Z11" s="280">
        <v>0</v>
      </c>
      <c r="AA11" s="277">
        <v>0</v>
      </c>
      <c r="AB11" s="279">
        <v>0</v>
      </c>
      <c r="AC11" s="280">
        <v>41</v>
      </c>
      <c r="AD11" s="280">
        <v>31</v>
      </c>
      <c r="AE11" s="280">
        <v>13</v>
      </c>
      <c r="AF11" s="280">
        <v>4</v>
      </c>
      <c r="AG11" s="280">
        <v>3</v>
      </c>
      <c r="AH11" s="277">
        <v>92</v>
      </c>
      <c r="AI11" s="282">
        <v>92</v>
      </c>
      <c r="AJ11" s="276">
        <v>0</v>
      </c>
      <c r="AK11" s="280">
        <v>0</v>
      </c>
      <c r="AL11" s="277">
        <v>0</v>
      </c>
      <c r="AM11" s="279">
        <v>0</v>
      </c>
      <c r="AN11" s="280">
        <v>0</v>
      </c>
      <c r="AO11" s="280">
        <v>0</v>
      </c>
      <c r="AP11" s="280">
        <v>0</v>
      </c>
      <c r="AQ11" s="280">
        <v>0</v>
      </c>
      <c r="AR11" s="280">
        <v>1</v>
      </c>
      <c r="AS11" s="277">
        <v>1</v>
      </c>
      <c r="AT11" s="282">
        <v>1</v>
      </c>
      <c r="AU11" s="276">
        <v>0</v>
      </c>
      <c r="AV11" s="280">
        <v>1</v>
      </c>
      <c r="AW11" s="277">
        <v>1</v>
      </c>
      <c r="AX11" s="279">
        <v>0</v>
      </c>
      <c r="AY11" s="280">
        <v>2</v>
      </c>
      <c r="AZ11" s="280">
        <v>2</v>
      </c>
      <c r="BA11" s="280">
        <v>2</v>
      </c>
      <c r="BB11" s="280">
        <v>2</v>
      </c>
      <c r="BC11" s="280">
        <v>1</v>
      </c>
      <c r="BD11" s="277">
        <v>9</v>
      </c>
      <c r="BE11" s="282">
        <v>10</v>
      </c>
      <c r="BF11" s="276">
        <v>0</v>
      </c>
      <c r="BG11" s="280">
        <v>0</v>
      </c>
      <c r="BH11" s="277">
        <v>0</v>
      </c>
      <c r="BI11" s="279">
        <v>0</v>
      </c>
      <c r="BJ11" s="280">
        <v>4</v>
      </c>
      <c r="BK11" s="280">
        <v>4</v>
      </c>
      <c r="BL11" s="280">
        <v>2</v>
      </c>
      <c r="BM11" s="280">
        <v>3</v>
      </c>
      <c r="BN11" s="280">
        <v>0</v>
      </c>
      <c r="BO11" s="281">
        <v>13</v>
      </c>
      <c r="BP11" s="282">
        <v>13</v>
      </c>
      <c r="BQ11" s="276">
        <v>0</v>
      </c>
      <c r="BR11" s="280">
        <v>0</v>
      </c>
      <c r="BS11" s="277">
        <v>0</v>
      </c>
      <c r="BT11" s="279">
        <v>0</v>
      </c>
      <c r="BU11" s="280">
        <v>0</v>
      </c>
      <c r="BV11" s="280">
        <v>0</v>
      </c>
      <c r="BW11" s="280">
        <v>1</v>
      </c>
      <c r="BX11" s="280">
        <v>2</v>
      </c>
      <c r="BY11" s="280">
        <v>0</v>
      </c>
      <c r="BZ11" s="277">
        <v>3</v>
      </c>
      <c r="CA11" s="282">
        <v>3</v>
      </c>
      <c r="CB11" s="276">
        <v>0</v>
      </c>
      <c r="CC11" s="280">
        <v>0</v>
      </c>
      <c r="CD11" s="277">
        <v>0</v>
      </c>
      <c r="CE11" s="279">
        <v>0</v>
      </c>
      <c r="CF11" s="280">
        <v>0</v>
      </c>
      <c r="CG11" s="280">
        <v>0</v>
      </c>
      <c r="CH11" s="280">
        <v>0</v>
      </c>
      <c r="CI11" s="280">
        <v>1</v>
      </c>
      <c r="CJ11" s="280">
        <v>0</v>
      </c>
      <c r="CK11" s="277">
        <v>1</v>
      </c>
      <c r="CL11" s="282">
        <v>1</v>
      </c>
      <c r="CM11" s="276">
        <v>0</v>
      </c>
      <c r="CN11" s="280">
        <v>0</v>
      </c>
      <c r="CO11" s="277">
        <v>0</v>
      </c>
      <c r="CP11" s="279">
        <v>0</v>
      </c>
      <c r="CQ11" s="280">
        <v>3</v>
      </c>
      <c r="CR11" s="280">
        <v>0</v>
      </c>
      <c r="CS11" s="280">
        <v>2</v>
      </c>
      <c r="CT11" s="280">
        <v>1</v>
      </c>
      <c r="CU11" s="280">
        <v>1</v>
      </c>
      <c r="CV11" s="277">
        <v>7</v>
      </c>
      <c r="CW11" s="282">
        <v>7</v>
      </c>
    </row>
    <row r="12" spans="1:101" ht="21" customHeight="1" x14ac:dyDescent="0.2">
      <c r="B12" s="261" t="s">
        <v>9</v>
      </c>
      <c r="C12" s="276">
        <v>0</v>
      </c>
      <c r="D12" s="277">
        <v>0</v>
      </c>
      <c r="E12" s="278">
        <v>0</v>
      </c>
      <c r="F12" s="279">
        <v>0</v>
      </c>
      <c r="G12" s="280">
        <v>0</v>
      </c>
      <c r="H12" s="280">
        <v>0</v>
      </c>
      <c r="I12" s="280">
        <v>0</v>
      </c>
      <c r="J12" s="280">
        <v>0</v>
      </c>
      <c r="K12" s="280">
        <v>1</v>
      </c>
      <c r="L12" s="281">
        <v>1</v>
      </c>
      <c r="M12" s="282">
        <v>1</v>
      </c>
      <c r="N12" s="276">
        <v>0</v>
      </c>
      <c r="O12" s="280">
        <v>0</v>
      </c>
      <c r="P12" s="277">
        <v>0</v>
      </c>
      <c r="Q12" s="279">
        <v>0</v>
      </c>
      <c r="R12" s="280">
        <v>0</v>
      </c>
      <c r="S12" s="280">
        <v>0</v>
      </c>
      <c r="T12" s="280">
        <v>0</v>
      </c>
      <c r="U12" s="280">
        <v>0</v>
      </c>
      <c r="V12" s="280">
        <v>0</v>
      </c>
      <c r="W12" s="277">
        <v>0</v>
      </c>
      <c r="X12" s="282">
        <v>0</v>
      </c>
      <c r="Y12" s="276">
        <v>0</v>
      </c>
      <c r="Z12" s="280">
        <v>0</v>
      </c>
      <c r="AA12" s="277">
        <v>0</v>
      </c>
      <c r="AB12" s="279">
        <v>0</v>
      </c>
      <c r="AC12" s="280">
        <v>49</v>
      </c>
      <c r="AD12" s="280">
        <v>25</v>
      </c>
      <c r="AE12" s="280">
        <v>12</v>
      </c>
      <c r="AF12" s="280">
        <v>12</v>
      </c>
      <c r="AG12" s="280">
        <v>2</v>
      </c>
      <c r="AH12" s="277">
        <v>100</v>
      </c>
      <c r="AI12" s="282">
        <v>100</v>
      </c>
      <c r="AJ12" s="276">
        <v>0</v>
      </c>
      <c r="AK12" s="280">
        <v>0</v>
      </c>
      <c r="AL12" s="277">
        <v>0</v>
      </c>
      <c r="AM12" s="279">
        <v>0</v>
      </c>
      <c r="AN12" s="280">
        <v>0</v>
      </c>
      <c r="AO12" s="280">
        <v>2</v>
      </c>
      <c r="AP12" s="280">
        <v>2</v>
      </c>
      <c r="AQ12" s="280">
        <v>1</v>
      </c>
      <c r="AR12" s="280">
        <v>0</v>
      </c>
      <c r="AS12" s="277">
        <v>5</v>
      </c>
      <c r="AT12" s="282">
        <v>5</v>
      </c>
      <c r="AU12" s="276">
        <v>2</v>
      </c>
      <c r="AV12" s="280">
        <v>0</v>
      </c>
      <c r="AW12" s="277">
        <v>2</v>
      </c>
      <c r="AX12" s="279">
        <v>0</v>
      </c>
      <c r="AY12" s="280">
        <v>3</v>
      </c>
      <c r="AZ12" s="280">
        <v>2</v>
      </c>
      <c r="BA12" s="280">
        <v>2</v>
      </c>
      <c r="BB12" s="280">
        <v>0</v>
      </c>
      <c r="BC12" s="280">
        <v>0</v>
      </c>
      <c r="BD12" s="277">
        <v>7</v>
      </c>
      <c r="BE12" s="282">
        <v>9</v>
      </c>
      <c r="BF12" s="276">
        <v>0</v>
      </c>
      <c r="BG12" s="280">
        <v>0</v>
      </c>
      <c r="BH12" s="277">
        <v>0</v>
      </c>
      <c r="BI12" s="279">
        <v>0</v>
      </c>
      <c r="BJ12" s="280">
        <v>2</v>
      </c>
      <c r="BK12" s="280">
        <v>3</v>
      </c>
      <c r="BL12" s="280">
        <v>4</v>
      </c>
      <c r="BM12" s="280">
        <v>2</v>
      </c>
      <c r="BN12" s="280">
        <v>6</v>
      </c>
      <c r="BO12" s="281">
        <v>17</v>
      </c>
      <c r="BP12" s="282">
        <v>17</v>
      </c>
      <c r="BQ12" s="276">
        <v>0</v>
      </c>
      <c r="BR12" s="280">
        <v>0</v>
      </c>
      <c r="BS12" s="277">
        <v>0</v>
      </c>
      <c r="BT12" s="279">
        <v>0</v>
      </c>
      <c r="BU12" s="280">
        <v>2</v>
      </c>
      <c r="BV12" s="280">
        <v>0</v>
      </c>
      <c r="BW12" s="280">
        <v>0</v>
      </c>
      <c r="BX12" s="280">
        <v>0</v>
      </c>
      <c r="BY12" s="280">
        <v>0</v>
      </c>
      <c r="BZ12" s="277">
        <v>2</v>
      </c>
      <c r="CA12" s="282">
        <v>2</v>
      </c>
      <c r="CB12" s="276">
        <v>0</v>
      </c>
      <c r="CC12" s="280">
        <v>0</v>
      </c>
      <c r="CD12" s="277">
        <v>0</v>
      </c>
      <c r="CE12" s="279">
        <v>0</v>
      </c>
      <c r="CF12" s="280">
        <v>0</v>
      </c>
      <c r="CG12" s="280">
        <v>0</v>
      </c>
      <c r="CH12" s="280">
        <v>0</v>
      </c>
      <c r="CI12" s="280">
        <v>0</v>
      </c>
      <c r="CJ12" s="280">
        <v>0</v>
      </c>
      <c r="CK12" s="277">
        <v>0</v>
      </c>
      <c r="CL12" s="282">
        <v>0</v>
      </c>
      <c r="CM12" s="276">
        <v>0</v>
      </c>
      <c r="CN12" s="280">
        <v>0</v>
      </c>
      <c r="CO12" s="277">
        <v>0</v>
      </c>
      <c r="CP12" s="279">
        <v>0</v>
      </c>
      <c r="CQ12" s="280">
        <v>0</v>
      </c>
      <c r="CR12" s="280">
        <v>1</v>
      </c>
      <c r="CS12" s="280">
        <v>4</v>
      </c>
      <c r="CT12" s="280">
        <v>0</v>
      </c>
      <c r="CU12" s="280">
        <v>0</v>
      </c>
      <c r="CV12" s="277">
        <v>5</v>
      </c>
      <c r="CW12" s="282">
        <v>5</v>
      </c>
    </row>
    <row r="13" spans="1:101" ht="21" customHeight="1" x14ac:dyDescent="0.2">
      <c r="B13" s="261" t="s">
        <v>10</v>
      </c>
      <c r="C13" s="276">
        <v>0</v>
      </c>
      <c r="D13" s="277">
        <v>0</v>
      </c>
      <c r="E13" s="278">
        <v>0</v>
      </c>
      <c r="F13" s="279">
        <v>0</v>
      </c>
      <c r="G13" s="280">
        <v>2</v>
      </c>
      <c r="H13" s="280">
        <v>2</v>
      </c>
      <c r="I13" s="280">
        <v>1</v>
      </c>
      <c r="J13" s="280">
        <v>0</v>
      </c>
      <c r="K13" s="280">
        <v>2</v>
      </c>
      <c r="L13" s="281">
        <v>7</v>
      </c>
      <c r="M13" s="282">
        <v>7</v>
      </c>
      <c r="N13" s="276">
        <v>0</v>
      </c>
      <c r="O13" s="280">
        <v>0</v>
      </c>
      <c r="P13" s="277">
        <v>0</v>
      </c>
      <c r="Q13" s="279">
        <v>0</v>
      </c>
      <c r="R13" s="280">
        <v>1</v>
      </c>
      <c r="S13" s="280">
        <v>1</v>
      </c>
      <c r="T13" s="280">
        <v>2</v>
      </c>
      <c r="U13" s="280">
        <v>2</v>
      </c>
      <c r="V13" s="280">
        <v>0</v>
      </c>
      <c r="W13" s="277">
        <v>6</v>
      </c>
      <c r="X13" s="282">
        <v>6</v>
      </c>
      <c r="Y13" s="276">
        <v>0</v>
      </c>
      <c r="Z13" s="280">
        <v>0</v>
      </c>
      <c r="AA13" s="277">
        <v>0</v>
      </c>
      <c r="AB13" s="279">
        <v>0</v>
      </c>
      <c r="AC13" s="280">
        <v>43</v>
      </c>
      <c r="AD13" s="280">
        <v>27</v>
      </c>
      <c r="AE13" s="280">
        <v>6</v>
      </c>
      <c r="AF13" s="280">
        <v>6</v>
      </c>
      <c r="AG13" s="280">
        <v>1</v>
      </c>
      <c r="AH13" s="277">
        <v>83</v>
      </c>
      <c r="AI13" s="282">
        <v>83</v>
      </c>
      <c r="AJ13" s="276">
        <v>0</v>
      </c>
      <c r="AK13" s="280">
        <v>0</v>
      </c>
      <c r="AL13" s="277">
        <v>0</v>
      </c>
      <c r="AM13" s="279">
        <v>0</v>
      </c>
      <c r="AN13" s="280">
        <v>5</v>
      </c>
      <c r="AO13" s="280">
        <v>0</v>
      </c>
      <c r="AP13" s="280">
        <v>5</v>
      </c>
      <c r="AQ13" s="280">
        <v>1</v>
      </c>
      <c r="AR13" s="280">
        <v>2</v>
      </c>
      <c r="AS13" s="277">
        <v>13</v>
      </c>
      <c r="AT13" s="282">
        <v>13</v>
      </c>
      <c r="AU13" s="276">
        <v>0</v>
      </c>
      <c r="AV13" s="280">
        <v>0</v>
      </c>
      <c r="AW13" s="277">
        <v>0</v>
      </c>
      <c r="AX13" s="279">
        <v>0</v>
      </c>
      <c r="AY13" s="280">
        <v>1</v>
      </c>
      <c r="AZ13" s="280">
        <v>6</v>
      </c>
      <c r="BA13" s="280">
        <v>5</v>
      </c>
      <c r="BB13" s="280">
        <v>4</v>
      </c>
      <c r="BC13" s="280">
        <v>1</v>
      </c>
      <c r="BD13" s="277">
        <v>17</v>
      </c>
      <c r="BE13" s="282">
        <v>17</v>
      </c>
      <c r="BF13" s="276">
        <v>0</v>
      </c>
      <c r="BG13" s="280">
        <v>0</v>
      </c>
      <c r="BH13" s="277">
        <v>0</v>
      </c>
      <c r="BI13" s="279">
        <v>0</v>
      </c>
      <c r="BJ13" s="280">
        <v>4</v>
      </c>
      <c r="BK13" s="280">
        <v>12</v>
      </c>
      <c r="BL13" s="280">
        <v>7</v>
      </c>
      <c r="BM13" s="280">
        <v>5</v>
      </c>
      <c r="BN13" s="280">
        <v>4</v>
      </c>
      <c r="BO13" s="281">
        <v>32</v>
      </c>
      <c r="BP13" s="282">
        <v>32</v>
      </c>
      <c r="BQ13" s="276">
        <v>0</v>
      </c>
      <c r="BR13" s="280">
        <v>0</v>
      </c>
      <c r="BS13" s="277">
        <v>0</v>
      </c>
      <c r="BT13" s="279">
        <v>0</v>
      </c>
      <c r="BU13" s="280">
        <v>2</v>
      </c>
      <c r="BV13" s="280">
        <v>4</v>
      </c>
      <c r="BW13" s="280">
        <v>4</v>
      </c>
      <c r="BX13" s="280">
        <v>0</v>
      </c>
      <c r="BY13" s="280">
        <v>4</v>
      </c>
      <c r="BZ13" s="277">
        <v>14</v>
      </c>
      <c r="CA13" s="282">
        <v>14</v>
      </c>
      <c r="CB13" s="276">
        <v>0</v>
      </c>
      <c r="CC13" s="280">
        <v>0</v>
      </c>
      <c r="CD13" s="277">
        <v>0</v>
      </c>
      <c r="CE13" s="279">
        <v>0</v>
      </c>
      <c r="CF13" s="280">
        <v>0</v>
      </c>
      <c r="CG13" s="280">
        <v>1</v>
      </c>
      <c r="CH13" s="280">
        <v>1</v>
      </c>
      <c r="CI13" s="280">
        <v>1</v>
      </c>
      <c r="CJ13" s="280">
        <v>4</v>
      </c>
      <c r="CK13" s="277">
        <v>7</v>
      </c>
      <c r="CL13" s="282">
        <v>7</v>
      </c>
      <c r="CM13" s="276">
        <v>0</v>
      </c>
      <c r="CN13" s="280">
        <v>0</v>
      </c>
      <c r="CO13" s="277">
        <v>0</v>
      </c>
      <c r="CP13" s="279">
        <v>0</v>
      </c>
      <c r="CQ13" s="280">
        <v>2</v>
      </c>
      <c r="CR13" s="280">
        <v>2</v>
      </c>
      <c r="CS13" s="280">
        <v>4</v>
      </c>
      <c r="CT13" s="280">
        <v>3</v>
      </c>
      <c r="CU13" s="280">
        <v>1</v>
      </c>
      <c r="CV13" s="277">
        <v>12</v>
      </c>
      <c r="CW13" s="282">
        <v>12</v>
      </c>
    </row>
    <row r="14" spans="1:101" ht="21" customHeight="1" x14ac:dyDescent="0.2">
      <c r="B14" s="261" t="s">
        <v>11</v>
      </c>
      <c r="C14" s="276">
        <v>0</v>
      </c>
      <c r="D14" s="277">
        <v>0</v>
      </c>
      <c r="E14" s="278">
        <v>0</v>
      </c>
      <c r="F14" s="279">
        <v>0</v>
      </c>
      <c r="G14" s="280">
        <v>1</v>
      </c>
      <c r="H14" s="280">
        <v>1</v>
      </c>
      <c r="I14" s="280">
        <v>2</v>
      </c>
      <c r="J14" s="280">
        <v>0</v>
      </c>
      <c r="K14" s="280">
        <v>0</v>
      </c>
      <c r="L14" s="281">
        <v>4</v>
      </c>
      <c r="M14" s="282">
        <v>4</v>
      </c>
      <c r="N14" s="276">
        <v>0</v>
      </c>
      <c r="O14" s="280">
        <v>0</v>
      </c>
      <c r="P14" s="277">
        <v>0</v>
      </c>
      <c r="Q14" s="279">
        <v>0</v>
      </c>
      <c r="R14" s="280">
        <v>0</v>
      </c>
      <c r="S14" s="280">
        <v>0</v>
      </c>
      <c r="T14" s="280">
        <v>0</v>
      </c>
      <c r="U14" s="280">
        <v>1</v>
      </c>
      <c r="V14" s="280">
        <v>0</v>
      </c>
      <c r="W14" s="277">
        <v>1</v>
      </c>
      <c r="X14" s="282">
        <v>1</v>
      </c>
      <c r="Y14" s="276">
        <v>0</v>
      </c>
      <c r="Z14" s="280">
        <v>0</v>
      </c>
      <c r="AA14" s="277">
        <v>0</v>
      </c>
      <c r="AB14" s="279">
        <v>0</v>
      </c>
      <c r="AC14" s="280">
        <v>20</v>
      </c>
      <c r="AD14" s="280">
        <v>6</v>
      </c>
      <c r="AE14" s="280">
        <v>8</v>
      </c>
      <c r="AF14" s="280">
        <v>4</v>
      </c>
      <c r="AG14" s="280">
        <v>1</v>
      </c>
      <c r="AH14" s="277">
        <v>39</v>
      </c>
      <c r="AI14" s="282">
        <v>39</v>
      </c>
      <c r="AJ14" s="276">
        <v>0</v>
      </c>
      <c r="AK14" s="280">
        <v>0</v>
      </c>
      <c r="AL14" s="277">
        <v>0</v>
      </c>
      <c r="AM14" s="279">
        <v>0</v>
      </c>
      <c r="AN14" s="280">
        <v>1</v>
      </c>
      <c r="AO14" s="280">
        <v>3</v>
      </c>
      <c r="AP14" s="280">
        <v>1</v>
      </c>
      <c r="AQ14" s="280">
        <v>0</v>
      </c>
      <c r="AR14" s="280">
        <v>0</v>
      </c>
      <c r="AS14" s="277">
        <v>5</v>
      </c>
      <c r="AT14" s="282">
        <v>5</v>
      </c>
      <c r="AU14" s="276">
        <v>0</v>
      </c>
      <c r="AV14" s="280">
        <v>0</v>
      </c>
      <c r="AW14" s="277">
        <v>0</v>
      </c>
      <c r="AX14" s="279">
        <v>0</v>
      </c>
      <c r="AY14" s="280">
        <v>2</v>
      </c>
      <c r="AZ14" s="280">
        <v>3</v>
      </c>
      <c r="BA14" s="280">
        <v>2</v>
      </c>
      <c r="BB14" s="280">
        <v>1</v>
      </c>
      <c r="BC14" s="280">
        <v>0</v>
      </c>
      <c r="BD14" s="277">
        <v>8</v>
      </c>
      <c r="BE14" s="282">
        <v>8</v>
      </c>
      <c r="BF14" s="276">
        <v>0</v>
      </c>
      <c r="BG14" s="280">
        <v>0</v>
      </c>
      <c r="BH14" s="277">
        <v>0</v>
      </c>
      <c r="BI14" s="279">
        <v>0</v>
      </c>
      <c r="BJ14" s="280">
        <v>0</v>
      </c>
      <c r="BK14" s="280">
        <v>1</v>
      </c>
      <c r="BL14" s="280">
        <v>3</v>
      </c>
      <c r="BM14" s="280">
        <v>3</v>
      </c>
      <c r="BN14" s="280">
        <v>1</v>
      </c>
      <c r="BO14" s="281">
        <v>8</v>
      </c>
      <c r="BP14" s="282">
        <v>8</v>
      </c>
      <c r="BQ14" s="276">
        <v>0</v>
      </c>
      <c r="BR14" s="280">
        <v>0</v>
      </c>
      <c r="BS14" s="277">
        <v>0</v>
      </c>
      <c r="BT14" s="279">
        <v>0</v>
      </c>
      <c r="BU14" s="280">
        <v>0</v>
      </c>
      <c r="BV14" s="280">
        <v>0</v>
      </c>
      <c r="BW14" s="280">
        <v>0</v>
      </c>
      <c r="BX14" s="280">
        <v>0</v>
      </c>
      <c r="BY14" s="280">
        <v>0</v>
      </c>
      <c r="BZ14" s="277">
        <v>0</v>
      </c>
      <c r="CA14" s="282">
        <v>0</v>
      </c>
      <c r="CB14" s="276">
        <v>0</v>
      </c>
      <c r="CC14" s="280">
        <v>0</v>
      </c>
      <c r="CD14" s="277">
        <v>0</v>
      </c>
      <c r="CE14" s="279">
        <v>0</v>
      </c>
      <c r="CF14" s="280">
        <v>0</v>
      </c>
      <c r="CG14" s="280">
        <v>0</v>
      </c>
      <c r="CH14" s="280">
        <v>0</v>
      </c>
      <c r="CI14" s="280">
        <v>0</v>
      </c>
      <c r="CJ14" s="280">
        <v>0</v>
      </c>
      <c r="CK14" s="277">
        <v>0</v>
      </c>
      <c r="CL14" s="282">
        <v>0</v>
      </c>
      <c r="CM14" s="276">
        <v>0</v>
      </c>
      <c r="CN14" s="280">
        <v>0</v>
      </c>
      <c r="CO14" s="277">
        <v>0</v>
      </c>
      <c r="CP14" s="279">
        <v>0</v>
      </c>
      <c r="CQ14" s="280">
        <v>0</v>
      </c>
      <c r="CR14" s="280">
        <v>1</v>
      </c>
      <c r="CS14" s="280">
        <v>0</v>
      </c>
      <c r="CT14" s="280">
        <v>1</v>
      </c>
      <c r="CU14" s="280">
        <v>0</v>
      </c>
      <c r="CV14" s="277">
        <v>2</v>
      </c>
      <c r="CW14" s="282">
        <v>2</v>
      </c>
    </row>
    <row r="15" spans="1:101" ht="21" customHeight="1" x14ac:dyDescent="0.2">
      <c r="B15" s="261" t="s">
        <v>12</v>
      </c>
      <c r="C15" s="276">
        <v>0</v>
      </c>
      <c r="D15" s="277">
        <v>0</v>
      </c>
      <c r="E15" s="278">
        <v>0</v>
      </c>
      <c r="F15" s="279">
        <v>0</v>
      </c>
      <c r="G15" s="280">
        <v>1</v>
      </c>
      <c r="H15" s="280">
        <v>1</v>
      </c>
      <c r="I15" s="280">
        <v>0</v>
      </c>
      <c r="J15" s="280">
        <v>1</v>
      </c>
      <c r="K15" s="280">
        <v>0</v>
      </c>
      <c r="L15" s="281">
        <v>3</v>
      </c>
      <c r="M15" s="282">
        <v>3</v>
      </c>
      <c r="N15" s="276">
        <v>0</v>
      </c>
      <c r="O15" s="280">
        <v>0</v>
      </c>
      <c r="P15" s="277">
        <v>0</v>
      </c>
      <c r="Q15" s="279">
        <v>0</v>
      </c>
      <c r="R15" s="280">
        <v>0</v>
      </c>
      <c r="S15" s="280">
        <v>0</v>
      </c>
      <c r="T15" s="280">
        <v>0</v>
      </c>
      <c r="U15" s="280">
        <v>0</v>
      </c>
      <c r="V15" s="280">
        <v>0</v>
      </c>
      <c r="W15" s="277">
        <v>0</v>
      </c>
      <c r="X15" s="282">
        <v>0</v>
      </c>
      <c r="Y15" s="276">
        <v>0</v>
      </c>
      <c r="Z15" s="280">
        <v>0</v>
      </c>
      <c r="AA15" s="277">
        <v>0</v>
      </c>
      <c r="AB15" s="279">
        <v>0</v>
      </c>
      <c r="AC15" s="280">
        <v>29</v>
      </c>
      <c r="AD15" s="280">
        <v>23</v>
      </c>
      <c r="AE15" s="280">
        <v>12</v>
      </c>
      <c r="AF15" s="280">
        <v>4</v>
      </c>
      <c r="AG15" s="280">
        <v>2</v>
      </c>
      <c r="AH15" s="277">
        <v>70</v>
      </c>
      <c r="AI15" s="282">
        <v>70</v>
      </c>
      <c r="AJ15" s="276">
        <v>0</v>
      </c>
      <c r="AK15" s="280">
        <v>0</v>
      </c>
      <c r="AL15" s="277">
        <v>0</v>
      </c>
      <c r="AM15" s="279">
        <v>0</v>
      </c>
      <c r="AN15" s="280">
        <v>0</v>
      </c>
      <c r="AO15" s="280">
        <v>0</v>
      </c>
      <c r="AP15" s="280">
        <v>0</v>
      </c>
      <c r="AQ15" s="280">
        <v>0</v>
      </c>
      <c r="AR15" s="280">
        <v>0</v>
      </c>
      <c r="AS15" s="277">
        <v>0</v>
      </c>
      <c r="AT15" s="282">
        <v>0</v>
      </c>
      <c r="AU15" s="276">
        <v>0</v>
      </c>
      <c r="AV15" s="280">
        <v>0</v>
      </c>
      <c r="AW15" s="277">
        <v>0</v>
      </c>
      <c r="AX15" s="279">
        <v>0</v>
      </c>
      <c r="AY15" s="280">
        <v>2</v>
      </c>
      <c r="AZ15" s="280">
        <v>1</v>
      </c>
      <c r="BA15" s="280">
        <v>6</v>
      </c>
      <c r="BB15" s="280">
        <v>4</v>
      </c>
      <c r="BC15" s="280">
        <v>1</v>
      </c>
      <c r="BD15" s="277">
        <v>14</v>
      </c>
      <c r="BE15" s="282">
        <v>14</v>
      </c>
      <c r="BF15" s="276">
        <v>0</v>
      </c>
      <c r="BG15" s="280">
        <v>0</v>
      </c>
      <c r="BH15" s="277">
        <v>0</v>
      </c>
      <c r="BI15" s="279">
        <v>0</v>
      </c>
      <c r="BJ15" s="280">
        <v>5</v>
      </c>
      <c r="BK15" s="280">
        <v>2</v>
      </c>
      <c r="BL15" s="280">
        <v>4</v>
      </c>
      <c r="BM15" s="280">
        <v>2</v>
      </c>
      <c r="BN15" s="280">
        <v>2</v>
      </c>
      <c r="BO15" s="281">
        <v>15</v>
      </c>
      <c r="BP15" s="282">
        <v>15</v>
      </c>
      <c r="BQ15" s="276">
        <v>0</v>
      </c>
      <c r="BR15" s="280">
        <v>0</v>
      </c>
      <c r="BS15" s="277">
        <v>0</v>
      </c>
      <c r="BT15" s="279">
        <v>0</v>
      </c>
      <c r="BU15" s="280">
        <v>0</v>
      </c>
      <c r="BV15" s="280">
        <v>5</v>
      </c>
      <c r="BW15" s="280">
        <v>0</v>
      </c>
      <c r="BX15" s="280">
        <v>2</v>
      </c>
      <c r="BY15" s="280">
        <v>0</v>
      </c>
      <c r="BZ15" s="277">
        <v>7</v>
      </c>
      <c r="CA15" s="282">
        <v>7</v>
      </c>
      <c r="CB15" s="276">
        <v>0</v>
      </c>
      <c r="CC15" s="280">
        <v>0</v>
      </c>
      <c r="CD15" s="277">
        <v>0</v>
      </c>
      <c r="CE15" s="279">
        <v>0</v>
      </c>
      <c r="CF15" s="280">
        <v>0</v>
      </c>
      <c r="CG15" s="280">
        <v>0</v>
      </c>
      <c r="CH15" s="280">
        <v>0</v>
      </c>
      <c r="CI15" s="280">
        <v>0</v>
      </c>
      <c r="CJ15" s="280">
        <v>1</v>
      </c>
      <c r="CK15" s="277">
        <v>1</v>
      </c>
      <c r="CL15" s="282">
        <v>1</v>
      </c>
      <c r="CM15" s="276">
        <v>0</v>
      </c>
      <c r="CN15" s="280">
        <v>0</v>
      </c>
      <c r="CO15" s="277">
        <v>0</v>
      </c>
      <c r="CP15" s="279">
        <v>0</v>
      </c>
      <c r="CQ15" s="280">
        <v>1</v>
      </c>
      <c r="CR15" s="280">
        <v>0</v>
      </c>
      <c r="CS15" s="280">
        <v>0</v>
      </c>
      <c r="CT15" s="280">
        <v>2</v>
      </c>
      <c r="CU15" s="280">
        <v>1</v>
      </c>
      <c r="CV15" s="277">
        <v>4</v>
      </c>
      <c r="CW15" s="282">
        <v>4</v>
      </c>
    </row>
    <row r="16" spans="1:101" ht="21" customHeight="1" x14ac:dyDescent="0.2">
      <c r="B16" s="261" t="s">
        <v>13</v>
      </c>
      <c r="C16" s="276">
        <v>0</v>
      </c>
      <c r="D16" s="277">
        <v>0</v>
      </c>
      <c r="E16" s="278">
        <v>0</v>
      </c>
      <c r="F16" s="279">
        <v>0</v>
      </c>
      <c r="G16" s="280">
        <v>0</v>
      </c>
      <c r="H16" s="280">
        <v>0</v>
      </c>
      <c r="I16" s="280">
        <v>0</v>
      </c>
      <c r="J16" s="280">
        <v>0</v>
      </c>
      <c r="K16" s="280">
        <v>0</v>
      </c>
      <c r="L16" s="281">
        <v>0</v>
      </c>
      <c r="M16" s="282">
        <v>0</v>
      </c>
      <c r="N16" s="276">
        <v>0</v>
      </c>
      <c r="O16" s="280">
        <v>0</v>
      </c>
      <c r="P16" s="277">
        <v>0</v>
      </c>
      <c r="Q16" s="279">
        <v>0</v>
      </c>
      <c r="R16" s="280">
        <v>0</v>
      </c>
      <c r="S16" s="280">
        <v>0</v>
      </c>
      <c r="T16" s="280">
        <v>0</v>
      </c>
      <c r="U16" s="280">
        <v>0</v>
      </c>
      <c r="V16" s="280">
        <v>0</v>
      </c>
      <c r="W16" s="277">
        <v>0</v>
      </c>
      <c r="X16" s="282">
        <v>0</v>
      </c>
      <c r="Y16" s="276">
        <v>0</v>
      </c>
      <c r="Z16" s="280">
        <v>0</v>
      </c>
      <c r="AA16" s="277">
        <v>0</v>
      </c>
      <c r="AB16" s="279">
        <v>0</v>
      </c>
      <c r="AC16" s="280">
        <v>12</v>
      </c>
      <c r="AD16" s="280">
        <v>10</v>
      </c>
      <c r="AE16" s="280">
        <v>6</v>
      </c>
      <c r="AF16" s="280">
        <v>1</v>
      </c>
      <c r="AG16" s="280">
        <v>2</v>
      </c>
      <c r="AH16" s="277">
        <v>31</v>
      </c>
      <c r="AI16" s="282">
        <v>31</v>
      </c>
      <c r="AJ16" s="276">
        <v>0</v>
      </c>
      <c r="AK16" s="280">
        <v>0</v>
      </c>
      <c r="AL16" s="277">
        <v>0</v>
      </c>
      <c r="AM16" s="279">
        <v>0</v>
      </c>
      <c r="AN16" s="280">
        <v>0</v>
      </c>
      <c r="AO16" s="280">
        <v>2</v>
      </c>
      <c r="AP16" s="280">
        <v>1</v>
      </c>
      <c r="AQ16" s="280">
        <v>1</v>
      </c>
      <c r="AR16" s="280">
        <v>1</v>
      </c>
      <c r="AS16" s="277">
        <v>5</v>
      </c>
      <c r="AT16" s="282">
        <v>5</v>
      </c>
      <c r="AU16" s="276">
        <v>0</v>
      </c>
      <c r="AV16" s="280">
        <v>0</v>
      </c>
      <c r="AW16" s="277">
        <v>0</v>
      </c>
      <c r="AX16" s="279">
        <v>0</v>
      </c>
      <c r="AY16" s="280">
        <v>1</v>
      </c>
      <c r="AZ16" s="280">
        <v>2</v>
      </c>
      <c r="BA16" s="280">
        <v>0</v>
      </c>
      <c r="BB16" s="280">
        <v>1</v>
      </c>
      <c r="BC16" s="280">
        <v>0</v>
      </c>
      <c r="BD16" s="277">
        <v>4</v>
      </c>
      <c r="BE16" s="282">
        <v>4</v>
      </c>
      <c r="BF16" s="276">
        <v>0</v>
      </c>
      <c r="BG16" s="280">
        <v>0</v>
      </c>
      <c r="BH16" s="277">
        <v>0</v>
      </c>
      <c r="BI16" s="279">
        <v>0</v>
      </c>
      <c r="BJ16" s="280">
        <v>1</v>
      </c>
      <c r="BK16" s="280">
        <v>1</v>
      </c>
      <c r="BL16" s="280">
        <v>0</v>
      </c>
      <c r="BM16" s="280">
        <v>1</v>
      </c>
      <c r="BN16" s="280">
        <v>0</v>
      </c>
      <c r="BO16" s="281">
        <v>3</v>
      </c>
      <c r="BP16" s="282">
        <v>3</v>
      </c>
      <c r="BQ16" s="276">
        <v>0</v>
      </c>
      <c r="BR16" s="280">
        <v>0</v>
      </c>
      <c r="BS16" s="277">
        <v>0</v>
      </c>
      <c r="BT16" s="279">
        <v>0</v>
      </c>
      <c r="BU16" s="280">
        <v>0</v>
      </c>
      <c r="BV16" s="280">
        <v>0</v>
      </c>
      <c r="BW16" s="280">
        <v>0</v>
      </c>
      <c r="BX16" s="280">
        <v>2</v>
      </c>
      <c r="BY16" s="280">
        <v>0</v>
      </c>
      <c r="BZ16" s="277">
        <v>2</v>
      </c>
      <c r="CA16" s="282">
        <v>2</v>
      </c>
      <c r="CB16" s="276">
        <v>0</v>
      </c>
      <c r="CC16" s="280">
        <v>0</v>
      </c>
      <c r="CD16" s="277">
        <v>0</v>
      </c>
      <c r="CE16" s="279">
        <v>0</v>
      </c>
      <c r="CF16" s="280">
        <v>0</v>
      </c>
      <c r="CG16" s="280">
        <v>0</v>
      </c>
      <c r="CH16" s="280">
        <v>0</v>
      </c>
      <c r="CI16" s="280">
        <v>0</v>
      </c>
      <c r="CJ16" s="280">
        <v>0</v>
      </c>
      <c r="CK16" s="277">
        <v>0</v>
      </c>
      <c r="CL16" s="282">
        <v>0</v>
      </c>
      <c r="CM16" s="276">
        <v>0</v>
      </c>
      <c r="CN16" s="280">
        <v>0</v>
      </c>
      <c r="CO16" s="277">
        <v>0</v>
      </c>
      <c r="CP16" s="279">
        <v>0</v>
      </c>
      <c r="CQ16" s="280">
        <v>0</v>
      </c>
      <c r="CR16" s="280">
        <v>0</v>
      </c>
      <c r="CS16" s="280">
        <v>0</v>
      </c>
      <c r="CT16" s="280">
        <v>0</v>
      </c>
      <c r="CU16" s="280">
        <v>0</v>
      </c>
      <c r="CV16" s="277">
        <v>0</v>
      </c>
      <c r="CW16" s="282">
        <v>0</v>
      </c>
    </row>
    <row r="17" spans="2:101" ht="21" customHeight="1" x14ac:dyDescent="0.2">
      <c r="B17" s="261" t="s">
        <v>15</v>
      </c>
      <c r="C17" s="276">
        <v>0</v>
      </c>
      <c r="D17" s="277">
        <v>0</v>
      </c>
      <c r="E17" s="278">
        <v>0</v>
      </c>
      <c r="F17" s="279">
        <v>0</v>
      </c>
      <c r="G17" s="280">
        <v>0</v>
      </c>
      <c r="H17" s="280">
        <v>0</v>
      </c>
      <c r="I17" s="280">
        <v>0</v>
      </c>
      <c r="J17" s="280">
        <v>0</v>
      </c>
      <c r="K17" s="280">
        <v>0</v>
      </c>
      <c r="L17" s="281">
        <v>0</v>
      </c>
      <c r="M17" s="282">
        <v>0</v>
      </c>
      <c r="N17" s="276">
        <v>0</v>
      </c>
      <c r="O17" s="280">
        <v>0</v>
      </c>
      <c r="P17" s="277">
        <v>0</v>
      </c>
      <c r="Q17" s="279">
        <v>0</v>
      </c>
      <c r="R17" s="280">
        <v>0</v>
      </c>
      <c r="S17" s="280">
        <v>0</v>
      </c>
      <c r="T17" s="280">
        <v>0</v>
      </c>
      <c r="U17" s="280">
        <v>0</v>
      </c>
      <c r="V17" s="280">
        <v>0</v>
      </c>
      <c r="W17" s="277">
        <v>0</v>
      </c>
      <c r="X17" s="282">
        <v>0</v>
      </c>
      <c r="Y17" s="276">
        <v>0</v>
      </c>
      <c r="Z17" s="280">
        <v>0</v>
      </c>
      <c r="AA17" s="277">
        <v>0</v>
      </c>
      <c r="AB17" s="279">
        <v>0</v>
      </c>
      <c r="AC17" s="280">
        <v>6</v>
      </c>
      <c r="AD17" s="280">
        <v>11</v>
      </c>
      <c r="AE17" s="280">
        <v>1</v>
      </c>
      <c r="AF17" s="280">
        <v>1</v>
      </c>
      <c r="AG17" s="280">
        <v>0</v>
      </c>
      <c r="AH17" s="277">
        <v>19</v>
      </c>
      <c r="AI17" s="282">
        <v>19</v>
      </c>
      <c r="AJ17" s="276">
        <v>0</v>
      </c>
      <c r="AK17" s="280">
        <v>0</v>
      </c>
      <c r="AL17" s="277">
        <v>0</v>
      </c>
      <c r="AM17" s="279">
        <v>0</v>
      </c>
      <c r="AN17" s="280">
        <v>0</v>
      </c>
      <c r="AO17" s="280">
        <v>1</v>
      </c>
      <c r="AP17" s="280">
        <v>0</v>
      </c>
      <c r="AQ17" s="280">
        <v>0</v>
      </c>
      <c r="AR17" s="280">
        <v>0</v>
      </c>
      <c r="AS17" s="277">
        <v>1</v>
      </c>
      <c r="AT17" s="282">
        <v>1</v>
      </c>
      <c r="AU17" s="276">
        <v>0</v>
      </c>
      <c r="AV17" s="280">
        <v>0</v>
      </c>
      <c r="AW17" s="277">
        <v>0</v>
      </c>
      <c r="AX17" s="279">
        <v>0</v>
      </c>
      <c r="AY17" s="280">
        <v>0</v>
      </c>
      <c r="AZ17" s="280">
        <v>1</v>
      </c>
      <c r="BA17" s="280">
        <v>1</v>
      </c>
      <c r="BB17" s="280">
        <v>1</v>
      </c>
      <c r="BC17" s="280">
        <v>1</v>
      </c>
      <c r="BD17" s="277">
        <v>4</v>
      </c>
      <c r="BE17" s="282">
        <v>4</v>
      </c>
      <c r="BF17" s="276">
        <v>0</v>
      </c>
      <c r="BG17" s="280">
        <v>0</v>
      </c>
      <c r="BH17" s="277">
        <v>0</v>
      </c>
      <c r="BI17" s="279">
        <v>0</v>
      </c>
      <c r="BJ17" s="280">
        <v>2</v>
      </c>
      <c r="BK17" s="280">
        <v>1</v>
      </c>
      <c r="BL17" s="280">
        <v>0</v>
      </c>
      <c r="BM17" s="280">
        <v>0</v>
      </c>
      <c r="BN17" s="280">
        <v>0</v>
      </c>
      <c r="BO17" s="281">
        <v>3</v>
      </c>
      <c r="BP17" s="282">
        <v>3</v>
      </c>
      <c r="BQ17" s="276">
        <v>0</v>
      </c>
      <c r="BR17" s="280">
        <v>0</v>
      </c>
      <c r="BS17" s="277">
        <v>0</v>
      </c>
      <c r="BT17" s="279">
        <v>0</v>
      </c>
      <c r="BU17" s="280">
        <v>0</v>
      </c>
      <c r="BV17" s="280">
        <v>0</v>
      </c>
      <c r="BW17" s="280">
        <v>0</v>
      </c>
      <c r="BX17" s="280">
        <v>0</v>
      </c>
      <c r="BY17" s="280">
        <v>0</v>
      </c>
      <c r="BZ17" s="277">
        <v>0</v>
      </c>
      <c r="CA17" s="282">
        <v>0</v>
      </c>
      <c r="CB17" s="276">
        <v>0</v>
      </c>
      <c r="CC17" s="280">
        <v>0</v>
      </c>
      <c r="CD17" s="277">
        <v>0</v>
      </c>
      <c r="CE17" s="279">
        <v>0</v>
      </c>
      <c r="CF17" s="280">
        <v>0</v>
      </c>
      <c r="CG17" s="280">
        <v>0</v>
      </c>
      <c r="CH17" s="280">
        <v>0</v>
      </c>
      <c r="CI17" s="280">
        <v>2</v>
      </c>
      <c r="CJ17" s="280">
        <v>0</v>
      </c>
      <c r="CK17" s="277">
        <v>2</v>
      </c>
      <c r="CL17" s="282">
        <v>2</v>
      </c>
      <c r="CM17" s="276">
        <v>0</v>
      </c>
      <c r="CN17" s="280">
        <v>0</v>
      </c>
      <c r="CO17" s="277">
        <v>0</v>
      </c>
      <c r="CP17" s="279">
        <v>0</v>
      </c>
      <c r="CQ17" s="280">
        <v>0</v>
      </c>
      <c r="CR17" s="280">
        <v>0</v>
      </c>
      <c r="CS17" s="280">
        <v>0</v>
      </c>
      <c r="CT17" s="280">
        <v>0</v>
      </c>
      <c r="CU17" s="280">
        <v>0</v>
      </c>
      <c r="CV17" s="277">
        <v>0</v>
      </c>
      <c r="CW17" s="282">
        <v>0</v>
      </c>
    </row>
    <row r="18" spans="2:101" ht="21" customHeight="1" x14ac:dyDescent="0.2">
      <c r="B18" s="261" t="s">
        <v>16</v>
      </c>
      <c r="C18" s="276">
        <v>0</v>
      </c>
      <c r="D18" s="277">
        <v>0</v>
      </c>
      <c r="E18" s="278">
        <v>0</v>
      </c>
      <c r="F18" s="279">
        <v>0</v>
      </c>
      <c r="G18" s="280">
        <v>1</v>
      </c>
      <c r="H18" s="280">
        <v>0</v>
      </c>
      <c r="I18" s="280">
        <v>2</v>
      </c>
      <c r="J18" s="280">
        <v>0</v>
      </c>
      <c r="K18" s="280">
        <v>0</v>
      </c>
      <c r="L18" s="281">
        <v>3</v>
      </c>
      <c r="M18" s="282">
        <v>3</v>
      </c>
      <c r="N18" s="276">
        <v>0</v>
      </c>
      <c r="O18" s="280">
        <v>0</v>
      </c>
      <c r="P18" s="277">
        <v>0</v>
      </c>
      <c r="Q18" s="279">
        <v>0</v>
      </c>
      <c r="R18" s="280">
        <v>0</v>
      </c>
      <c r="S18" s="280">
        <v>0</v>
      </c>
      <c r="T18" s="280">
        <v>1</v>
      </c>
      <c r="U18" s="280">
        <v>0</v>
      </c>
      <c r="V18" s="280">
        <v>0</v>
      </c>
      <c r="W18" s="277">
        <v>1</v>
      </c>
      <c r="X18" s="282">
        <v>1</v>
      </c>
      <c r="Y18" s="276">
        <v>0</v>
      </c>
      <c r="Z18" s="280">
        <v>0</v>
      </c>
      <c r="AA18" s="277">
        <v>0</v>
      </c>
      <c r="AB18" s="279">
        <v>0</v>
      </c>
      <c r="AC18" s="280">
        <v>10</v>
      </c>
      <c r="AD18" s="280">
        <v>8</v>
      </c>
      <c r="AE18" s="280">
        <v>6</v>
      </c>
      <c r="AF18" s="280">
        <v>2</v>
      </c>
      <c r="AG18" s="280">
        <v>0</v>
      </c>
      <c r="AH18" s="277">
        <v>26</v>
      </c>
      <c r="AI18" s="282">
        <v>26</v>
      </c>
      <c r="AJ18" s="276">
        <v>0</v>
      </c>
      <c r="AK18" s="280">
        <v>0</v>
      </c>
      <c r="AL18" s="277">
        <v>0</v>
      </c>
      <c r="AM18" s="279">
        <v>0</v>
      </c>
      <c r="AN18" s="280">
        <v>0</v>
      </c>
      <c r="AO18" s="280">
        <v>0</v>
      </c>
      <c r="AP18" s="280">
        <v>1</v>
      </c>
      <c r="AQ18" s="280">
        <v>0</v>
      </c>
      <c r="AR18" s="280">
        <v>0</v>
      </c>
      <c r="AS18" s="277">
        <v>1</v>
      </c>
      <c r="AT18" s="282">
        <v>1</v>
      </c>
      <c r="AU18" s="276">
        <v>0</v>
      </c>
      <c r="AV18" s="280">
        <v>0</v>
      </c>
      <c r="AW18" s="277">
        <v>0</v>
      </c>
      <c r="AX18" s="279">
        <v>0</v>
      </c>
      <c r="AY18" s="280">
        <v>0</v>
      </c>
      <c r="AZ18" s="280">
        <v>2</v>
      </c>
      <c r="BA18" s="280">
        <v>2</v>
      </c>
      <c r="BB18" s="280">
        <v>0</v>
      </c>
      <c r="BC18" s="280">
        <v>0</v>
      </c>
      <c r="BD18" s="277">
        <v>4</v>
      </c>
      <c r="BE18" s="282">
        <v>4</v>
      </c>
      <c r="BF18" s="276">
        <v>0</v>
      </c>
      <c r="BG18" s="280">
        <v>0</v>
      </c>
      <c r="BH18" s="277">
        <v>0</v>
      </c>
      <c r="BI18" s="279">
        <v>0</v>
      </c>
      <c r="BJ18" s="280">
        <v>1</v>
      </c>
      <c r="BK18" s="280">
        <v>3</v>
      </c>
      <c r="BL18" s="280">
        <v>6</v>
      </c>
      <c r="BM18" s="280">
        <v>2</v>
      </c>
      <c r="BN18" s="280">
        <v>2</v>
      </c>
      <c r="BO18" s="281">
        <v>14</v>
      </c>
      <c r="BP18" s="282">
        <v>14</v>
      </c>
      <c r="BQ18" s="276">
        <v>0</v>
      </c>
      <c r="BR18" s="280">
        <v>0</v>
      </c>
      <c r="BS18" s="277">
        <v>0</v>
      </c>
      <c r="BT18" s="279">
        <v>0</v>
      </c>
      <c r="BU18" s="280">
        <v>0</v>
      </c>
      <c r="BV18" s="280">
        <v>0</v>
      </c>
      <c r="BW18" s="280">
        <v>0</v>
      </c>
      <c r="BX18" s="280">
        <v>0</v>
      </c>
      <c r="BY18" s="280">
        <v>0</v>
      </c>
      <c r="BZ18" s="277">
        <v>0</v>
      </c>
      <c r="CA18" s="282">
        <v>0</v>
      </c>
      <c r="CB18" s="276">
        <v>0</v>
      </c>
      <c r="CC18" s="280">
        <v>0</v>
      </c>
      <c r="CD18" s="277">
        <v>0</v>
      </c>
      <c r="CE18" s="279">
        <v>0</v>
      </c>
      <c r="CF18" s="280">
        <v>0</v>
      </c>
      <c r="CG18" s="280">
        <v>0</v>
      </c>
      <c r="CH18" s="280">
        <v>0</v>
      </c>
      <c r="CI18" s="280">
        <v>0</v>
      </c>
      <c r="CJ18" s="280">
        <v>0</v>
      </c>
      <c r="CK18" s="277">
        <v>0</v>
      </c>
      <c r="CL18" s="282">
        <v>0</v>
      </c>
      <c r="CM18" s="276">
        <v>0</v>
      </c>
      <c r="CN18" s="280">
        <v>0</v>
      </c>
      <c r="CO18" s="277">
        <v>0</v>
      </c>
      <c r="CP18" s="279">
        <v>0</v>
      </c>
      <c r="CQ18" s="280">
        <v>0</v>
      </c>
      <c r="CR18" s="280">
        <v>1</v>
      </c>
      <c r="CS18" s="280">
        <v>1</v>
      </c>
      <c r="CT18" s="280">
        <v>0</v>
      </c>
      <c r="CU18" s="280">
        <v>0</v>
      </c>
      <c r="CV18" s="277">
        <v>2</v>
      </c>
      <c r="CW18" s="282">
        <v>2</v>
      </c>
    </row>
    <row r="19" spans="2:101" ht="21" customHeight="1" x14ac:dyDescent="0.2">
      <c r="B19" s="261" t="s">
        <v>17</v>
      </c>
      <c r="C19" s="276">
        <v>0</v>
      </c>
      <c r="D19" s="277">
        <v>0</v>
      </c>
      <c r="E19" s="278">
        <v>0</v>
      </c>
      <c r="F19" s="279">
        <v>0</v>
      </c>
      <c r="G19" s="280">
        <v>0</v>
      </c>
      <c r="H19" s="280">
        <v>1</v>
      </c>
      <c r="I19" s="280">
        <v>0</v>
      </c>
      <c r="J19" s="280">
        <v>0</v>
      </c>
      <c r="K19" s="280">
        <v>0</v>
      </c>
      <c r="L19" s="281">
        <v>1</v>
      </c>
      <c r="M19" s="282">
        <v>1</v>
      </c>
      <c r="N19" s="276">
        <v>0</v>
      </c>
      <c r="O19" s="280">
        <v>0</v>
      </c>
      <c r="P19" s="277">
        <v>0</v>
      </c>
      <c r="Q19" s="279">
        <v>0</v>
      </c>
      <c r="R19" s="280">
        <v>0</v>
      </c>
      <c r="S19" s="280">
        <v>0</v>
      </c>
      <c r="T19" s="280">
        <v>0</v>
      </c>
      <c r="U19" s="280">
        <v>0</v>
      </c>
      <c r="V19" s="280">
        <v>0</v>
      </c>
      <c r="W19" s="277">
        <v>0</v>
      </c>
      <c r="X19" s="282">
        <v>0</v>
      </c>
      <c r="Y19" s="276">
        <v>0</v>
      </c>
      <c r="Z19" s="280">
        <v>0</v>
      </c>
      <c r="AA19" s="277">
        <v>0</v>
      </c>
      <c r="AB19" s="279">
        <v>0</v>
      </c>
      <c r="AC19" s="280">
        <v>17</v>
      </c>
      <c r="AD19" s="280">
        <v>16</v>
      </c>
      <c r="AE19" s="280">
        <v>8</v>
      </c>
      <c r="AF19" s="280">
        <v>3</v>
      </c>
      <c r="AG19" s="280">
        <v>3</v>
      </c>
      <c r="AH19" s="277">
        <v>47</v>
      </c>
      <c r="AI19" s="282">
        <v>47</v>
      </c>
      <c r="AJ19" s="276">
        <v>0</v>
      </c>
      <c r="AK19" s="280">
        <v>0</v>
      </c>
      <c r="AL19" s="277">
        <v>0</v>
      </c>
      <c r="AM19" s="279">
        <v>0</v>
      </c>
      <c r="AN19" s="280">
        <v>2</v>
      </c>
      <c r="AO19" s="280">
        <v>1</v>
      </c>
      <c r="AP19" s="280">
        <v>1</v>
      </c>
      <c r="AQ19" s="280">
        <v>0</v>
      </c>
      <c r="AR19" s="280">
        <v>0</v>
      </c>
      <c r="AS19" s="277">
        <v>4</v>
      </c>
      <c r="AT19" s="282">
        <v>4</v>
      </c>
      <c r="AU19" s="276">
        <v>0</v>
      </c>
      <c r="AV19" s="280">
        <v>0</v>
      </c>
      <c r="AW19" s="277">
        <v>0</v>
      </c>
      <c r="AX19" s="279">
        <v>0</v>
      </c>
      <c r="AY19" s="280">
        <v>2</v>
      </c>
      <c r="AZ19" s="280">
        <v>3</v>
      </c>
      <c r="BA19" s="280">
        <v>2</v>
      </c>
      <c r="BB19" s="280">
        <v>2</v>
      </c>
      <c r="BC19" s="280">
        <v>1</v>
      </c>
      <c r="BD19" s="277">
        <v>10</v>
      </c>
      <c r="BE19" s="282">
        <v>10</v>
      </c>
      <c r="BF19" s="276">
        <v>0</v>
      </c>
      <c r="BG19" s="280">
        <v>0</v>
      </c>
      <c r="BH19" s="277">
        <v>0</v>
      </c>
      <c r="BI19" s="279">
        <v>0</v>
      </c>
      <c r="BJ19" s="280">
        <v>0</v>
      </c>
      <c r="BK19" s="280">
        <v>7</v>
      </c>
      <c r="BL19" s="280">
        <v>2</v>
      </c>
      <c r="BM19" s="280">
        <v>1</v>
      </c>
      <c r="BN19" s="280">
        <v>0</v>
      </c>
      <c r="BO19" s="281">
        <v>10</v>
      </c>
      <c r="BP19" s="282">
        <v>10</v>
      </c>
      <c r="BQ19" s="276">
        <v>0</v>
      </c>
      <c r="BR19" s="280">
        <v>0</v>
      </c>
      <c r="BS19" s="277">
        <v>0</v>
      </c>
      <c r="BT19" s="279">
        <v>0</v>
      </c>
      <c r="BU19" s="280">
        <v>0</v>
      </c>
      <c r="BV19" s="280">
        <v>0</v>
      </c>
      <c r="BW19" s="280">
        <v>0</v>
      </c>
      <c r="BX19" s="280">
        <v>0</v>
      </c>
      <c r="BY19" s="280">
        <v>0</v>
      </c>
      <c r="BZ19" s="277">
        <v>0</v>
      </c>
      <c r="CA19" s="282">
        <v>0</v>
      </c>
      <c r="CB19" s="276">
        <v>0</v>
      </c>
      <c r="CC19" s="280">
        <v>0</v>
      </c>
      <c r="CD19" s="277">
        <v>0</v>
      </c>
      <c r="CE19" s="279">
        <v>0</v>
      </c>
      <c r="CF19" s="280">
        <v>0</v>
      </c>
      <c r="CG19" s="280">
        <v>0</v>
      </c>
      <c r="CH19" s="280">
        <v>3</v>
      </c>
      <c r="CI19" s="280">
        <v>0</v>
      </c>
      <c r="CJ19" s="280">
        <v>0</v>
      </c>
      <c r="CK19" s="277">
        <v>3</v>
      </c>
      <c r="CL19" s="282">
        <v>3</v>
      </c>
      <c r="CM19" s="276">
        <v>0</v>
      </c>
      <c r="CN19" s="280">
        <v>0</v>
      </c>
      <c r="CO19" s="277">
        <v>0</v>
      </c>
      <c r="CP19" s="279">
        <v>0</v>
      </c>
      <c r="CQ19" s="280">
        <v>0</v>
      </c>
      <c r="CR19" s="280">
        <v>1</v>
      </c>
      <c r="CS19" s="280">
        <v>0</v>
      </c>
      <c r="CT19" s="280">
        <v>0</v>
      </c>
      <c r="CU19" s="280">
        <v>1</v>
      </c>
      <c r="CV19" s="277">
        <v>2</v>
      </c>
      <c r="CW19" s="282">
        <v>2</v>
      </c>
    </row>
    <row r="20" spans="2:101" ht="21" customHeight="1" x14ac:dyDescent="0.2">
      <c r="B20" s="261" t="s">
        <v>18</v>
      </c>
      <c r="C20" s="276">
        <v>0</v>
      </c>
      <c r="D20" s="277">
        <v>0</v>
      </c>
      <c r="E20" s="278">
        <v>0</v>
      </c>
      <c r="F20" s="279">
        <v>0</v>
      </c>
      <c r="G20" s="280">
        <v>0</v>
      </c>
      <c r="H20" s="280">
        <v>0</v>
      </c>
      <c r="I20" s="280">
        <v>0</v>
      </c>
      <c r="J20" s="280">
        <v>0</v>
      </c>
      <c r="K20" s="280">
        <v>0</v>
      </c>
      <c r="L20" s="281">
        <v>0</v>
      </c>
      <c r="M20" s="282">
        <v>0</v>
      </c>
      <c r="N20" s="276">
        <v>0</v>
      </c>
      <c r="O20" s="280">
        <v>0</v>
      </c>
      <c r="P20" s="277">
        <v>0</v>
      </c>
      <c r="Q20" s="279">
        <v>0</v>
      </c>
      <c r="R20" s="280">
        <v>0</v>
      </c>
      <c r="S20" s="280">
        <v>0</v>
      </c>
      <c r="T20" s="280">
        <v>0</v>
      </c>
      <c r="U20" s="280">
        <v>0</v>
      </c>
      <c r="V20" s="280">
        <v>0</v>
      </c>
      <c r="W20" s="277">
        <v>0</v>
      </c>
      <c r="X20" s="282">
        <v>0</v>
      </c>
      <c r="Y20" s="276">
        <v>0</v>
      </c>
      <c r="Z20" s="280">
        <v>0</v>
      </c>
      <c r="AA20" s="277">
        <v>0</v>
      </c>
      <c r="AB20" s="279">
        <v>0</v>
      </c>
      <c r="AC20" s="280">
        <v>22</v>
      </c>
      <c r="AD20" s="280">
        <v>11</v>
      </c>
      <c r="AE20" s="280">
        <v>4</v>
      </c>
      <c r="AF20" s="280">
        <v>3</v>
      </c>
      <c r="AG20" s="280">
        <v>0</v>
      </c>
      <c r="AH20" s="277">
        <v>40</v>
      </c>
      <c r="AI20" s="282">
        <v>40</v>
      </c>
      <c r="AJ20" s="276">
        <v>0</v>
      </c>
      <c r="AK20" s="280">
        <v>0</v>
      </c>
      <c r="AL20" s="277">
        <v>0</v>
      </c>
      <c r="AM20" s="279">
        <v>0</v>
      </c>
      <c r="AN20" s="280">
        <v>1</v>
      </c>
      <c r="AO20" s="280">
        <v>0</v>
      </c>
      <c r="AP20" s="280">
        <v>2</v>
      </c>
      <c r="AQ20" s="280">
        <v>1</v>
      </c>
      <c r="AR20" s="280">
        <v>1</v>
      </c>
      <c r="AS20" s="277">
        <v>5</v>
      </c>
      <c r="AT20" s="282">
        <v>5</v>
      </c>
      <c r="AU20" s="276">
        <v>2</v>
      </c>
      <c r="AV20" s="280">
        <v>0</v>
      </c>
      <c r="AW20" s="277">
        <v>2</v>
      </c>
      <c r="AX20" s="279">
        <v>0</v>
      </c>
      <c r="AY20" s="280">
        <v>3</v>
      </c>
      <c r="AZ20" s="280">
        <v>4</v>
      </c>
      <c r="BA20" s="280">
        <v>3</v>
      </c>
      <c r="BB20" s="280">
        <v>2</v>
      </c>
      <c r="BC20" s="280">
        <v>0</v>
      </c>
      <c r="BD20" s="277">
        <v>12</v>
      </c>
      <c r="BE20" s="282">
        <v>14</v>
      </c>
      <c r="BF20" s="276">
        <v>0</v>
      </c>
      <c r="BG20" s="280">
        <v>0</v>
      </c>
      <c r="BH20" s="277">
        <v>0</v>
      </c>
      <c r="BI20" s="279">
        <v>0</v>
      </c>
      <c r="BJ20" s="280">
        <v>1</v>
      </c>
      <c r="BK20" s="280">
        <v>5</v>
      </c>
      <c r="BL20" s="280">
        <v>3</v>
      </c>
      <c r="BM20" s="280">
        <v>4</v>
      </c>
      <c r="BN20" s="280">
        <v>4</v>
      </c>
      <c r="BO20" s="281">
        <v>17</v>
      </c>
      <c r="BP20" s="282">
        <v>17</v>
      </c>
      <c r="BQ20" s="276">
        <v>0</v>
      </c>
      <c r="BR20" s="280">
        <v>0</v>
      </c>
      <c r="BS20" s="277">
        <v>0</v>
      </c>
      <c r="BT20" s="279">
        <v>0</v>
      </c>
      <c r="BU20" s="280">
        <v>0</v>
      </c>
      <c r="BV20" s="280">
        <v>0</v>
      </c>
      <c r="BW20" s="280">
        <v>0</v>
      </c>
      <c r="BX20" s="280">
        <v>0</v>
      </c>
      <c r="BY20" s="280">
        <v>0</v>
      </c>
      <c r="BZ20" s="277">
        <v>0</v>
      </c>
      <c r="CA20" s="282">
        <v>0</v>
      </c>
      <c r="CB20" s="276">
        <v>0</v>
      </c>
      <c r="CC20" s="280">
        <v>0</v>
      </c>
      <c r="CD20" s="277">
        <v>0</v>
      </c>
      <c r="CE20" s="279">
        <v>0</v>
      </c>
      <c r="CF20" s="280">
        <v>0</v>
      </c>
      <c r="CG20" s="280">
        <v>0</v>
      </c>
      <c r="CH20" s="280">
        <v>0</v>
      </c>
      <c r="CI20" s="280">
        <v>0</v>
      </c>
      <c r="CJ20" s="280">
        <v>0</v>
      </c>
      <c r="CK20" s="277">
        <v>0</v>
      </c>
      <c r="CL20" s="282">
        <v>0</v>
      </c>
      <c r="CM20" s="276">
        <v>0</v>
      </c>
      <c r="CN20" s="280">
        <v>0</v>
      </c>
      <c r="CO20" s="277">
        <v>0</v>
      </c>
      <c r="CP20" s="279">
        <v>0</v>
      </c>
      <c r="CQ20" s="280">
        <v>0</v>
      </c>
      <c r="CR20" s="280">
        <v>0</v>
      </c>
      <c r="CS20" s="280">
        <v>2</v>
      </c>
      <c r="CT20" s="280">
        <v>1</v>
      </c>
      <c r="CU20" s="280">
        <v>1</v>
      </c>
      <c r="CV20" s="277">
        <v>4</v>
      </c>
      <c r="CW20" s="282">
        <v>4</v>
      </c>
    </row>
    <row r="21" spans="2:101" ht="21" customHeight="1" x14ac:dyDescent="0.2">
      <c r="B21" s="261" t="s">
        <v>19</v>
      </c>
      <c r="C21" s="276">
        <v>0</v>
      </c>
      <c r="D21" s="277">
        <v>0</v>
      </c>
      <c r="E21" s="278">
        <v>0</v>
      </c>
      <c r="F21" s="279">
        <v>0</v>
      </c>
      <c r="G21" s="280">
        <v>2</v>
      </c>
      <c r="H21" s="280">
        <v>0</v>
      </c>
      <c r="I21" s="280">
        <v>0</v>
      </c>
      <c r="J21" s="280">
        <v>0</v>
      </c>
      <c r="K21" s="280">
        <v>1</v>
      </c>
      <c r="L21" s="281">
        <v>3</v>
      </c>
      <c r="M21" s="282">
        <v>3</v>
      </c>
      <c r="N21" s="276">
        <v>0</v>
      </c>
      <c r="O21" s="280">
        <v>0</v>
      </c>
      <c r="P21" s="277">
        <v>0</v>
      </c>
      <c r="Q21" s="279">
        <v>0</v>
      </c>
      <c r="R21" s="280">
        <v>0</v>
      </c>
      <c r="S21" s="280">
        <v>0</v>
      </c>
      <c r="T21" s="280">
        <v>0</v>
      </c>
      <c r="U21" s="280">
        <v>0</v>
      </c>
      <c r="V21" s="280">
        <v>0</v>
      </c>
      <c r="W21" s="277">
        <v>0</v>
      </c>
      <c r="X21" s="282">
        <v>0</v>
      </c>
      <c r="Y21" s="276">
        <v>0</v>
      </c>
      <c r="Z21" s="280">
        <v>0</v>
      </c>
      <c r="AA21" s="277">
        <v>0</v>
      </c>
      <c r="AB21" s="279">
        <v>0</v>
      </c>
      <c r="AC21" s="280">
        <v>4</v>
      </c>
      <c r="AD21" s="280">
        <v>3</v>
      </c>
      <c r="AE21" s="280">
        <v>0</v>
      </c>
      <c r="AF21" s="280">
        <v>1</v>
      </c>
      <c r="AG21" s="280">
        <v>1</v>
      </c>
      <c r="AH21" s="277">
        <v>9</v>
      </c>
      <c r="AI21" s="282">
        <v>9</v>
      </c>
      <c r="AJ21" s="276">
        <v>0</v>
      </c>
      <c r="AK21" s="280">
        <v>0</v>
      </c>
      <c r="AL21" s="277">
        <v>0</v>
      </c>
      <c r="AM21" s="279">
        <v>0</v>
      </c>
      <c r="AN21" s="280">
        <v>1</v>
      </c>
      <c r="AO21" s="280">
        <v>5</v>
      </c>
      <c r="AP21" s="280">
        <v>0</v>
      </c>
      <c r="AQ21" s="280">
        <v>0</v>
      </c>
      <c r="AR21" s="280">
        <v>0</v>
      </c>
      <c r="AS21" s="277">
        <v>6</v>
      </c>
      <c r="AT21" s="282">
        <v>6</v>
      </c>
      <c r="AU21" s="276">
        <v>0</v>
      </c>
      <c r="AV21" s="280">
        <v>1</v>
      </c>
      <c r="AW21" s="277">
        <v>1</v>
      </c>
      <c r="AX21" s="279">
        <v>0</v>
      </c>
      <c r="AY21" s="280">
        <v>3</v>
      </c>
      <c r="AZ21" s="280">
        <v>4</v>
      </c>
      <c r="BA21" s="280">
        <v>1</v>
      </c>
      <c r="BB21" s="280">
        <v>0</v>
      </c>
      <c r="BC21" s="280">
        <v>1</v>
      </c>
      <c r="BD21" s="277">
        <v>9</v>
      </c>
      <c r="BE21" s="282">
        <v>10</v>
      </c>
      <c r="BF21" s="276">
        <v>0</v>
      </c>
      <c r="BG21" s="280">
        <v>0</v>
      </c>
      <c r="BH21" s="277">
        <v>0</v>
      </c>
      <c r="BI21" s="279">
        <v>0</v>
      </c>
      <c r="BJ21" s="280">
        <v>2</v>
      </c>
      <c r="BK21" s="280">
        <v>2</v>
      </c>
      <c r="BL21" s="280">
        <v>0</v>
      </c>
      <c r="BM21" s="280">
        <v>1</v>
      </c>
      <c r="BN21" s="280">
        <v>0</v>
      </c>
      <c r="BO21" s="281">
        <v>5</v>
      </c>
      <c r="BP21" s="282">
        <v>5</v>
      </c>
      <c r="BQ21" s="276">
        <v>0</v>
      </c>
      <c r="BR21" s="280">
        <v>0</v>
      </c>
      <c r="BS21" s="277">
        <v>0</v>
      </c>
      <c r="BT21" s="279">
        <v>0</v>
      </c>
      <c r="BU21" s="280">
        <v>0</v>
      </c>
      <c r="BV21" s="280">
        <v>0</v>
      </c>
      <c r="BW21" s="280">
        <v>0</v>
      </c>
      <c r="BX21" s="280">
        <v>0</v>
      </c>
      <c r="BY21" s="280">
        <v>0</v>
      </c>
      <c r="BZ21" s="277">
        <v>0</v>
      </c>
      <c r="CA21" s="282">
        <v>0</v>
      </c>
      <c r="CB21" s="276">
        <v>0</v>
      </c>
      <c r="CC21" s="280">
        <v>0</v>
      </c>
      <c r="CD21" s="277">
        <v>0</v>
      </c>
      <c r="CE21" s="279">
        <v>0</v>
      </c>
      <c r="CF21" s="280">
        <v>0</v>
      </c>
      <c r="CG21" s="280">
        <v>0</v>
      </c>
      <c r="CH21" s="280">
        <v>0</v>
      </c>
      <c r="CI21" s="280">
        <v>0</v>
      </c>
      <c r="CJ21" s="280">
        <v>0</v>
      </c>
      <c r="CK21" s="277">
        <v>0</v>
      </c>
      <c r="CL21" s="282">
        <v>0</v>
      </c>
      <c r="CM21" s="276">
        <v>0</v>
      </c>
      <c r="CN21" s="280">
        <v>0</v>
      </c>
      <c r="CO21" s="277">
        <v>0</v>
      </c>
      <c r="CP21" s="279">
        <v>0</v>
      </c>
      <c r="CQ21" s="280">
        <v>1</v>
      </c>
      <c r="CR21" s="280">
        <v>0</v>
      </c>
      <c r="CS21" s="280">
        <v>0</v>
      </c>
      <c r="CT21" s="280">
        <v>0</v>
      </c>
      <c r="CU21" s="280">
        <v>1</v>
      </c>
      <c r="CV21" s="277">
        <v>2</v>
      </c>
      <c r="CW21" s="282">
        <v>2</v>
      </c>
    </row>
    <row r="22" spans="2:101" ht="21" customHeight="1" x14ac:dyDescent="0.2">
      <c r="B22" s="261" t="s">
        <v>20</v>
      </c>
      <c r="C22" s="276">
        <v>0</v>
      </c>
      <c r="D22" s="277">
        <v>0</v>
      </c>
      <c r="E22" s="278">
        <v>0</v>
      </c>
      <c r="F22" s="279">
        <v>0</v>
      </c>
      <c r="G22" s="280">
        <v>0</v>
      </c>
      <c r="H22" s="280">
        <v>0</v>
      </c>
      <c r="I22" s="280">
        <v>0</v>
      </c>
      <c r="J22" s="280">
        <v>0</v>
      </c>
      <c r="K22" s="280">
        <v>0</v>
      </c>
      <c r="L22" s="281">
        <v>0</v>
      </c>
      <c r="M22" s="282">
        <v>0</v>
      </c>
      <c r="N22" s="276">
        <v>0</v>
      </c>
      <c r="O22" s="280">
        <v>0</v>
      </c>
      <c r="P22" s="277">
        <v>0</v>
      </c>
      <c r="Q22" s="279">
        <v>0</v>
      </c>
      <c r="R22" s="280">
        <v>0</v>
      </c>
      <c r="S22" s="280">
        <v>0</v>
      </c>
      <c r="T22" s="280">
        <v>0</v>
      </c>
      <c r="U22" s="280">
        <v>0</v>
      </c>
      <c r="V22" s="280">
        <v>0</v>
      </c>
      <c r="W22" s="277">
        <v>0</v>
      </c>
      <c r="X22" s="282">
        <v>0</v>
      </c>
      <c r="Y22" s="276">
        <v>0</v>
      </c>
      <c r="Z22" s="280">
        <v>0</v>
      </c>
      <c r="AA22" s="277">
        <v>0</v>
      </c>
      <c r="AB22" s="279">
        <v>0</v>
      </c>
      <c r="AC22" s="280">
        <v>14</v>
      </c>
      <c r="AD22" s="280">
        <v>7</v>
      </c>
      <c r="AE22" s="280">
        <v>4</v>
      </c>
      <c r="AF22" s="280">
        <v>2</v>
      </c>
      <c r="AG22" s="280">
        <v>0</v>
      </c>
      <c r="AH22" s="277">
        <v>27</v>
      </c>
      <c r="AI22" s="282">
        <v>27</v>
      </c>
      <c r="AJ22" s="276">
        <v>0</v>
      </c>
      <c r="AK22" s="280">
        <v>0</v>
      </c>
      <c r="AL22" s="277">
        <v>0</v>
      </c>
      <c r="AM22" s="279">
        <v>0</v>
      </c>
      <c r="AN22" s="280">
        <v>0</v>
      </c>
      <c r="AO22" s="280">
        <v>0</v>
      </c>
      <c r="AP22" s="280">
        <v>0</v>
      </c>
      <c r="AQ22" s="280">
        <v>0</v>
      </c>
      <c r="AR22" s="280">
        <v>0</v>
      </c>
      <c r="AS22" s="277">
        <v>0</v>
      </c>
      <c r="AT22" s="282">
        <v>0</v>
      </c>
      <c r="AU22" s="276">
        <v>0</v>
      </c>
      <c r="AV22" s="280">
        <v>0</v>
      </c>
      <c r="AW22" s="277">
        <v>0</v>
      </c>
      <c r="AX22" s="279">
        <v>0</v>
      </c>
      <c r="AY22" s="280">
        <v>0</v>
      </c>
      <c r="AZ22" s="280">
        <v>0</v>
      </c>
      <c r="BA22" s="280">
        <v>1</v>
      </c>
      <c r="BB22" s="280">
        <v>0</v>
      </c>
      <c r="BC22" s="280">
        <v>0</v>
      </c>
      <c r="BD22" s="277">
        <v>1</v>
      </c>
      <c r="BE22" s="282">
        <v>1</v>
      </c>
      <c r="BF22" s="276">
        <v>0</v>
      </c>
      <c r="BG22" s="280">
        <v>0</v>
      </c>
      <c r="BH22" s="277">
        <v>0</v>
      </c>
      <c r="BI22" s="279">
        <v>0</v>
      </c>
      <c r="BJ22" s="280">
        <v>2</v>
      </c>
      <c r="BK22" s="280">
        <v>1</v>
      </c>
      <c r="BL22" s="280">
        <v>1</v>
      </c>
      <c r="BM22" s="280">
        <v>2</v>
      </c>
      <c r="BN22" s="280">
        <v>0</v>
      </c>
      <c r="BO22" s="281">
        <v>6</v>
      </c>
      <c r="BP22" s="282">
        <v>6</v>
      </c>
      <c r="BQ22" s="276">
        <v>0</v>
      </c>
      <c r="BR22" s="280">
        <v>0</v>
      </c>
      <c r="BS22" s="277">
        <v>0</v>
      </c>
      <c r="BT22" s="279">
        <v>0</v>
      </c>
      <c r="BU22" s="280">
        <v>0</v>
      </c>
      <c r="BV22" s="280">
        <v>0</v>
      </c>
      <c r="BW22" s="280">
        <v>0</v>
      </c>
      <c r="BX22" s="280">
        <v>0</v>
      </c>
      <c r="BY22" s="280">
        <v>0</v>
      </c>
      <c r="BZ22" s="277">
        <v>0</v>
      </c>
      <c r="CA22" s="282">
        <v>0</v>
      </c>
      <c r="CB22" s="276">
        <v>0</v>
      </c>
      <c r="CC22" s="280">
        <v>0</v>
      </c>
      <c r="CD22" s="277">
        <v>0</v>
      </c>
      <c r="CE22" s="279">
        <v>0</v>
      </c>
      <c r="CF22" s="280">
        <v>0</v>
      </c>
      <c r="CG22" s="280">
        <v>0</v>
      </c>
      <c r="CH22" s="280">
        <v>0</v>
      </c>
      <c r="CI22" s="280">
        <v>0</v>
      </c>
      <c r="CJ22" s="280">
        <v>0</v>
      </c>
      <c r="CK22" s="277">
        <v>0</v>
      </c>
      <c r="CL22" s="282">
        <v>0</v>
      </c>
      <c r="CM22" s="276">
        <v>0</v>
      </c>
      <c r="CN22" s="280">
        <v>0</v>
      </c>
      <c r="CO22" s="277">
        <v>0</v>
      </c>
      <c r="CP22" s="279">
        <v>0</v>
      </c>
      <c r="CQ22" s="280">
        <v>0</v>
      </c>
      <c r="CR22" s="280">
        <v>0</v>
      </c>
      <c r="CS22" s="280">
        <v>0</v>
      </c>
      <c r="CT22" s="280">
        <v>0</v>
      </c>
      <c r="CU22" s="280">
        <v>0</v>
      </c>
      <c r="CV22" s="277">
        <v>0</v>
      </c>
      <c r="CW22" s="282">
        <v>0</v>
      </c>
    </row>
    <row r="23" spans="2:101" ht="21" customHeight="1" x14ac:dyDescent="0.2">
      <c r="B23" s="261" t="s">
        <v>21</v>
      </c>
      <c r="C23" s="276">
        <v>0</v>
      </c>
      <c r="D23" s="277">
        <v>0</v>
      </c>
      <c r="E23" s="278">
        <v>0</v>
      </c>
      <c r="F23" s="279">
        <v>0</v>
      </c>
      <c r="G23" s="280">
        <v>0</v>
      </c>
      <c r="H23" s="280">
        <v>1</v>
      </c>
      <c r="I23" s="280">
        <v>0</v>
      </c>
      <c r="J23" s="280">
        <v>0</v>
      </c>
      <c r="K23" s="280">
        <v>0</v>
      </c>
      <c r="L23" s="281">
        <v>1</v>
      </c>
      <c r="M23" s="282">
        <v>1</v>
      </c>
      <c r="N23" s="276">
        <v>0</v>
      </c>
      <c r="O23" s="280">
        <v>0</v>
      </c>
      <c r="P23" s="277">
        <v>0</v>
      </c>
      <c r="Q23" s="279">
        <v>0</v>
      </c>
      <c r="R23" s="280">
        <v>0</v>
      </c>
      <c r="S23" s="280">
        <v>0</v>
      </c>
      <c r="T23" s="280">
        <v>0</v>
      </c>
      <c r="U23" s="280">
        <v>0</v>
      </c>
      <c r="V23" s="280">
        <v>0</v>
      </c>
      <c r="W23" s="277">
        <v>0</v>
      </c>
      <c r="X23" s="282">
        <v>0</v>
      </c>
      <c r="Y23" s="276">
        <v>0</v>
      </c>
      <c r="Z23" s="280">
        <v>0</v>
      </c>
      <c r="AA23" s="277">
        <v>0</v>
      </c>
      <c r="AB23" s="279">
        <v>0</v>
      </c>
      <c r="AC23" s="280">
        <v>13</v>
      </c>
      <c r="AD23" s="280">
        <v>10</v>
      </c>
      <c r="AE23" s="280">
        <v>2</v>
      </c>
      <c r="AF23" s="280">
        <v>3</v>
      </c>
      <c r="AG23" s="280">
        <v>0</v>
      </c>
      <c r="AH23" s="277">
        <v>28</v>
      </c>
      <c r="AI23" s="282">
        <v>28</v>
      </c>
      <c r="AJ23" s="276">
        <v>0</v>
      </c>
      <c r="AK23" s="280">
        <v>0</v>
      </c>
      <c r="AL23" s="277">
        <v>0</v>
      </c>
      <c r="AM23" s="279">
        <v>0</v>
      </c>
      <c r="AN23" s="280">
        <v>0</v>
      </c>
      <c r="AO23" s="280">
        <v>0</v>
      </c>
      <c r="AP23" s="280">
        <v>0</v>
      </c>
      <c r="AQ23" s="280">
        <v>0</v>
      </c>
      <c r="AR23" s="280">
        <v>0</v>
      </c>
      <c r="AS23" s="277">
        <v>0</v>
      </c>
      <c r="AT23" s="282">
        <v>0</v>
      </c>
      <c r="AU23" s="276">
        <v>0</v>
      </c>
      <c r="AV23" s="280">
        <v>0</v>
      </c>
      <c r="AW23" s="277">
        <v>0</v>
      </c>
      <c r="AX23" s="279">
        <v>0</v>
      </c>
      <c r="AY23" s="280">
        <v>0</v>
      </c>
      <c r="AZ23" s="280">
        <v>0</v>
      </c>
      <c r="BA23" s="280">
        <v>3</v>
      </c>
      <c r="BB23" s="280">
        <v>0</v>
      </c>
      <c r="BC23" s="280">
        <v>1</v>
      </c>
      <c r="BD23" s="277">
        <v>4</v>
      </c>
      <c r="BE23" s="282">
        <v>4</v>
      </c>
      <c r="BF23" s="276">
        <v>0</v>
      </c>
      <c r="BG23" s="280">
        <v>0</v>
      </c>
      <c r="BH23" s="277">
        <v>0</v>
      </c>
      <c r="BI23" s="279">
        <v>0</v>
      </c>
      <c r="BJ23" s="280">
        <v>2</v>
      </c>
      <c r="BK23" s="280">
        <v>4</v>
      </c>
      <c r="BL23" s="280">
        <v>0</v>
      </c>
      <c r="BM23" s="280">
        <v>1</v>
      </c>
      <c r="BN23" s="280">
        <v>0</v>
      </c>
      <c r="BO23" s="281">
        <v>7</v>
      </c>
      <c r="BP23" s="282">
        <v>7</v>
      </c>
      <c r="BQ23" s="276">
        <v>0</v>
      </c>
      <c r="BR23" s="280">
        <v>0</v>
      </c>
      <c r="BS23" s="277">
        <v>0</v>
      </c>
      <c r="BT23" s="279">
        <v>0</v>
      </c>
      <c r="BU23" s="280">
        <v>0</v>
      </c>
      <c r="BV23" s="280">
        <v>0</v>
      </c>
      <c r="BW23" s="280">
        <v>0</v>
      </c>
      <c r="BX23" s="280">
        <v>0</v>
      </c>
      <c r="BY23" s="280">
        <v>0</v>
      </c>
      <c r="BZ23" s="277">
        <v>0</v>
      </c>
      <c r="CA23" s="282">
        <v>0</v>
      </c>
      <c r="CB23" s="276">
        <v>0</v>
      </c>
      <c r="CC23" s="280">
        <v>0</v>
      </c>
      <c r="CD23" s="277">
        <v>0</v>
      </c>
      <c r="CE23" s="279">
        <v>0</v>
      </c>
      <c r="CF23" s="280">
        <v>0</v>
      </c>
      <c r="CG23" s="280">
        <v>0</v>
      </c>
      <c r="CH23" s="280">
        <v>0</v>
      </c>
      <c r="CI23" s="280">
        <v>0</v>
      </c>
      <c r="CJ23" s="280">
        <v>0</v>
      </c>
      <c r="CK23" s="277">
        <v>0</v>
      </c>
      <c r="CL23" s="282">
        <v>0</v>
      </c>
      <c r="CM23" s="276">
        <v>0</v>
      </c>
      <c r="CN23" s="280">
        <v>0</v>
      </c>
      <c r="CO23" s="277">
        <v>0</v>
      </c>
      <c r="CP23" s="279">
        <v>0</v>
      </c>
      <c r="CQ23" s="280">
        <v>0</v>
      </c>
      <c r="CR23" s="280">
        <v>0</v>
      </c>
      <c r="CS23" s="280">
        <v>0</v>
      </c>
      <c r="CT23" s="280">
        <v>0</v>
      </c>
      <c r="CU23" s="280">
        <v>0</v>
      </c>
      <c r="CV23" s="277">
        <v>0</v>
      </c>
      <c r="CW23" s="282">
        <v>0</v>
      </c>
    </row>
    <row r="24" spans="2:101" ht="21" customHeight="1" x14ac:dyDescent="0.2">
      <c r="B24" s="261" t="s">
        <v>22</v>
      </c>
      <c r="C24" s="276">
        <v>0</v>
      </c>
      <c r="D24" s="277">
        <v>0</v>
      </c>
      <c r="E24" s="278">
        <v>0</v>
      </c>
      <c r="F24" s="279">
        <v>0</v>
      </c>
      <c r="G24" s="280">
        <v>0</v>
      </c>
      <c r="H24" s="280">
        <v>0</v>
      </c>
      <c r="I24" s="280">
        <v>1</v>
      </c>
      <c r="J24" s="280">
        <v>0</v>
      </c>
      <c r="K24" s="280">
        <v>0</v>
      </c>
      <c r="L24" s="281">
        <v>1</v>
      </c>
      <c r="M24" s="282">
        <v>1</v>
      </c>
      <c r="N24" s="276">
        <v>0</v>
      </c>
      <c r="O24" s="280">
        <v>0</v>
      </c>
      <c r="P24" s="277">
        <v>0</v>
      </c>
      <c r="Q24" s="279">
        <v>0</v>
      </c>
      <c r="R24" s="280">
        <v>0</v>
      </c>
      <c r="S24" s="280">
        <v>0</v>
      </c>
      <c r="T24" s="280">
        <v>0</v>
      </c>
      <c r="U24" s="280">
        <v>0</v>
      </c>
      <c r="V24" s="280">
        <v>0</v>
      </c>
      <c r="W24" s="277">
        <v>0</v>
      </c>
      <c r="X24" s="282">
        <v>0</v>
      </c>
      <c r="Y24" s="276">
        <v>0</v>
      </c>
      <c r="Z24" s="280">
        <v>0</v>
      </c>
      <c r="AA24" s="277">
        <v>0</v>
      </c>
      <c r="AB24" s="279">
        <v>0</v>
      </c>
      <c r="AC24" s="280">
        <v>6</v>
      </c>
      <c r="AD24" s="280">
        <v>3</v>
      </c>
      <c r="AE24" s="280">
        <v>1</v>
      </c>
      <c r="AF24" s="280">
        <v>2</v>
      </c>
      <c r="AG24" s="280">
        <v>0</v>
      </c>
      <c r="AH24" s="277">
        <v>12</v>
      </c>
      <c r="AI24" s="282">
        <v>12</v>
      </c>
      <c r="AJ24" s="276">
        <v>0</v>
      </c>
      <c r="AK24" s="280">
        <v>0</v>
      </c>
      <c r="AL24" s="277">
        <v>0</v>
      </c>
      <c r="AM24" s="279">
        <v>0</v>
      </c>
      <c r="AN24" s="280">
        <v>0</v>
      </c>
      <c r="AO24" s="280">
        <v>0</v>
      </c>
      <c r="AP24" s="280">
        <v>1</v>
      </c>
      <c r="AQ24" s="280">
        <v>1</v>
      </c>
      <c r="AR24" s="280">
        <v>0</v>
      </c>
      <c r="AS24" s="277">
        <v>2</v>
      </c>
      <c r="AT24" s="282">
        <v>2</v>
      </c>
      <c r="AU24" s="276">
        <v>0</v>
      </c>
      <c r="AV24" s="280">
        <v>1</v>
      </c>
      <c r="AW24" s="277">
        <v>1</v>
      </c>
      <c r="AX24" s="279">
        <v>0</v>
      </c>
      <c r="AY24" s="280">
        <v>4</v>
      </c>
      <c r="AZ24" s="280">
        <v>3</v>
      </c>
      <c r="BA24" s="280">
        <v>0</v>
      </c>
      <c r="BB24" s="280">
        <v>0</v>
      </c>
      <c r="BC24" s="280">
        <v>0</v>
      </c>
      <c r="BD24" s="277">
        <v>7</v>
      </c>
      <c r="BE24" s="282">
        <v>8</v>
      </c>
      <c r="BF24" s="276">
        <v>0</v>
      </c>
      <c r="BG24" s="280">
        <v>0</v>
      </c>
      <c r="BH24" s="277">
        <v>0</v>
      </c>
      <c r="BI24" s="279">
        <v>0</v>
      </c>
      <c r="BJ24" s="280">
        <v>1</v>
      </c>
      <c r="BK24" s="280">
        <v>3</v>
      </c>
      <c r="BL24" s="280">
        <v>0</v>
      </c>
      <c r="BM24" s="280">
        <v>0</v>
      </c>
      <c r="BN24" s="280">
        <v>0</v>
      </c>
      <c r="BO24" s="281">
        <v>4</v>
      </c>
      <c r="BP24" s="282">
        <v>4</v>
      </c>
      <c r="BQ24" s="276">
        <v>0</v>
      </c>
      <c r="BR24" s="280">
        <v>0</v>
      </c>
      <c r="BS24" s="277">
        <v>0</v>
      </c>
      <c r="BT24" s="279">
        <v>0</v>
      </c>
      <c r="BU24" s="280">
        <v>0</v>
      </c>
      <c r="BV24" s="280">
        <v>0</v>
      </c>
      <c r="BW24" s="280">
        <v>0</v>
      </c>
      <c r="BX24" s="280">
        <v>0</v>
      </c>
      <c r="BY24" s="280">
        <v>0</v>
      </c>
      <c r="BZ24" s="277">
        <v>0</v>
      </c>
      <c r="CA24" s="282">
        <v>0</v>
      </c>
      <c r="CB24" s="276">
        <v>0</v>
      </c>
      <c r="CC24" s="280">
        <v>0</v>
      </c>
      <c r="CD24" s="277">
        <v>0</v>
      </c>
      <c r="CE24" s="279">
        <v>0</v>
      </c>
      <c r="CF24" s="280">
        <v>0</v>
      </c>
      <c r="CG24" s="280">
        <v>0</v>
      </c>
      <c r="CH24" s="280">
        <v>0</v>
      </c>
      <c r="CI24" s="280">
        <v>3</v>
      </c>
      <c r="CJ24" s="280">
        <v>0</v>
      </c>
      <c r="CK24" s="277">
        <v>3</v>
      </c>
      <c r="CL24" s="282">
        <v>3</v>
      </c>
      <c r="CM24" s="276">
        <v>0</v>
      </c>
      <c r="CN24" s="280">
        <v>0</v>
      </c>
      <c r="CO24" s="277">
        <v>0</v>
      </c>
      <c r="CP24" s="279">
        <v>0</v>
      </c>
      <c r="CQ24" s="280">
        <v>0</v>
      </c>
      <c r="CR24" s="280">
        <v>0</v>
      </c>
      <c r="CS24" s="280">
        <v>0</v>
      </c>
      <c r="CT24" s="280">
        <v>0</v>
      </c>
      <c r="CU24" s="280">
        <v>0</v>
      </c>
      <c r="CV24" s="277">
        <v>0</v>
      </c>
      <c r="CW24" s="282">
        <v>0</v>
      </c>
    </row>
    <row r="25" spans="2:101" ht="21" customHeight="1" x14ac:dyDescent="0.2">
      <c r="B25" s="261" t="s">
        <v>23</v>
      </c>
      <c r="C25" s="276">
        <v>0</v>
      </c>
      <c r="D25" s="277">
        <v>0</v>
      </c>
      <c r="E25" s="278">
        <v>0</v>
      </c>
      <c r="F25" s="279">
        <v>0</v>
      </c>
      <c r="G25" s="280">
        <v>0</v>
      </c>
      <c r="H25" s="280">
        <v>0</v>
      </c>
      <c r="I25" s="280">
        <v>0</v>
      </c>
      <c r="J25" s="280">
        <v>0</v>
      </c>
      <c r="K25" s="280">
        <v>0</v>
      </c>
      <c r="L25" s="281">
        <v>0</v>
      </c>
      <c r="M25" s="282">
        <v>0</v>
      </c>
      <c r="N25" s="276">
        <v>0</v>
      </c>
      <c r="O25" s="280">
        <v>0</v>
      </c>
      <c r="P25" s="277">
        <v>0</v>
      </c>
      <c r="Q25" s="279">
        <v>0</v>
      </c>
      <c r="R25" s="280">
        <v>0</v>
      </c>
      <c r="S25" s="280">
        <v>0</v>
      </c>
      <c r="T25" s="280">
        <v>0</v>
      </c>
      <c r="U25" s="280">
        <v>0</v>
      </c>
      <c r="V25" s="280">
        <v>0</v>
      </c>
      <c r="W25" s="277">
        <v>0</v>
      </c>
      <c r="X25" s="282">
        <v>0</v>
      </c>
      <c r="Y25" s="276">
        <v>0</v>
      </c>
      <c r="Z25" s="280">
        <v>0</v>
      </c>
      <c r="AA25" s="277">
        <v>0</v>
      </c>
      <c r="AB25" s="279">
        <v>0</v>
      </c>
      <c r="AC25" s="280">
        <v>5</v>
      </c>
      <c r="AD25" s="280">
        <v>2</v>
      </c>
      <c r="AE25" s="280">
        <v>1</v>
      </c>
      <c r="AF25" s="280">
        <v>1</v>
      </c>
      <c r="AG25" s="280">
        <v>0</v>
      </c>
      <c r="AH25" s="277">
        <v>9</v>
      </c>
      <c r="AI25" s="282">
        <v>9</v>
      </c>
      <c r="AJ25" s="276">
        <v>0</v>
      </c>
      <c r="AK25" s="280">
        <v>0</v>
      </c>
      <c r="AL25" s="277">
        <v>0</v>
      </c>
      <c r="AM25" s="279">
        <v>0</v>
      </c>
      <c r="AN25" s="280">
        <v>0</v>
      </c>
      <c r="AO25" s="280">
        <v>0</v>
      </c>
      <c r="AP25" s="280">
        <v>0</v>
      </c>
      <c r="AQ25" s="280">
        <v>0</v>
      </c>
      <c r="AR25" s="280">
        <v>0</v>
      </c>
      <c r="AS25" s="277">
        <v>0</v>
      </c>
      <c r="AT25" s="282">
        <v>0</v>
      </c>
      <c r="AU25" s="276">
        <v>0</v>
      </c>
      <c r="AV25" s="280">
        <v>0</v>
      </c>
      <c r="AW25" s="277">
        <v>0</v>
      </c>
      <c r="AX25" s="279">
        <v>0</v>
      </c>
      <c r="AY25" s="280">
        <v>0</v>
      </c>
      <c r="AZ25" s="280">
        <v>0</v>
      </c>
      <c r="BA25" s="280">
        <v>0</v>
      </c>
      <c r="BB25" s="280">
        <v>0</v>
      </c>
      <c r="BC25" s="280">
        <v>0</v>
      </c>
      <c r="BD25" s="277">
        <v>0</v>
      </c>
      <c r="BE25" s="282">
        <v>0</v>
      </c>
      <c r="BF25" s="276">
        <v>0</v>
      </c>
      <c r="BG25" s="280">
        <v>0</v>
      </c>
      <c r="BH25" s="277">
        <v>0</v>
      </c>
      <c r="BI25" s="279">
        <v>0</v>
      </c>
      <c r="BJ25" s="280">
        <v>2</v>
      </c>
      <c r="BK25" s="280">
        <v>0</v>
      </c>
      <c r="BL25" s="280">
        <v>3</v>
      </c>
      <c r="BM25" s="280">
        <v>3</v>
      </c>
      <c r="BN25" s="280">
        <v>1</v>
      </c>
      <c r="BO25" s="281">
        <v>9</v>
      </c>
      <c r="BP25" s="282">
        <v>9</v>
      </c>
      <c r="BQ25" s="276">
        <v>0</v>
      </c>
      <c r="BR25" s="280">
        <v>0</v>
      </c>
      <c r="BS25" s="277">
        <v>0</v>
      </c>
      <c r="BT25" s="279">
        <v>0</v>
      </c>
      <c r="BU25" s="280">
        <v>0</v>
      </c>
      <c r="BV25" s="280">
        <v>0</v>
      </c>
      <c r="BW25" s="280">
        <v>0</v>
      </c>
      <c r="BX25" s="280">
        <v>0</v>
      </c>
      <c r="BY25" s="280">
        <v>0</v>
      </c>
      <c r="BZ25" s="277">
        <v>0</v>
      </c>
      <c r="CA25" s="282">
        <v>0</v>
      </c>
      <c r="CB25" s="276">
        <v>0</v>
      </c>
      <c r="CC25" s="280">
        <v>0</v>
      </c>
      <c r="CD25" s="277">
        <v>0</v>
      </c>
      <c r="CE25" s="279">
        <v>0</v>
      </c>
      <c r="CF25" s="280">
        <v>0</v>
      </c>
      <c r="CG25" s="280">
        <v>0</v>
      </c>
      <c r="CH25" s="280">
        <v>0</v>
      </c>
      <c r="CI25" s="280">
        <v>0</v>
      </c>
      <c r="CJ25" s="280">
        <v>0</v>
      </c>
      <c r="CK25" s="277">
        <v>0</v>
      </c>
      <c r="CL25" s="282">
        <v>0</v>
      </c>
      <c r="CM25" s="276">
        <v>0</v>
      </c>
      <c r="CN25" s="280">
        <v>0</v>
      </c>
      <c r="CO25" s="277">
        <v>0</v>
      </c>
      <c r="CP25" s="279">
        <v>0</v>
      </c>
      <c r="CQ25" s="280">
        <v>0</v>
      </c>
      <c r="CR25" s="280">
        <v>0</v>
      </c>
      <c r="CS25" s="280">
        <v>0</v>
      </c>
      <c r="CT25" s="280">
        <v>0</v>
      </c>
      <c r="CU25" s="280">
        <v>0</v>
      </c>
      <c r="CV25" s="277">
        <v>0</v>
      </c>
      <c r="CW25" s="282">
        <v>0</v>
      </c>
    </row>
    <row r="26" spans="2:101" ht="21" customHeight="1" x14ac:dyDescent="0.2">
      <c r="B26" s="261" t="s">
        <v>24</v>
      </c>
      <c r="C26" s="276">
        <v>0</v>
      </c>
      <c r="D26" s="277">
        <v>0</v>
      </c>
      <c r="E26" s="278">
        <v>0</v>
      </c>
      <c r="F26" s="279">
        <v>0</v>
      </c>
      <c r="G26" s="280">
        <v>0</v>
      </c>
      <c r="H26" s="280">
        <v>0</v>
      </c>
      <c r="I26" s="280">
        <v>1</v>
      </c>
      <c r="J26" s="280">
        <v>0</v>
      </c>
      <c r="K26" s="280">
        <v>0</v>
      </c>
      <c r="L26" s="281">
        <v>1</v>
      </c>
      <c r="M26" s="282">
        <v>1</v>
      </c>
      <c r="N26" s="276">
        <v>0</v>
      </c>
      <c r="O26" s="280">
        <v>0</v>
      </c>
      <c r="P26" s="277">
        <v>0</v>
      </c>
      <c r="Q26" s="279">
        <v>0</v>
      </c>
      <c r="R26" s="280">
        <v>0</v>
      </c>
      <c r="S26" s="280">
        <v>0</v>
      </c>
      <c r="T26" s="280">
        <v>0</v>
      </c>
      <c r="U26" s="280">
        <v>0</v>
      </c>
      <c r="V26" s="280">
        <v>0</v>
      </c>
      <c r="W26" s="277">
        <v>0</v>
      </c>
      <c r="X26" s="282">
        <v>0</v>
      </c>
      <c r="Y26" s="276">
        <v>0</v>
      </c>
      <c r="Z26" s="280">
        <v>0</v>
      </c>
      <c r="AA26" s="277">
        <v>0</v>
      </c>
      <c r="AB26" s="279">
        <v>0</v>
      </c>
      <c r="AC26" s="280">
        <v>2</v>
      </c>
      <c r="AD26" s="280">
        <v>0</v>
      </c>
      <c r="AE26" s="280">
        <v>3</v>
      </c>
      <c r="AF26" s="280">
        <v>0</v>
      </c>
      <c r="AG26" s="280">
        <v>0</v>
      </c>
      <c r="AH26" s="277">
        <v>5</v>
      </c>
      <c r="AI26" s="282">
        <v>5</v>
      </c>
      <c r="AJ26" s="276">
        <v>0</v>
      </c>
      <c r="AK26" s="280">
        <v>0</v>
      </c>
      <c r="AL26" s="277">
        <v>0</v>
      </c>
      <c r="AM26" s="279">
        <v>0</v>
      </c>
      <c r="AN26" s="280">
        <v>0</v>
      </c>
      <c r="AO26" s="280">
        <v>0</v>
      </c>
      <c r="AP26" s="280">
        <v>1</v>
      </c>
      <c r="AQ26" s="280">
        <v>0</v>
      </c>
      <c r="AR26" s="280">
        <v>0</v>
      </c>
      <c r="AS26" s="277">
        <v>1</v>
      </c>
      <c r="AT26" s="282">
        <v>1</v>
      </c>
      <c r="AU26" s="276">
        <v>0</v>
      </c>
      <c r="AV26" s="280">
        <v>0</v>
      </c>
      <c r="AW26" s="277">
        <v>0</v>
      </c>
      <c r="AX26" s="279">
        <v>0</v>
      </c>
      <c r="AY26" s="280">
        <v>0</v>
      </c>
      <c r="AZ26" s="280">
        <v>1</v>
      </c>
      <c r="BA26" s="280">
        <v>0</v>
      </c>
      <c r="BB26" s="280">
        <v>0</v>
      </c>
      <c r="BC26" s="280">
        <v>0</v>
      </c>
      <c r="BD26" s="277">
        <v>1</v>
      </c>
      <c r="BE26" s="282">
        <v>1</v>
      </c>
      <c r="BF26" s="276">
        <v>0</v>
      </c>
      <c r="BG26" s="280">
        <v>0</v>
      </c>
      <c r="BH26" s="277">
        <v>0</v>
      </c>
      <c r="BI26" s="279">
        <v>0</v>
      </c>
      <c r="BJ26" s="280">
        <v>0</v>
      </c>
      <c r="BK26" s="280">
        <v>0</v>
      </c>
      <c r="BL26" s="280">
        <v>2</v>
      </c>
      <c r="BM26" s="280">
        <v>0</v>
      </c>
      <c r="BN26" s="280">
        <v>1</v>
      </c>
      <c r="BO26" s="281">
        <v>3</v>
      </c>
      <c r="BP26" s="282">
        <v>3</v>
      </c>
      <c r="BQ26" s="276">
        <v>0</v>
      </c>
      <c r="BR26" s="280">
        <v>0</v>
      </c>
      <c r="BS26" s="277">
        <v>0</v>
      </c>
      <c r="BT26" s="279">
        <v>0</v>
      </c>
      <c r="BU26" s="280">
        <v>0</v>
      </c>
      <c r="BV26" s="280">
        <v>0</v>
      </c>
      <c r="BW26" s="280">
        <v>0</v>
      </c>
      <c r="BX26" s="280">
        <v>0</v>
      </c>
      <c r="BY26" s="280">
        <v>0</v>
      </c>
      <c r="BZ26" s="277">
        <v>0</v>
      </c>
      <c r="CA26" s="282">
        <v>0</v>
      </c>
      <c r="CB26" s="276">
        <v>0</v>
      </c>
      <c r="CC26" s="280">
        <v>0</v>
      </c>
      <c r="CD26" s="277">
        <v>0</v>
      </c>
      <c r="CE26" s="279">
        <v>0</v>
      </c>
      <c r="CF26" s="280">
        <v>0</v>
      </c>
      <c r="CG26" s="280">
        <v>0</v>
      </c>
      <c r="CH26" s="280">
        <v>0</v>
      </c>
      <c r="CI26" s="280">
        <v>0</v>
      </c>
      <c r="CJ26" s="280">
        <v>0</v>
      </c>
      <c r="CK26" s="277">
        <v>0</v>
      </c>
      <c r="CL26" s="282">
        <v>0</v>
      </c>
      <c r="CM26" s="276">
        <v>0</v>
      </c>
      <c r="CN26" s="280">
        <v>0</v>
      </c>
      <c r="CO26" s="277">
        <v>0</v>
      </c>
      <c r="CP26" s="279">
        <v>0</v>
      </c>
      <c r="CQ26" s="280">
        <v>0</v>
      </c>
      <c r="CR26" s="280">
        <v>0</v>
      </c>
      <c r="CS26" s="280">
        <v>0</v>
      </c>
      <c r="CT26" s="280">
        <v>0</v>
      </c>
      <c r="CU26" s="280">
        <v>0</v>
      </c>
      <c r="CV26" s="277">
        <v>0</v>
      </c>
      <c r="CW26" s="282">
        <v>0</v>
      </c>
    </row>
    <row r="27" spans="2:101" ht="21" customHeight="1" x14ac:dyDescent="0.2">
      <c r="B27" s="261" t="s">
        <v>25</v>
      </c>
      <c r="C27" s="276">
        <v>0</v>
      </c>
      <c r="D27" s="277">
        <v>0</v>
      </c>
      <c r="E27" s="278">
        <v>0</v>
      </c>
      <c r="F27" s="279">
        <v>0</v>
      </c>
      <c r="G27" s="280">
        <v>0</v>
      </c>
      <c r="H27" s="280">
        <v>0</v>
      </c>
      <c r="I27" s="280">
        <v>0</v>
      </c>
      <c r="J27" s="280">
        <v>0</v>
      </c>
      <c r="K27" s="280">
        <v>0</v>
      </c>
      <c r="L27" s="281">
        <v>0</v>
      </c>
      <c r="M27" s="282">
        <v>0</v>
      </c>
      <c r="N27" s="276">
        <v>0</v>
      </c>
      <c r="O27" s="280">
        <v>0</v>
      </c>
      <c r="P27" s="277">
        <v>0</v>
      </c>
      <c r="Q27" s="279">
        <v>0</v>
      </c>
      <c r="R27" s="280">
        <v>0</v>
      </c>
      <c r="S27" s="280">
        <v>0</v>
      </c>
      <c r="T27" s="280">
        <v>0</v>
      </c>
      <c r="U27" s="280">
        <v>0</v>
      </c>
      <c r="V27" s="280">
        <v>0</v>
      </c>
      <c r="W27" s="277">
        <v>0</v>
      </c>
      <c r="X27" s="282">
        <v>0</v>
      </c>
      <c r="Y27" s="276">
        <v>0</v>
      </c>
      <c r="Z27" s="280">
        <v>0</v>
      </c>
      <c r="AA27" s="277">
        <v>0</v>
      </c>
      <c r="AB27" s="279">
        <v>0</v>
      </c>
      <c r="AC27" s="280">
        <v>5</v>
      </c>
      <c r="AD27" s="280">
        <v>2</v>
      </c>
      <c r="AE27" s="280">
        <v>0</v>
      </c>
      <c r="AF27" s="280">
        <v>0</v>
      </c>
      <c r="AG27" s="280">
        <v>0</v>
      </c>
      <c r="AH27" s="277">
        <v>7</v>
      </c>
      <c r="AI27" s="282">
        <v>7</v>
      </c>
      <c r="AJ27" s="276">
        <v>0</v>
      </c>
      <c r="AK27" s="280">
        <v>0</v>
      </c>
      <c r="AL27" s="277">
        <v>0</v>
      </c>
      <c r="AM27" s="279">
        <v>0</v>
      </c>
      <c r="AN27" s="280">
        <v>0</v>
      </c>
      <c r="AO27" s="280">
        <v>0</v>
      </c>
      <c r="AP27" s="280">
        <v>0</v>
      </c>
      <c r="AQ27" s="280">
        <v>0</v>
      </c>
      <c r="AR27" s="280">
        <v>0</v>
      </c>
      <c r="AS27" s="277">
        <v>0</v>
      </c>
      <c r="AT27" s="282">
        <v>0</v>
      </c>
      <c r="AU27" s="276">
        <v>1</v>
      </c>
      <c r="AV27" s="280">
        <v>0</v>
      </c>
      <c r="AW27" s="277">
        <v>1</v>
      </c>
      <c r="AX27" s="279">
        <v>0</v>
      </c>
      <c r="AY27" s="280">
        <v>0</v>
      </c>
      <c r="AZ27" s="280">
        <v>0</v>
      </c>
      <c r="BA27" s="280">
        <v>0</v>
      </c>
      <c r="BB27" s="280">
        <v>0</v>
      </c>
      <c r="BC27" s="280">
        <v>0</v>
      </c>
      <c r="BD27" s="277">
        <v>0</v>
      </c>
      <c r="BE27" s="282">
        <v>1</v>
      </c>
      <c r="BF27" s="276">
        <v>0</v>
      </c>
      <c r="BG27" s="280">
        <v>0</v>
      </c>
      <c r="BH27" s="277">
        <v>0</v>
      </c>
      <c r="BI27" s="279">
        <v>0</v>
      </c>
      <c r="BJ27" s="280">
        <v>0</v>
      </c>
      <c r="BK27" s="280">
        <v>0</v>
      </c>
      <c r="BL27" s="280">
        <v>0</v>
      </c>
      <c r="BM27" s="280">
        <v>0</v>
      </c>
      <c r="BN27" s="280">
        <v>0</v>
      </c>
      <c r="BO27" s="281">
        <v>0</v>
      </c>
      <c r="BP27" s="282">
        <v>0</v>
      </c>
      <c r="BQ27" s="276">
        <v>0</v>
      </c>
      <c r="BR27" s="280">
        <v>0</v>
      </c>
      <c r="BS27" s="277">
        <v>0</v>
      </c>
      <c r="BT27" s="279">
        <v>0</v>
      </c>
      <c r="BU27" s="280">
        <v>0</v>
      </c>
      <c r="BV27" s="280">
        <v>0</v>
      </c>
      <c r="BW27" s="280">
        <v>0</v>
      </c>
      <c r="BX27" s="280">
        <v>0</v>
      </c>
      <c r="BY27" s="280">
        <v>0</v>
      </c>
      <c r="BZ27" s="277">
        <v>0</v>
      </c>
      <c r="CA27" s="282">
        <v>0</v>
      </c>
      <c r="CB27" s="276">
        <v>0</v>
      </c>
      <c r="CC27" s="280">
        <v>0</v>
      </c>
      <c r="CD27" s="277">
        <v>0</v>
      </c>
      <c r="CE27" s="279">
        <v>0</v>
      </c>
      <c r="CF27" s="280">
        <v>0</v>
      </c>
      <c r="CG27" s="280">
        <v>0</v>
      </c>
      <c r="CH27" s="280">
        <v>0</v>
      </c>
      <c r="CI27" s="280">
        <v>0</v>
      </c>
      <c r="CJ27" s="280">
        <v>0</v>
      </c>
      <c r="CK27" s="277">
        <v>0</v>
      </c>
      <c r="CL27" s="282">
        <v>0</v>
      </c>
      <c r="CM27" s="276">
        <v>0</v>
      </c>
      <c r="CN27" s="280">
        <v>0</v>
      </c>
      <c r="CO27" s="277">
        <v>0</v>
      </c>
      <c r="CP27" s="279">
        <v>0</v>
      </c>
      <c r="CQ27" s="280">
        <v>0</v>
      </c>
      <c r="CR27" s="280">
        <v>0</v>
      </c>
      <c r="CS27" s="280">
        <v>0</v>
      </c>
      <c r="CT27" s="280">
        <v>0</v>
      </c>
      <c r="CU27" s="280">
        <v>0</v>
      </c>
      <c r="CV27" s="277">
        <v>0</v>
      </c>
      <c r="CW27" s="282">
        <v>0</v>
      </c>
    </row>
    <row r="28" spans="2:101" ht="21" customHeight="1" x14ac:dyDescent="0.2">
      <c r="B28" s="261" t="s">
        <v>26</v>
      </c>
      <c r="C28" s="276">
        <v>0</v>
      </c>
      <c r="D28" s="277">
        <v>0</v>
      </c>
      <c r="E28" s="278">
        <v>0</v>
      </c>
      <c r="F28" s="279">
        <v>0</v>
      </c>
      <c r="G28" s="280">
        <v>0</v>
      </c>
      <c r="H28" s="280">
        <v>0</v>
      </c>
      <c r="I28" s="280">
        <v>0</v>
      </c>
      <c r="J28" s="280">
        <v>0</v>
      </c>
      <c r="K28" s="280">
        <v>0</v>
      </c>
      <c r="L28" s="281">
        <v>0</v>
      </c>
      <c r="M28" s="282">
        <v>0</v>
      </c>
      <c r="N28" s="276">
        <v>0</v>
      </c>
      <c r="O28" s="280">
        <v>0</v>
      </c>
      <c r="P28" s="277">
        <v>0</v>
      </c>
      <c r="Q28" s="279">
        <v>0</v>
      </c>
      <c r="R28" s="280">
        <v>0</v>
      </c>
      <c r="S28" s="280">
        <v>0</v>
      </c>
      <c r="T28" s="280">
        <v>0</v>
      </c>
      <c r="U28" s="280">
        <v>0</v>
      </c>
      <c r="V28" s="280">
        <v>0</v>
      </c>
      <c r="W28" s="277">
        <v>0</v>
      </c>
      <c r="X28" s="282">
        <v>0</v>
      </c>
      <c r="Y28" s="276">
        <v>0</v>
      </c>
      <c r="Z28" s="280">
        <v>0</v>
      </c>
      <c r="AA28" s="277">
        <v>0</v>
      </c>
      <c r="AB28" s="279">
        <v>0</v>
      </c>
      <c r="AC28" s="280">
        <v>3</v>
      </c>
      <c r="AD28" s="280">
        <v>3</v>
      </c>
      <c r="AE28" s="280">
        <v>1</v>
      </c>
      <c r="AF28" s="280">
        <v>0</v>
      </c>
      <c r="AG28" s="280">
        <v>1</v>
      </c>
      <c r="AH28" s="277">
        <v>8</v>
      </c>
      <c r="AI28" s="282">
        <v>8</v>
      </c>
      <c r="AJ28" s="276">
        <v>0</v>
      </c>
      <c r="AK28" s="280">
        <v>0</v>
      </c>
      <c r="AL28" s="277">
        <v>0</v>
      </c>
      <c r="AM28" s="279">
        <v>0</v>
      </c>
      <c r="AN28" s="280">
        <v>0</v>
      </c>
      <c r="AO28" s="280">
        <v>1</v>
      </c>
      <c r="AP28" s="280">
        <v>0</v>
      </c>
      <c r="AQ28" s="280">
        <v>0</v>
      </c>
      <c r="AR28" s="280">
        <v>0</v>
      </c>
      <c r="AS28" s="277">
        <v>1</v>
      </c>
      <c r="AT28" s="282">
        <v>1</v>
      </c>
      <c r="AU28" s="276">
        <v>0</v>
      </c>
      <c r="AV28" s="280">
        <v>0</v>
      </c>
      <c r="AW28" s="277">
        <v>0</v>
      </c>
      <c r="AX28" s="279">
        <v>0</v>
      </c>
      <c r="AY28" s="280">
        <v>0</v>
      </c>
      <c r="AZ28" s="280">
        <v>0</v>
      </c>
      <c r="BA28" s="280">
        <v>0</v>
      </c>
      <c r="BB28" s="280">
        <v>0</v>
      </c>
      <c r="BC28" s="280">
        <v>0</v>
      </c>
      <c r="BD28" s="277">
        <v>0</v>
      </c>
      <c r="BE28" s="282">
        <v>0</v>
      </c>
      <c r="BF28" s="276">
        <v>0</v>
      </c>
      <c r="BG28" s="280">
        <v>0</v>
      </c>
      <c r="BH28" s="277">
        <v>0</v>
      </c>
      <c r="BI28" s="279">
        <v>0</v>
      </c>
      <c r="BJ28" s="280">
        <v>0</v>
      </c>
      <c r="BK28" s="280">
        <v>0</v>
      </c>
      <c r="BL28" s="280">
        <v>1</v>
      </c>
      <c r="BM28" s="280">
        <v>1</v>
      </c>
      <c r="BN28" s="280">
        <v>0</v>
      </c>
      <c r="BO28" s="281">
        <v>2</v>
      </c>
      <c r="BP28" s="282">
        <v>2</v>
      </c>
      <c r="BQ28" s="276">
        <v>0</v>
      </c>
      <c r="BR28" s="280">
        <v>0</v>
      </c>
      <c r="BS28" s="277">
        <v>0</v>
      </c>
      <c r="BT28" s="279">
        <v>0</v>
      </c>
      <c r="BU28" s="280">
        <v>0</v>
      </c>
      <c r="BV28" s="280">
        <v>0</v>
      </c>
      <c r="BW28" s="280">
        <v>0</v>
      </c>
      <c r="BX28" s="280">
        <v>0</v>
      </c>
      <c r="BY28" s="280">
        <v>0</v>
      </c>
      <c r="BZ28" s="277">
        <v>0</v>
      </c>
      <c r="CA28" s="282">
        <v>0</v>
      </c>
      <c r="CB28" s="276">
        <v>0</v>
      </c>
      <c r="CC28" s="280">
        <v>0</v>
      </c>
      <c r="CD28" s="277">
        <v>0</v>
      </c>
      <c r="CE28" s="279">
        <v>0</v>
      </c>
      <c r="CF28" s="280">
        <v>0</v>
      </c>
      <c r="CG28" s="280">
        <v>0</v>
      </c>
      <c r="CH28" s="280">
        <v>0</v>
      </c>
      <c r="CI28" s="280">
        <v>0</v>
      </c>
      <c r="CJ28" s="280">
        <v>0</v>
      </c>
      <c r="CK28" s="277">
        <v>0</v>
      </c>
      <c r="CL28" s="282">
        <v>0</v>
      </c>
      <c r="CM28" s="276">
        <v>0</v>
      </c>
      <c r="CN28" s="280">
        <v>0</v>
      </c>
      <c r="CO28" s="277">
        <v>0</v>
      </c>
      <c r="CP28" s="279">
        <v>0</v>
      </c>
      <c r="CQ28" s="280">
        <v>0</v>
      </c>
      <c r="CR28" s="280">
        <v>0</v>
      </c>
      <c r="CS28" s="280">
        <v>0</v>
      </c>
      <c r="CT28" s="280">
        <v>0</v>
      </c>
      <c r="CU28" s="280">
        <v>0</v>
      </c>
      <c r="CV28" s="277">
        <v>0</v>
      </c>
      <c r="CW28" s="282">
        <v>0</v>
      </c>
    </row>
    <row r="29" spans="2:101" ht="21" customHeight="1" x14ac:dyDescent="0.2">
      <c r="B29" s="261" t="s">
        <v>27</v>
      </c>
      <c r="C29" s="276">
        <v>0</v>
      </c>
      <c r="D29" s="277">
        <v>0</v>
      </c>
      <c r="E29" s="278">
        <v>0</v>
      </c>
      <c r="F29" s="279">
        <v>0</v>
      </c>
      <c r="G29" s="280">
        <v>0</v>
      </c>
      <c r="H29" s="280">
        <v>0</v>
      </c>
      <c r="I29" s="280">
        <v>1</v>
      </c>
      <c r="J29" s="280">
        <v>0</v>
      </c>
      <c r="K29" s="280">
        <v>0</v>
      </c>
      <c r="L29" s="281">
        <v>1</v>
      </c>
      <c r="M29" s="282">
        <v>1</v>
      </c>
      <c r="N29" s="276">
        <v>0</v>
      </c>
      <c r="O29" s="280">
        <v>0</v>
      </c>
      <c r="P29" s="277">
        <v>0</v>
      </c>
      <c r="Q29" s="279">
        <v>0</v>
      </c>
      <c r="R29" s="280">
        <v>0</v>
      </c>
      <c r="S29" s="280">
        <v>0</v>
      </c>
      <c r="T29" s="280">
        <v>0</v>
      </c>
      <c r="U29" s="280">
        <v>0</v>
      </c>
      <c r="V29" s="280">
        <v>0</v>
      </c>
      <c r="W29" s="277">
        <v>0</v>
      </c>
      <c r="X29" s="282">
        <v>0</v>
      </c>
      <c r="Y29" s="276">
        <v>0</v>
      </c>
      <c r="Z29" s="280">
        <v>0</v>
      </c>
      <c r="AA29" s="277">
        <v>0</v>
      </c>
      <c r="AB29" s="279">
        <v>0</v>
      </c>
      <c r="AC29" s="280">
        <v>1</v>
      </c>
      <c r="AD29" s="280">
        <v>0</v>
      </c>
      <c r="AE29" s="280">
        <v>0</v>
      </c>
      <c r="AF29" s="280">
        <v>0</v>
      </c>
      <c r="AG29" s="280">
        <v>0</v>
      </c>
      <c r="AH29" s="277">
        <v>1</v>
      </c>
      <c r="AI29" s="282">
        <v>1</v>
      </c>
      <c r="AJ29" s="276">
        <v>0</v>
      </c>
      <c r="AK29" s="280">
        <v>0</v>
      </c>
      <c r="AL29" s="277">
        <v>0</v>
      </c>
      <c r="AM29" s="279">
        <v>0</v>
      </c>
      <c r="AN29" s="280">
        <v>1</v>
      </c>
      <c r="AO29" s="280">
        <v>1</v>
      </c>
      <c r="AP29" s="280">
        <v>0</v>
      </c>
      <c r="AQ29" s="280">
        <v>1</v>
      </c>
      <c r="AR29" s="280">
        <v>0</v>
      </c>
      <c r="AS29" s="277">
        <v>3</v>
      </c>
      <c r="AT29" s="282">
        <v>3</v>
      </c>
      <c r="AU29" s="276">
        <v>0</v>
      </c>
      <c r="AV29" s="280">
        <v>0</v>
      </c>
      <c r="AW29" s="277">
        <v>0</v>
      </c>
      <c r="AX29" s="279">
        <v>0</v>
      </c>
      <c r="AY29" s="280">
        <v>0</v>
      </c>
      <c r="AZ29" s="280">
        <v>0</v>
      </c>
      <c r="BA29" s="280">
        <v>0</v>
      </c>
      <c r="BB29" s="280">
        <v>0</v>
      </c>
      <c r="BC29" s="280">
        <v>0</v>
      </c>
      <c r="BD29" s="277">
        <v>0</v>
      </c>
      <c r="BE29" s="282">
        <v>0</v>
      </c>
      <c r="BF29" s="276">
        <v>0</v>
      </c>
      <c r="BG29" s="280">
        <v>0</v>
      </c>
      <c r="BH29" s="277">
        <v>0</v>
      </c>
      <c r="BI29" s="279">
        <v>0</v>
      </c>
      <c r="BJ29" s="280">
        <v>0</v>
      </c>
      <c r="BK29" s="280">
        <v>0</v>
      </c>
      <c r="BL29" s="280">
        <v>1</v>
      </c>
      <c r="BM29" s="280">
        <v>1</v>
      </c>
      <c r="BN29" s="280">
        <v>0</v>
      </c>
      <c r="BO29" s="281">
        <v>2</v>
      </c>
      <c r="BP29" s="282">
        <v>2</v>
      </c>
      <c r="BQ29" s="276">
        <v>0</v>
      </c>
      <c r="BR29" s="280">
        <v>0</v>
      </c>
      <c r="BS29" s="277">
        <v>0</v>
      </c>
      <c r="BT29" s="279">
        <v>0</v>
      </c>
      <c r="BU29" s="280">
        <v>0</v>
      </c>
      <c r="BV29" s="280">
        <v>0</v>
      </c>
      <c r="BW29" s="280">
        <v>0</v>
      </c>
      <c r="BX29" s="280">
        <v>0</v>
      </c>
      <c r="BY29" s="280">
        <v>0</v>
      </c>
      <c r="BZ29" s="277">
        <v>0</v>
      </c>
      <c r="CA29" s="282">
        <v>0</v>
      </c>
      <c r="CB29" s="276">
        <v>0</v>
      </c>
      <c r="CC29" s="280">
        <v>0</v>
      </c>
      <c r="CD29" s="277">
        <v>0</v>
      </c>
      <c r="CE29" s="279">
        <v>0</v>
      </c>
      <c r="CF29" s="280">
        <v>0</v>
      </c>
      <c r="CG29" s="280">
        <v>0</v>
      </c>
      <c r="CH29" s="280">
        <v>1</v>
      </c>
      <c r="CI29" s="280">
        <v>0</v>
      </c>
      <c r="CJ29" s="280">
        <v>1</v>
      </c>
      <c r="CK29" s="277">
        <v>2</v>
      </c>
      <c r="CL29" s="282">
        <v>2</v>
      </c>
      <c r="CM29" s="276">
        <v>0</v>
      </c>
      <c r="CN29" s="280">
        <v>0</v>
      </c>
      <c r="CO29" s="277">
        <v>0</v>
      </c>
      <c r="CP29" s="279">
        <v>0</v>
      </c>
      <c r="CQ29" s="280">
        <v>0</v>
      </c>
      <c r="CR29" s="280">
        <v>0</v>
      </c>
      <c r="CS29" s="280">
        <v>0</v>
      </c>
      <c r="CT29" s="280">
        <v>0</v>
      </c>
      <c r="CU29" s="280">
        <v>0</v>
      </c>
      <c r="CV29" s="277">
        <v>0</v>
      </c>
      <c r="CW29" s="282">
        <v>0</v>
      </c>
    </row>
    <row r="30" spans="2:101" ht="21" customHeight="1" x14ac:dyDescent="0.2">
      <c r="B30" s="261" t="s">
        <v>28</v>
      </c>
      <c r="C30" s="276">
        <v>0</v>
      </c>
      <c r="D30" s="277">
        <v>0</v>
      </c>
      <c r="E30" s="278">
        <v>0</v>
      </c>
      <c r="F30" s="279">
        <v>0</v>
      </c>
      <c r="G30" s="280">
        <v>0</v>
      </c>
      <c r="H30" s="280">
        <v>0</v>
      </c>
      <c r="I30" s="280">
        <v>0</v>
      </c>
      <c r="J30" s="280">
        <v>0</v>
      </c>
      <c r="K30" s="280">
        <v>0</v>
      </c>
      <c r="L30" s="281">
        <v>0</v>
      </c>
      <c r="M30" s="282">
        <v>0</v>
      </c>
      <c r="N30" s="276">
        <v>0</v>
      </c>
      <c r="O30" s="280">
        <v>0</v>
      </c>
      <c r="P30" s="277">
        <v>0</v>
      </c>
      <c r="Q30" s="279">
        <v>0</v>
      </c>
      <c r="R30" s="280">
        <v>0</v>
      </c>
      <c r="S30" s="280">
        <v>0</v>
      </c>
      <c r="T30" s="280">
        <v>0</v>
      </c>
      <c r="U30" s="280">
        <v>0</v>
      </c>
      <c r="V30" s="280">
        <v>0</v>
      </c>
      <c r="W30" s="277">
        <v>0</v>
      </c>
      <c r="X30" s="282">
        <v>0</v>
      </c>
      <c r="Y30" s="276">
        <v>0</v>
      </c>
      <c r="Z30" s="280">
        <v>0</v>
      </c>
      <c r="AA30" s="277">
        <v>0</v>
      </c>
      <c r="AB30" s="279">
        <v>0</v>
      </c>
      <c r="AC30" s="280">
        <v>5</v>
      </c>
      <c r="AD30" s="280">
        <v>1</v>
      </c>
      <c r="AE30" s="280">
        <v>1</v>
      </c>
      <c r="AF30" s="280">
        <v>0</v>
      </c>
      <c r="AG30" s="280">
        <v>1</v>
      </c>
      <c r="AH30" s="277">
        <v>8</v>
      </c>
      <c r="AI30" s="282">
        <v>8</v>
      </c>
      <c r="AJ30" s="276">
        <v>0</v>
      </c>
      <c r="AK30" s="280">
        <v>0</v>
      </c>
      <c r="AL30" s="277">
        <v>0</v>
      </c>
      <c r="AM30" s="279">
        <v>0</v>
      </c>
      <c r="AN30" s="280">
        <v>0</v>
      </c>
      <c r="AO30" s="280">
        <v>0</v>
      </c>
      <c r="AP30" s="280">
        <v>0</v>
      </c>
      <c r="AQ30" s="280">
        <v>0</v>
      </c>
      <c r="AR30" s="280">
        <v>0</v>
      </c>
      <c r="AS30" s="277">
        <v>0</v>
      </c>
      <c r="AT30" s="282">
        <v>0</v>
      </c>
      <c r="AU30" s="276">
        <v>0</v>
      </c>
      <c r="AV30" s="280">
        <v>0</v>
      </c>
      <c r="AW30" s="277">
        <v>0</v>
      </c>
      <c r="AX30" s="279">
        <v>0</v>
      </c>
      <c r="AY30" s="280">
        <v>0</v>
      </c>
      <c r="AZ30" s="280">
        <v>0</v>
      </c>
      <c r="BA30" s="280">
        <v>0</v>
      </c>
      <c r="BB30" s="280">
        <v>0</v>
      </c>
      <c r="BC30" s="280">
        <v>0</v>
      </c>
      <c r="BD30" s="277">
        <v>0</v>
      </c>
      <c r="BE30" s="282">
        <v>0</v>
      </c>
      <c r="BF30" s="276">
        <v>0</v>
      </c>
      <c r="BG30" s="280">
        <v>0</v>
      </c>
      <c r="BH30" s="277">
        <v>0</v>
      </c>
      <c r="BI30" s="279">
        <v>0</v>
      </c>
      <c r="BJ30" s="280">
        <v>0</v>
      </c>
      <c r="BK30" s="280">
        <v>0</v>
      </c>
      <c r="BL30" s="280">
        <v>0</v>
      </c>
      <c r="BM30" s="280">
        <v>0</v>
      </c>
      <c r="BN30" s="280">
        <v>2</v>
      </c>
      <c r="BO30" s="281">
        <v>2</v>
      </c>
      <c r="BP30" s="282">
        <v>2</v>
      </c>
      <c r="BQ30" s="276">
        <v>0</v>
      </c>
      <c r="BR30" s="280">
        <v>0</v>
      </c>
      <c r="BS30" s="277">
        <v>0</v>
      </c>
      <c r="BT30" s="279">
        <v>0</v>
      </c>
      <c r="BU30" s="280">
        <v>0</v>
      </c>
      <c r="BV30" s="280">
        <v>0</v>
      </c>
      <c r="BW30" s="280">
        <v>0</v>
      </c>
      <c r="BX30" s="280">
        <v>0</v>
      </c>
      <c r="BY30" s="280">
        <v>0</v>
      </c>
      <c r="BZ30" s="277">
        <v>0</v>
      </c>
      <c r="CA30" s="282">
        <v>0</v>
      </c>
      <c r="CB30" s="276">
        <v>0</v>
      </c>
      <c r="CC30" s="280">
        <v>0</v>
      </c>
      <c r="CD30" s="277">
        <v>0</v>
      </c>
      <c r="CE30" s="279">
        <v>0</v>
      </c>
      <c r="CF30" s="280">
        <v>0</v>
      </c>
      <c r="CG30" s="280">
        <v>0</v>
      </c>
      <c r="CH30" s="280">
        <v>0</v>
      </c>
      <c r="CI30" s="280">
        <v>0</v>
      </c>
      <c r="CJ30" s="280">
        <v>0</v>
      </c>
      <c r="CK30" s="277">
        <v>0</v>
      </c>
      <c r="CL30" s="282">
        <v>0</v>
      </c>
      <c r="CM30" s="276">
        <v>0</v>
      </c>
      <c r="CN30" s="280">
        <v>0</v>
      </c>
      <c r="CO30" s="277">
        <v>0</v>
      </c>
      <c r="CP30" s="279">
        <v>0</v>
      </c>
      <c r="CQ30" s="280">
        <v>0</v>
      </c>
      <c r="CR30" s="280">
        <v>0</v>
      </c>
      <c r="CS30" s="280">
        <v>0</v>
      </c>
      <c r="CT30" s="280">
        <v>0</v>
      </c>
      <c r="CU30" s="280">
        <v>0</v>
      </c>
      <c r="CV30" s="277">
        <v>0</v>
      </c>
      <c r="CW30" s="282">
        <v>0</v>
      </c>
    </row>
    <row r="31" spans="2:101" ht="21" customHeight="1" x14ac:dyDescent="0.2">
      <c r="B31" s="261" t="s">
        <v>29</v>
      </c>
      <c r="C31" s="276">
        <v>0</v>
      </c>
      <c r="D31" s="277">
        <v>0</v>
      </c>
      <c r="E31" s="278">
        <v>0</v>
      </c>
      <c r="F31" s="279">
        <v>0</v>
      </c>
      <c r="G31" s="280">
        <v>0</v>
      </c>
      <c r="H31" s="280">
        <v>0</v>
      </c>
      <c r="I31" s="280">
        <v>0</v>
      </c>
      <c r="J31" s="280">
        <v>0</v>
      </c>
      <c r="K31" s="280">
        <v>0</v>
      </c>
      <c r="L31" s="281">
        <v>0</v>
      </c>
      <c r="M31" s="282">
        <v>0</v>
      </c>
      <c r="N31" s="276">
        <v>0</v>
      </c>
      <c r="O31" s="280">
        <v>0</v>
      </c>
      <c r="P31" s="277">
        <v>0</v>
      </c>
      <c r="Q31" s="279">
        <v>0</v>
      </c>
      <c r="R31" s="280">
        <v>0</v>
      </c>
      <c r="S31" s="280">
        <v>0</v>
      </c>
      <c r="T31" s="280">
        <v>0</v>
      </c>
      <c r="U31" s="280">
        <v>0</v>
      </c>
      <c r="V31" s="280">
        <v>0</v>
      </c>
      <c r="W31" s="277">
        <v>0</v>
      </c>
      <c r="X31" s="282">
        <v>0</v>
      </c>
      <c r="Y31" s="276">
        <v>0</v>
      </c>
      <c r="Z31" s="280">
        <v>0</v>
      </c>
      <c r="AA31" s="277">
        <v>0</v>
      </c>
      <c r="AB31" s="279">
        <v>0</v>
      </c>
      <c r="AC31" s="280">
        <v>3</v>
      </c>
      <c r="AD31" s="280">
        <v>0</v>
      </c>
      <c r="AE31" s="280">
        <v>0</v>
      </c>
      <c r="AF31" s="280">
        <v>0</v>
      </c>
      <c r="AG31" s="280">
        <v>0</v>
      </c>
      <c r="AH31" s="277">
        <v>3</v>
      </c>
      <c r="AI31" s="282">
        <v>3</v>
      </c>
      <c r="AJ31" s="276">
        <v>0</v>
      </c>
      <c r="AK31" s="280">
        <v>0</v>
      </c>
      <c r="AL31" s="277">
        <v>0</v>
      </c>
      <c r="AM31" s="279">
        <v>0</v>
      </c>
      <c r="AN31" s="280">
        <v>0</v>
      </c>
      <c r="AO31" s="280">
        <v>0</v>
      </c>
      <c r="AP31" s="280">
        <v>0</v>
      </c>
      <c r="AQ31" s="280">
        <v>0</v>
      </c>
      <c r="AR31" s="280">
        <v>0</v>
      </c>
      <c r="AS31" s="277">
        <v>0</v>
      </c>
      <c r="AT31" s="282">
        <v>0</v>
      </c>
      <c r="AU31" s="276">
        <v>0</v>
      </c>
      <c r="AV31" s="280">
        <v>0</v>
      </c>
      <c r="AW31" s="277">
        <v>0</v>
      </c>
      <c r="AX31" s="279">
        <v>0</v>
      </c>
      <c r="AY31" s="280">
        <v>0</v>
      </c>
      <c r="AZ31" s="280">
        <v>0</v>
      </c>
      <c r="BA31" s="280">
        <v>0</v>
      </c>
      <c r="BB31" s="280">
        <v>0</v>
      </c>
      <c r="BC31" s="280">
        <v>0</v>
      </c>
      <c r="BD31" s="277">
        <v>0</v>
      </c>
      <c r="BE31" s="282">
        <v>0</v>
      </c>
      <c r="BF31" s="276">
        <v>0</v>
      </c>
      <c r="BG31" s="280">
        <v>0</v>
      </c>
      <c r="BH31" s="277">
        <v>0</v>
      </c>
      <c r="BI31" s="279">
        <v>0</v>
      </c>
      <c r="BJ31" s="280">
        <v>0</v>
      </c>
      <c r="BK31" s="280">
        <v>0</v>
      </c>
      <c r="BL31" s="280">
        <v>0</v>
      </c>
      <c r="BM31" s="280">
        <v>0</v>
      </c>
      <c r="BN31" s="280">
        <v>0</v>
      </c>
      <c r="BO31" s="281">
        <v>0</v>
      </c>
      <c r="BP31" s="282">
        <v>0</v>
      </c>
      <c r="BQ31" s="276">
        <v>0</v>
      </c>
      <c r="BR31" s="280">
        <v>0</v>
      </c>
      <c r="BS31" s="277">
        <v>0</v>
      </c>
      <c r="BT31" s="279">
        <v>0</v>
      </c>
      <c r="BU31" s="280">
        <v>0</v>
      </c>
      <c r="BV31" s="280">
        <v>0</v>
      </c>
      <c r="BW31" s="280">
        <v>0</v>
      </c>
      <c r="BX31" s="280">
        <v>0</v>
      </c>
      <c r="BY31" s="280">
        <v>0</v>
      </c>
      <c r="BZ31" s="277">
        <v>0</v>
      </c>
      <c r="CA31" s="282">
        <v>0</v>
      </c>
      <c r="CB31" s="276">
        <v>0</v>
      </c>
      <c r="CC31" s="280">
        <v>0</v>
      </c>
      <c r="CD31" s="277">
        <v>0</v>
      </c>
      <c r="CE31" s="279">
        <v>0</v>
      </c>
      <c r="CF31" s="280">
        <v>1</v>
      </c>
      <c r="CG31" s="280">
        <v>0</v>
      </c>
      <c r="CH31" s="280">
        <v>0</v>
      </c>
      <c r="CI31" s="280">
        <v>0</v>
      </c>
      <c r="CJ31" s="280">
        <v>0</v>
      </c>
      <c r="CK31" s="277">
        <v>1</v>
      </c>
      <c r="CL31" s="282">
        <v>1</v>
      </c>
      <c r="CM31" s="276">
        <v>0</v>
      </c>
      <c r="CN31" s="280">
        <v>0</v>
      </c>
      <c r="CO31" s="277">
        <v>0</v>
      </c>
      <c r="CP31" s="279">
        <v>0</v>
      </c>
      <c r="CQ31" s="280">
        <v>0</v>
      </c>
      <c r="CR31" s="280">
        <v>0</v>
      </c>
      <c r="CS31" s="280">
        <v>0</v>
      </c>
      <c r="CT31" s="280">
        <v>0</v>
      </c>
      <c r="CU31" s="280">
        <v>0</v>
      </c>
      <c r="CV31" s="277">
        <v>0</v>
      </c>
      <c r="CW31" s="282">
        <v>0</v>
      </c>
    </row>
    <row r="32" spans="2:101" ht="21" customHeight="1" x14ac:dyDescent="0.2">
      <c r="B32" s="261" t="s">
        <v>30</v>
      </c>
      <c r="C32" s="276">
        <v>0</v>
      </c>
      <c r="D32" s="277">
        <v>0</v>
      </c>
      <c r="E32" s="278">
        <v>0</v>
      </c>
      <c r="F32" s="279">
        <v>0</v>
      </c>
      <c r="G32" s="280">
        <v>0</v>
      </c>
      <c r="H32" s="280">
        <v>0</v>
      </c>
      <c r="I32" s="280">
        <v>0</v>
      </c>
      <c r="J32" s="280">
        <v>0</v>
      </c>
      <c r="K32" s="280">
        <v>0</v>
      </c>
      <c r="L32" s="281">
        <v>0</v>
      </c>
      <c r="M32" s="282">
        <v>0</v>
      </c>
      <c r="N32" s="276">
        <v>0</v>
      </c>
      <c r="O32" s="280">
        <v>0</v>
      </c>
      <c r="P32" s="277">
        <v>0</v>
      </c>
      <c r="Q32" s="279">
        <v>0</v>
      </c>
      <c r="R32" s="280">
        <v>0</v>
      </c>
      <c r="S32" s="280">
        <v>0</v>
      </c>
      <c r="T32" s="280">
        <v>0</v>
      </c>
      <c r="U32" s="280">
        <v>0</v>
      </c>
      <c r="V32" s="280">
        <v>0</v>
      </c>
      <c r="W32" s="277">
        <v>0</v>
      </c>
      <c r="X32" s="282">
        <v>0</v>
      </c>
      <c r="Y32" s="276">
        <v>0</v>
      </c>
      <c r="Z32" s="280">
        <v>0</v>
      </c>
      <c r="AA32" s="277">
        <v>0</v>
      </c>
      <c r="AB32" s="279">
        <v>0</v>
      </c>
      <c r="AC32" s="280">
        <v>2</v>
      </c>
      <c r="AD32" s="280">
        <v>0</v>
      </c>
      <c r="AE32" s="280">
        <v>1</v>
      </c>
      <c r="AF32" s="280">
        <v>0</v>
      </c>
      <c r="AG32" s="280">
        <v>0</v>
      </c>
      <c r="AH32" s="277">
        <v>3</v>
      </c>
      <c r="AI32" s="282">
        <v>3</v>
      </c>
      <c r="AJ32" s="276">
        <v>1</v>
      </c>
      <c r="AK32" s="280">
        <v>0</v>
      </c>
      <c r="AL32" s="277">
        <v>1</v>
      </c>
      <c r="AM32" s="279">
        <v>0</v>
      </c>
      <c r="AN32" s="280">
        <v>0</v>
      </c>
      <c r="AO32" s="280">
        <v>0</v>
      </c>
      <c r="AP32" s="280">
        <v>0</v>
      </c>
      <c r="AQ32" s="280">
        <v>0</v>
      </c>
      <c r="AR32" s="280">
        <v>0</v>
      </c>
      <c r="AS32" s="277">
        <v>0</v>
      </c>
      <c r="AT32" s="282">
        <v>1</v>
      </c>
      <c r="AU32" s="276">
        <v>0</v>
      </c>
      <c r="AV32" s="280">
        <v>0</v>
      </c>
      <c r="AW32" s="277">
        <v>0</v>
      </c>
      <c r="AX32" s="279">
        <v>0</v>
      </c>
      <c r="AY32" s="280">
        <v>0</v>
      </c>
      <c r="AZ32" s="280">
        <v>0</v>
      </c>
      <c r="BA32" s="280">
        <v>0</v>
      </c>
      <c r="BB32" s="280">
        <v>0</v>
      </c>
      <c r="BC32" s="280">
        <v>0</v>
      </c>
      <c r="BD32" s="277">
        <v>0</v>
      </c>
      <c r="BE32" s="282">
        <v>0</v>
      </c>
      <c r="BF32" s="276">
        <v>0</v>
      </c>
      <c r="BG32" s="280">
        <v>0</v>
      </c>
      <c r="BH32" s="277">
        <v>0</v>
      </c>
      <c r="BI32" s="279">
        <v>0</v>
      </c>
      <c r="BJ32" s="280">
        <v>0</v>
      </c>
      <c r="BK32" s="280">
        <v>1</v>
      </c>
      <c r="BL32" s="280">
        <v>0</v>
      </c>
      <c r="BM32" s="280">
        <v>1</v>
      </c>
      <c r="BN32" s="280">
        <v>0</v>
      </c>
      <c r="BO32" s="281">
        <v>2</v>
      </c>
      <c r="BP32" s="282">
        <v>2</v>
      </c>
      <c r="BQ32" s="276">
        <v>0</v>
      </c>
      <c r="BR32" s="280">
        <v>0</v>
      </c>
      <c r="BS32" s="277">
        <v>0</v>
      </c>
      <c r="BT32" s="279">
        <v>0</v>
      </c>
      <c r="BU32" s="280">
        <v>0</v>
      </c>
      <c r="BV32" s="280">
        <v>0</v>
      </c>
      <c r="BW32" s="280">
        <v>0</v>
      </c>
      <c r="BX32" s="280">
        <v>0</v>
      </c>
      <c r="BY32" s="280">
        <v>0</v>
      </c>
      <c r="BZ32" s="277">
        <v>0</v>
      </c>
      <c r="CA32" s="282">
        <v>0</v>
      </c>
      <c r="CB32" s="276">
        <v>0</v>
      </c>
      <c r="CC32" s="280">
        <v>0</v>
      </c>
      <c r="CD32" s="277">
        <v>0</v>
      </c>
      <c r="CE32" s="279">
        <v>0</v>
      </c>
      <c r="CF32" s="280">
        <v>0</v>
      </c>
      <c r="CG32" s="280">
        <v>0</v>
      </c>
      <c r="CH32" s="280">
        <v>0</v>
      </c>
      <c r="CI32" s="280">
        <v>0</v>
      </c>
      <c r="CJ32" s="280">
        <v>0</v>
      </c>
      <c r="CK32" s="277">
        <v>0</v>
      </c>
      <c r="CL32" s="282">
        <v>0</v>
      </c>
      <c r="CM32" s="276">
        <v>0</v>
      </c>
      <c r="CN32" s="280">
        <v>0</v>
      </c>
      <c r="CO32" s="277">
        <v>0</v>
      </c>
      <c r="CP32" s="279">
        <v>0</v>
      </c>
      <c r="CQ32" s="280">
        <v>0</v>
      </c>
      <c r="CR32" s="280">
        <v>0</v>
      </c>
      <c r="CS32" s="280">
        <v>0</v>
      </c>
      <c r="CT32" s="280">
        <v>0</v>
      </c>
      <c r="CU32" s="280">
        <v>0</v>
      </c>
      <c r="CV32" s="277">
        <v>0</v>
      </c>
      <c r="CW32" s="282">
        <v>0</v>
      </c>
    </row>
    <row r="33" spans="2:101" ht="21" customHeight="1" x14ac:dyDescent="0.2">
      <c r="B33" s="261" t="s">
        <v>31</v>
      </c>
      <c r="C33" s="276">
        <v>0</v>
      </c>
      <c r="D33" s="277">
        <v>0</v>
      </c>
      <c r="E33" s="278">
        <v>0</v>
      </c>
      <c r="F33" s="279">
        <v>0</v>
      </c>
      <c r="G33" s="280">
        <v>0</v>
      </c>
      <c r="H33" s="280">
        <v>0</v>
      </c>
      <c r="I33" s="280">
        <v>0</v>
      </c>
      <c r="J33" s="280">
        <v>0</v>
      </c>
      <c r="K33" s="280">
        <v>0</v>
      </c>
      <c r="L33" s="281">
        <v>0</v>
      </c>
      <c r="M33" s="282">
        <v>0</v>
      </c>
      <c r="N33" s="276">
        <v>0</v>
      </c>
      <c r="O33" s="280">
        <v>0</v>
      </c>
      <c r="P33" s="277">
        <v>0</v>
      </c>
      <c r="Q33" s="279">
        <v>0</v>
      </c>
      <c r="R33" s="280">
        <v>0</v>
      </c>
      <c r="S33" s="280">
        <v>0</v>
      </c>
      <c r="T33" s="280">
        <v>0</v>
      </c>
      <c r="U33" s="280">
        <v>0</v>
      </c>
      <c r="V33" s="280">
        <v>0</v>
      </c>
      <c r="W33" s="277">
        <v>0</v>
      </c>
      <c r="X33" s="282">
        <v>0</v>
      </c>
      <c r="Y33" s="276">
        <v>0</v>
      </c>
      <c r="Z33" s="280">
        <v>0</v>
      </c>
      <c r="AA33" s="277">
        <v>0</v>
      </c>
      <c r="AB33" s="279">
        <v>0</v>
      </c>
      <c r="AC33" s="280">
        <v>1</v>
      </c>
      <c r="AD33" s="280">
        <v>2</v>
      </c>
      <c r="AE33" s="280">
        <v>0</v>
      </c>
      <c r="AF33" s="280">
        <v>1</v>
      </c>
      <c r="AG33" s="280">
        <v>0</v>
      </c>
      <c r="AH33" s="277">
        <v>4</v>
      </c>
      <c r="AI33" s="282">
        <v>4</v>
      </c>
      <c r="AJ33" s="276">
        <v>0</v>
      </c>
      <c r="AK33" s="280">
        <v>0</v>
      </c>
      <c r="AL33" s="277">
        <v>0</v>
      </c>
      <c r="AM33" s="279">
        <v>0</v>
      </c>
      <c r="AN33" s="280">
        <v>0</v>
      </c>
      <c r="AO33" s="280">
        <v>0</v>
      </c>
      <c r="AP33" s="280">
        <v>1</v>
      </c>
      <c r="AQ33" s="280">
        <v>0</v>
      </c>
      <c r="AR33" s="280">
        <v>0</v>
      </c>
      <c r="AS33" s="277">
        <v>1</v>
      </c>
      <c r="AT33" s="282">
        <v>1</v>
      </c>
      <c r="AU33" s="276">
        <v>0</v>
      </c>
      <c r="AV33" s="280">
        <v>0</v>
      </c>
      <c r="AW33" s="277">
        <v>0</v>
      </c>
      <c r="AX33" s="279">
        <v>0</v>
      </c>
      <c r="AY33" s="280">
        <v>1</v>
      </c>
      <c r="AZ33" s="280">
        <v>0</v>
      </c>
      <c r="BA33" s="280">
        <v>0</v>
      </c>
      <c r="BB33" s="280">
        <v>0</v>
      </c>
      <c r="BC33" s="280">
        <v>0</v>
      </c>
      <c r="BD33" s="277">
        <v>1</v>
      </c>
      <c r="BE33" s="282">
        <v>1</v>
      </c>
      <c r="BF33" s="276">
        <v>0</v>
      </c>
      <c r="BG33" s="280">
        <v>0</v>
      </c>
      <c r="BH33" s="277">
        <v>0</v>
      </c>
      <c r="BI33" s="279">
        <v>0</v>
      </c>
      <c r="BJ33" s="280">
        <v>0</v>
      </c>
      <c r="BK33" s="280">
        <v>2</v>
      </c>
      <c r="BL33" s="280">
        <v>0</v>
      </c>
      <c r="BM33" s="280">
        <v>1</v>
      </c>
      <c r="BN33" s="280">
        <v>0</v>
      </c>
      <c r="BO33" s="281">
        <v>3</v>
      </c>
      <c r="BP33" s="282">
        <v>3</v>
      </c>
      <c r="BQ33" s="276">
        <v>0</v>
      </c>
      <c r="BR33" s="280">
        <v>0</v>
      </c>
      <c r="BS33" s="277">
        <v>0</v>
      </c>
      <c r="BT33" s="279">
        <v>0</v>
      </c>
      <c r="BU33" s="280">
        <v>0</v>
      </c>
      <c r="BV33" s="280">
        <v>0</v>
      </c>
      <c r="BW33" s="280">
        <v>0</v>
      </c>
      <c r="BX33" s="280">
        <v>0</v>
      </c>
      <c r="BY33" s="280">
        <v>0</v>
      </c>
      <c r="BZ33" s="277">
        <v>0</v>
      </c>
      <c r="CA33" s="282">
        <v>0</v>
      </c>
      <c r="CB33" s="276">
        <v>0</v>
      </c>
      <c r="CC33" s="280">
        <v>0</v>
      </c>
      <c r="CD33" s="277">
        <v>0</v>
      </c>
      <c r="CE33" s="279">
        <v>0</v>
      </c>
      <c r="CF33" s="280">
        <v>0</v>
      </c>
      <c r="CG33" s="280">
        <v>0</v>
      </c>
      <c r="CH33" s="280">
        <v>0</v>
      </c>
      <c r="CI33" s="280">
        <v>0</v>
      </c>
      <c r="CJ33" s="280">
        <v>0</v>
      </c>
      <c r="CK33" s="277">
        <v>0</v>
      </c>
      <c r="CL33" s="282">
        <v>0</v>
      </c>
      <c r="CM33" s="276">
        <v>0</v>
      </c>
      <c r="CN33" s="280">
        <v>0</v>
      </c>
      <c r="CO33" s="277">
        <v>0</v>
      </c>
      <c r="CP33" s="279">
        <v>0</v>
      </c>
      <c r="CQ33" s="280">
        <v>0</v>
      </c>
      <c r="CR33" s="280">
        <v>0</v>
      </c>
      <c r="CS33" s="280">
        <v>0</v>
      </c>
      <c r="CT33" s="280">
        <v>0</v>
      </c>
      <c r="CU33" s="280">
        <v>0</v>
      </c>
      <c r="CV33" s="277">
        <v>0</v>
      </c>
      <c r="CW33" s="282">
        <v>0</v>
      </c>
    </row>
    <row r="34" spans="2:101" ht="21" customHeight="1" x14ac:dyDescent="0.2">
      <c r="B34" s="261" t="s">
        <v>32</v>
      </c>
      <c r="C34" s="276">
        <v>0</v>
      </c>
      <c r="D34" s="277">
        <v>0</v>
      </c>
      <c r="E34" s="278">
        <v>0</v>
      </c>
      <c r="F34" s="279">
        <v>0</v>
      </c>
      <c r="G34" s="280">
        <v>0</v>
      </c>
      <c r="H34" s="280">
        <v>0</v>
      </c>
      <c r="I34" s="280">
        <v>0</v>
      </c>
      <c r="J34" s="280">
        <v>0</v>
      </c>
      <c r="K34" s="280">
        <v>0</v>
      </c>
      <c r="L34" s="281">
        <v>0</v>
      </c>
      <c r="M34" s="282">
        <v>0</v>
      </c>
      <c r="N34" s="276">
        <v>0</v>
      </c>
      <c r="O34" s="280">
        <v>0</v>
      </c>
      <c r="P34" s="277">
        <v>0</v>
      </c>
      <c r="Q34" s="279">
        <v>0</v>
      </c>
      <c r="R34" s="280">
        <v>0</v>
      </c>
      <c r="S34" s="280">
        <v>0</v>
      </c>
      <c r="T34" s="280">
        <v>0</v>
      </c>
      <c r="U34" s="280">
        <v>0</v>
      </c>
      <c r="V34" s="280">
        <v>0</v>
      </c>
      <c r="W34" s="277">
        <v>0</v>
      </c>
      <c r="X34" s="282">
        <v>0</v>
      </c>
      <c r="Y34" s="276">
        <v>0</v>
      </c>
      <c r="Z34" s="280">
        <v>0</v>
      </c>
      <c r="AA34" s="277">
        <v>0</v>
      </c>
      <c r="AB34" s="279">
        <v>0</v>
      </c>
      <c r="AC34" s="280">
        <v>2</v>
      </c>
      <c r="AD34" s="280">
        <v>2</v>
      </c>
      <c r="AE34" s="280">
        <v>0</v>
      </c>
      <c r="AF34" s="280">
        <v>0</v>
      </c>
      <c r="AG34" s="280">
        <v>1</v>
      </c>
      <c r="AH34" s="277">
        <v>5</v>
      </c>
      <c r="AI34" s="282">
        <v>5</v>
      </c>
      <c r="AJ34" s="276">
        <v>0</v>
      </c>
      <c r="AK34" s="280">
        <v>0</v>
      </c>
      <c r="AL34" s="277">
        <v>0</v>
      </c>
      <c r="AM34" s="279">
        <v>0</v>
      </c>
      <c r="AN34" s="280">
        <v>0</v>
      </c>
      <c r="AO34" s="280">
        <v>0</v>
      </c>
      <c r="AP34" s="280">
        <v>0</v>
      </c>
      <c r="AQ34" s="280">
        <v>0</v>
      </c>
      <c r="AR34" s="280">
        <v>0</v>
      </c>
      <c r="AS34" s="277">
        <v>0</v>
      </c>
      <c r="AT34" s="282">
        <v>0</v>
      </c>
      <c r="AU34" s="276">
        <v>0</v>
      </c>
      <c r="AV34" s="280">
        <v>0</v>
      </c>
      <c r="AW34" s="277">
        <v>0</v>
      </c>
      <c r="AX34" s="279">
        <v>0</v>
      </c>
      <c r="AY34" s="280">
        <v>0</v>
      </c>
      <c r="AZ34" s="280">
        <v>0</v>
      </c>
      <c r="BA34" s="280">
        <v>0</v>
      </c>
      <c r="BB34" s="280">
        <v>0</v>
      </c>
      <c r="BC34" s="280">
        <v>0</v>
      </c>
      <c r="BD34" s="277">
        <v>0</v>
      </c>
      <c r="BE34" s="282">
        <v>0</v>
      </c>
      <c r="BF34" s="276">
        <v>0</v>
      </c>
      <c r="BG34" s="280">
        <v>0</v>
      </c>
      <c r="BH34" s="277">
        <v>0</v>
      </c>
      <c r="BI34" s="279">
        <v>0</v>
      </c>
      <c r="BJ34" s="280">
        <v>0</v>
      </c>
      <c r="BK34" s="280">
        <v>0</v>
      </c>
      <c r="BL34" s="280">
        <v>1</v>
      </c>
      <c r="BM34" s="280">
        <v>0</v>
      </c>
      <c r="BN34" s="280">
        <v>0</v>
      </c>
      <c r="BO34" s="281">
        <v>1</v>
      </c>
      <c r="BP34" s="282">
        <v>1</v>
      </c>
      <c r="BQ34" s="276">
        <v>0</v>
      </c>
      <c r="BR34" s="280">
        <v>0</v>
      </c>
      <c r="BS34" s="277">
        <v>0</v>
      </c>
      <c r="BT34" s="279">
        <v>0</v>
      </c>
      <c r="BU34" s="280">
        <v>0</v>
      </c>
      <c r="BV34" s="280">
        <v>0</v>
      </c>
      <c r="BW34" s="280">
        <v>0</v>
      </c>
      <c r="BX34" s="280">
        <v>0</v>
      </c>
      <c r="BY34" s="280">
        <v>0</v>
      </c>
      <c r="BZ34" s="277">
        <v>0</v>
      </c>
      <c r="CA34" s="282">
        <v>0</v>
      </c>
      <c r="CB34" s="276">
        <v>0</v>
      </c>
      <c r="CC34" s="280">
        <v>0</v>
      </c>
      <c r="CD34" s="277">
        <v>0</v>
      </c>
      <c r="CE34" s="279">
        <v>0</v>
      </c>
      <c r="CF34" s="280">
        <v>0</v>
      </c>
      <c r="CG34" s="280">
        <v>0</v>
      </c>
      <c r="CH34" s="280">
        <v>1</v>
      </c>
      <c r="CI34" s="280">
        <v>0</v>
      </c>
      <c r="CJ34" s="280">
        <v>0</v>
      </c>
      <c r="CK34" s="277">
        <v>1</v>
      </c>
      <c r="CL34" s="282">
        <v>1</v>
      </c>
      <c r="CM34" s="276">
        <v>0</v>
      </c>
      <c r="CN34" s="280">
        <v>0</v>
      </c>
      <c r="CO34" s="277">
        <v>0</v>
      </c>
      <c r="CP34" s="279">
        <v>0</v>
      </c>
      <c r="CQ34" s="280">
        <v>0</v>
      </c>
      <c r="CR34" s="280">
        <v>0</v>
      </c>
      <c r="CS34" s="280">
        <v>0</v>
      </c>
      <c r="CT34" s="280">
        <v>0</v>
      </c>
      <c r="CU34" s="280">
        <v>0</v>
      </c>
      <c r="CV34" s="277">
        <v>0</v>
      </c>
      <c r="CW34" s="282">
        <v>0</v>
      </c>
    </row>
    <row r="35" spans="2:101" ht="21" customHeight="1" x14ac:dyDescent="0.2">
      <c r="B35" s="261" t="s">
        <v>33</v>
      </c>
      <c r="C35" s="276">
        <v>0</v>
      </c>
      <c r="D35" s="277">
        <v>0</v>
      </c>
      <c r="E35" s="278">
        <v>0</v>
      </c>
      <c r="F35" s="279">
        <v>0</v>
      </c>
      <c r="G35" s="280">
        <v>0</v>
      </c>
      <c r="H35" s="280">
        <v>0</v>
      </c>
      <c r="I35" s="280">
        <v>0</v>
      </c>
      <c r="J35" s="280">
        <v>0</v>
      </c>
      <c r="K35" s="280">
        <v>0</v>
      </c>
      <c r="L35" s="281">
        <v>0</v>
      </c>
      <c r="M35" s="282">
        <v>0</v>
      </c>
      <c r="N35" s="276">
        <v>0</v>
      </c>
      <c r="O35" s="280">
        <v>0</v>
      </c>
      <c r="P35" s="277">
        <v>0</v>
      </c>
      <c r="Q35" s="279">
        <v>0</v>
      </c>
      <c r="R35" s="280">
        <v>0</v>
      </c>
      <c r="S35" s="280">
        <v>0</v>
      </c>
      <c r="T35" s="280">
        <v>0</v>
      </c>
      <c r="U35" s="280">
        <v>0</v>
      </c>
      <c r="V35" s="280">
        <v>0</v>
      </c>
      <c r="W35" s="277">
        <v>0</v>
      </c>
      <c r="X35" s="282">
        <v>0</v>
      </c>
      <c r="Y35" s="276">
        <v>0</v>
      </c>
      <c r="Z35" s="280">
        <v>0</v>
      </c>
      <c r="AA35" s="277">
        <v>0</v>
      </c>
      <c r="AB35" s="279">
        <v>0</v>
      </c>
      <c r="AC35" s="280">
        <v>1</v>
      </c>
      <c r="AD35" s="280">
        <v>0</v>
      </c>
      <c r="AE35" s="280">
        <v>0</v>
      </c>
      <c r="AF35" s="280">
        <v>0</v>
      </c>
      <c r="AG35" s="280">
        <v>0</v>
      </c>
      <c r="AH35" s="277">
        <v>1</v>
      </c>
      <c r="AI35" s="282">
        <v>1</v>
      </c>
      <c r="AJ35" s="276">
        <v>0</v>
      </c>
      <c r="AK35" s="280">
        <v>0</v>
      </c>
      <c r="AL35" s="277">
        <v>0</v>
      </c>
      <c r="AM35" s="279">
        <v>0</v>
      </c>
      <c r="AN35" s="280">
        <v>0</v>
      </c>
      <c r="AO35" s="280">
        <v>0</v>
      </c>
      <c r="AP35" s="280">
        <v>0</v>
      </c>
      <c r="AQ35" s="280">
        <v>0</v>
      </c>
      <c r="AR35" s="280">
        <v>0</v>
      </c>
      <c r="AS35" s="277">
        <v>0</v>
      </c>
      <c r="AT35" s="282">
        <v>0</v>
      </c>
      <c r="AU35" s="276">
        <v>0</v>
      </c>
      <c r="AV35" s="280">
        <v>0</v>
      </c>
      <c r="AW35" s="277">
        <v>0</v>
      </c>
      <c r="AX35" s="279">
        <v>0</v>
      </c>
      <c r="AY35" s="280">
        <v>0</v>
      </c>
      <c r="AZ35" s="280">
        <v>0</v>
      </c>
      <c r="BA35" s="280">
        <v>0</v>
      </c>
      <c r="BB35" s="280">
        <v>0</v>
      </c>
      <c r="BC35" s="280">
        <v>0</v>
      </c>
      <c r="BD35" s="277">
        <v>0</v>
      </c>
      <c r="BE35" s="282">
        <v>0</v>
      </c>
      <c r="BF35" s="276">
        <v>0</v>
      </c>
      <c r="BG35" s="280">
        <v>0</v>
      </c>
      <c r="BH35" s="277">
        <v>0</v>
      </c>
      <c r="BI35" s="279">
        <v>0</v>
      </c>
      <c r="BJ35" s="280">
        <v>0</v>
      </c>
      <c r="BK35" s="280">
        <v>0</v>
      </c>
      <c r="BL35" s="280">
        <v>0</v>
      </c>
      <c r="BM35" s="280">
        <v>0</v>
      </c>
      <c r="BN35" s="280">
        <v>0</v>
      </c>
      <c r="BO35" s="281">
        <v>0</v>
      </c>
      <c r="BP35" s="282">
        <v>0</v>
      </c>
      <c r="BQ35" s="276">
        <v>0</v>
      </c>
      <c r="BR35" s="280">
        <v>0</v>
      </c>
      <c r="BS35" s="277">
        <v>0</v>
      </c>
      <c r="BT35" s="279">
        <v>0</v>
      </c>
      <c r="BU35" s="280">
        <v>0</v>
      </c>
      <c r="BV35" s="280">
        <v>0</v>
      </c>
      <c r="BW35" s="280">
        <v>0</v>
      </c>
      <c r="BX35" s="280">
        <v>0</v>
      </c>
      <c r="BY35" s="280">
        <v>0</v>
      </c>
      <c r="BZ35" s="277">
        <v>0</v>
      </c>
      <c r="CA35" s="282">
        <v>0</v>
      </c>
      <c r="CB35" s="276">
        <v>0</v>
      </c>
      <c r="CC35" s="280">
        <v>0</v>
      </c>
      <c r="CD35" s="277">
        <v>0</v>
      </c>
      <c r="CE35" s="279">
        <v>0</v>
      </c>
      <c r="CF35" s="280">
        <v>0</v>
      </c>
      <c r="CG35" s="280">
        <v>0</v>
      </c>
      <c r="CH35" s="280">
        <v>0</v>
      </c>
      <c r="CI35" s="280">
        <v>0</v>
      </c>
      <c r="CJ35" s="280">
        <v>0</v>
      </c>
      <c r="CK35" s="277">
        <v>0</v>
      </c>
      <c r="CL35" s="282">
        <v>0</v>
      </c>
      <c r="CM35" s="276">
        <v>0</v>
      </c>
      <c r="CN35" s="280">
        <v>0</v>
      </c>
      <c r="CO35" s="277">
        <v>0</v>
      </c>
      <c r="CP35" s="279">
        <v>0</v>
      </c>
      <c r="CQ35" s="280">
        <v>1</v>
      </c>
      <c r="CR35" s="280">
        <v>0</v>
      </c>
      <c r="CS35" s="280">
        <v>1</v>
      </c>
      <c r="CT35" s="280">
        <v>0</v>
      </c>
      <c r="CU35" s="280">
        <v>0</v>
      </c>
      <c r="CV35" s="277">
        <v>2</v>
      </c>
      <c r="CW35" s="282">
        <v>2</v>
      </c>
    </row>
    <row r="36" spans="2:101" ht="21" customHeight="1" x14ac:dyDescent="0.2">
      <c r="B36" s="261" t="s">
        <v>34</v>
      </c>
      <c r="C36" s="276">
        <v>0</v>
      </c>
      <c r="D36" s="277">
        <v>0</v>
      </c>
      <c r="E36" s="278">
        <v>0</v>
      </c>
      <c r="F36" s="279">
        <v>0</v>
      </c>
      <c r="G36" s="280">
        <v>0</v>
      </c>
      <c r="H36" s="280">
        <v>0</v>
      </c>
      <c r="I36" s="280">
        <v>0</v>
      </c>
      <c r="J36" s="280">
        <v>0</v>
      </c>
      <c r="K36" s="280">
        <v>0</v>
      </c>
      <c r="L36" s="281">
        <v>0</v>
      </c>
      <c r="M36" s="282">
        <v>0</v>
      </c>
      <c r="N36" s="276">
        <v>0</v>
      </c>
      <c r="O36" s="280">
        <v>0</v>
      </c>
      <c r="P36" s="277">
        <v>0</v>
      </c>
      <c r="Q36" s="279">
        <v>0</v>
      </c>
      <c r="R36" s="280">
        <v>0</v>
      </c>
      <c r="S36" s="280">
        <v>0</v>
      </c>
      <c r="T36" s="280">
        <v>0</v>
      </c>
      <c r="U36" s="280">
        <v>0</v>
      </c>
      <c r="V36" s="280">
        <v>0</v>
      </c>
      <c r="W36" s="277">
        <v>0</v>
      </c>
      <c r="X36" s="282">
        <v>0</v>
      </c>
      <c r="Y36" s="276">
        <v>0</v>
      </c>
      <c r="Z36" s="280">
        <v>0</v>
      </c>
      <c r="AA36" s="277">
        <v>0</v>
      </c>
      <c r="AB36" s="279">
        <v>0</v>
      </c>
      <c r="AC36" s="280">
        <v>2</v>
      </c>
      <c r="AD36" s="280">
        <v>0</v>
      </c>
      <c r="AE36" s="280">
        <v>0</v>
      </c>
      <c r="AF36" s="280">
        <v>0</v>
      </c>
      <c r="AG36" s="280">
        <v>0</v>
      </c>
      <c r="AH36" s="277">
        <v>2</v>
      </c>
      <c r="AI36" s="282">
        <v>2</v>
      </c>
      <c r="AJ36" s="276">
        <v>0</v>
      </c>
      <c r="AK36" s="280">
        <v>0</v>
      </c>
      <c r="AL36" s="277">
        <v>0</v>
      </c>
      <c r="AM36" s="279">
        <v>0</v>
      </c>
      <c r="AN36" s="280">
        <v>0</v>
      </c>
      <c r="AO36" s="280">
        <v>0</v>
      </c>
      <c r="AP36" s="280">
        <v>0</v>
      </c>
      <c r="AQ36" s="280">
        <v>0</v>
      </c>
      <c r="AR36" s="280">
        <v>0</v>
      </c>
      <c r="AS36" s="277">
        <v>0</v>
      </c>
      <c r="AT36" s="282">
        <v>0</v>
      </c>
      <c r="AU36" s="276">
        <v>0</v>
      </c>
      <c r="AV36" s="280">
        <v>0</v>
      </c>
      <c r="AW36" s="277">
        <v>0</v>
      </c>
      <c r="AX36" s="279">
        <v>0</v>
      </c>
      <c r="AY36" s="280">
        <v>1</v>
      </c>
      <c r="AZ36" s="280">
        <v>0</v>
      </c>
      <c r="BA36" s="280">
        <v>0</v>
      </c>
      <c r="BB36" s="280">
        <v>0</v>
      </c>
      <c r="BC36" s="280">
        <v>0</v>
      </c>
      <c r="BD36" s="277">
        <v>1</v>
      </c>
      <c r="BE36" s="282">
        <v>1</v>
      </c>
      <c r="BF36" s="276">
        <v>0</v>
      </c>
      <c r="BG36" s="280">
        <v>0</v>
      </c>
      <c r="BH36" s="277">
        <v>0</v>
      </c>
      <c r="BI36" s="279">
        <v>0</v>
      </c>
      <c r="BJ36" s="280">
        <v>0</v>
      </c>
      <c r="BK36" s="280">
        <v>0</v>
      </c>
      <c r="BL36" s="280">
        <v>0</v>
      </c>
      <c r="BM36" s="280">
        <v>0</v>
      </c>
      <c r="BN36" s="280">
        <v>0</v>
      </c>
      <c r="BO36" s="281">
        <v>0</v>
      </c>
      <c r="BP36" s="282">
        <v>0</v>
      </c>
      <c r="BQ36" s="276">
        <v>0</v>
      </c>
      <c r="BR36" s="280">
        <v>0</v>
      </c>
      <c r="BS36" s="277">
        <v>0</v>
      </c>
      <c r="BT36" s="279">
        <v>0</v>
      </c>
      <c r="BU36" s="280">
        <v>0</v>
      </c>
      <c r="BV36" s="280">
        <v>0</v>
      </c>
      <c r="BW36" s="280">
        <v>0</v>
      </c>
      <c r="BX36" s="280">
        <v>0</v>
      </c>
      <c r="BY36" s="280">
        <v>0</v>
      </c>
      <c r="BZ36" s="277">
        <v>0</v>
      </c>
      <c r="CA36" s="282">
        <v>0</v>
      </c>
      <c r="CB36" s="276">
        <v>0</v>
      </c>
      <c r="CC36" s="280">
        <v>0</v>
      </c>
      <c r="CD36" s="277">
        <v>0</v>
      </c>
      <c r="CE36" s="279">
        <v>0</v>
      </c>
      <c r="CF36" s="280">
        <v>0</v>
      </c>
      <c r="CG36" s="280">
        <v>0</v>
      </c>
      <c r="CH36" s="280">
        <v>0</v>
      </c>
      <c r="CI36" s="280">
        <v>0</v>
      </c>
      <c r="CJ36" s="280">
        <v>0</v>
      </c>
      <c r="CK36" s="277">
        <v>0</v>
      </c>
      <c r="CL36" s="282">
        <v>0</v>
      </c>
      <c r="CM36" s="276">
        <v>0</v>
      </c>
      <c r="CN36" s="280">
        <v>0</v>
      </c>
      <c r="CO36" s="277">
        <v>0</v>
      </c>
      <c r="CP36" s="279">
        <v>0</v>
      </c>
      <c r="CQ36" s="280">
        <v>0</v>
      </c>
      <c r="CR36" s="280">
        <v>1</v>
      </c>
      <c r="CS36" s="280">
        <v>0</v>
      </c>
      <c r="CT36" s="280">
        <v>0</v>
      </c>
      <c r="CU36" s="280">
        <v>0</v>
      </c>
      <c r="CV36" s="277">
        <v>1</v>
      </c>
      <c r="CW36" s="282">
        <v>1</v>
      </c>
    </row>
    <row r="37" spans="2:101" ht="21" customHeight="1" x14ac:dyDescent="0.2">
      <c r="B37" s="261" t="s">
        <v>35</v>
      </c>
      <c r="C37" s="276">
        <v>0</v>
      </c>
      <c r="D37" s="277">
        <v>0</v>
      </c>
      <c r="E37" s="278">
        <v>0</v>
      </c>
      <c r="F37" s="279">
        <v>0</v>
      </c>
      <c r="G37" s="280">
        <v>0</v>
      </c>
      <c r="H37" s="280">
        <v>1</v>
      </c>
      <c r="I37" s="280">
        <v>0</v>
      </c>
      <c r="J37" s="280">
        <v>0</v>
      </c>
      <c r="K37" s="280">
        <v>0</v>
      </c>
      <c r="L37" s="281">
        <v>1</v>
      </c>
      <c r="M37" s="282">
        <v>1</v>
      </c>
      <c r="N37" s="276">
        <v>0</v>
      </c>
      <c r="O37" s="280">
        <v>0</v>
      </c>
      <c r="P37" s="277">
        <v>0</v>
      </c>
      <c r="Q37" s="279">
        <v>0</v>
      </c>
      <c r="R37" s="280">
        <v>0</v>
      </c>
      <c r="S37" s="280">
        <v>0</v>
      </c>
      <c r="T37" s="280">
        <v>0</v>
      </c>
      <c r="U37" s="280">
        <v>0</v>
      </c>
      <c r="V37" s="280">
        <v>0</v>
      </c>
      <c r="W37" s="277">
        <v>0</v>
      </c>
      <c r="X37" s="282">
        <v>0</v>
      </c>
      <c r="Y37" s="276">
        <v>0</v>
      </c>
      <c r="Z37" s="280">
        <v>0</v>
      </c>
      <c r="AA37" s="277">
        <v>0</v>
      </c>
      <c r="AB37" s="279">
        <v>0</v>
      </c>
      <c r="AC37" s="280">
        <v>0</v>
      </c>
      <c r="AD37" s="280">
        <v>0</v>
      </c>
      <c r="AE37" s="280">
        <v>0</v>
      </c>
      <c r="AF37" s="280">
        <v>0</v>
      </c>
      <c r="AG37" s="280">
        <v>0</v>
      </c>
      <c r="AH37" s="277">
        <v>0</v>
      </c>
      <c r="AI37" s="282">
        <v>0</v>
      </c>
      <c r="AJ37" s="276">
        <v>0</v>
      </c>
      <c r="AK37" s="280">
        <v>0</v>
      </c>
      <c r="AL37" s="277">
        <v>0</v>
      </c>
      <c r="AM37" s="279">
        <v>0</v>
      </c>
      <c r="AN37" s="280">
        <v>0</v>
      </c>
      <c r="AO37" s="280">
        <v>0</v>
      </c>
      <c r="AP37" s="280">
        <v>0</v>
      </c>
      <c r="AQ37" s="280">
        <v>0</v>
      </c>
      <c r="AR37" s="280">
        <v>0</v>
      </c>
      <c r="AS37" s="277">
        <v>0</v>
      </c>
      <c r="AT37" s="282">
        <v>0</v>
      </c>
      <c r="AU37" s="276">
        <v>0</v>
      </c>
      <c r="AV37" s="280">
        <v>0</v>
      </c>
      <c r="AW37" s="277">
        <v>0</v>
      </c>
      <c r="AX37" s="279">
        <v>0</v>
      </c>
      <c r="AY37" s="280">
        <v>0</v>
      </c>
      <c r="AZ37" s="280">
        <v>0</v>
      </c>
      <c r="BA37" s="280">
        <v>0</v>
      </c>
      <c r="BB37" s="280">
        <v>0</v>
      </c>
      <c r="BC37" s="280">
        <v>0</v>
      </c>
      <c r="BD37" s="277">
        <v>0</v>
      </c>
      <c r="BE37" s="282">
        <v>0</v>
      </c>
      <c r="BF37" s="276">
        <v>0</v>
      </c>
      <c r="BG37" s="280">
        <v>0</v>
      </c>
      <c r="BH37" s="277">
        <v>0</v>
      </c>
      <c r="BI37" s="279">
        <v>0</v>
      </c>
      <c r="BJ37" s="280">
        <v>0</v>
      </c>
      <c r="BK37" s="280">
        <v>1</v>
      </c>
      <c r="BL37" s="280">
        <v>0</v>
      </c>
      <c r="BM37" s="280">
        <v>0</v>
      </c>
      <c r="BN37" s="280">
        <v>0</v>
      </c>
      <c r="BO37" s="281">
        <v>1</v>
      </c>
      <c r="BP37" s="282">
        <v>1</v>
      </c>
      <c r="BQ37" s="276">
        <v>0</v>
      </c>
      <c r="BR37" s="280">
        <v>0</v>
      </c>
      <c r="BS37" s="277">
        <v>0</v>
      </c>
      <c r="BT37" s="279">
        <v>0</v>
      </c>
      <c r="BU37" s="280">
        <v>0</v>
      </c>
      <c r="BV37" s="280">
        <v>0</v>
      </c>
      <c r="BW37" s="280">
        <v>0</v>
      </c>
      <c r="BX37" s="280">
        <v>0</v>
      </c>
      <c r="BY37" s="280">
        <v>0</v>
      </c>
      <c r="BZ37" s="277">
        <v>0</v>
      </c>
      <c r="CA37" s="282">
        <v>0</v>
      </c>
      <c r="CB37" s="276">
        <v>0</v>
      </c>
      <c r="CC37" s="280">
        <v>0</v>
      </c>
      <c r="CD37" s="277">
        <v>0</v>
      </c>
      <c r="CE37" s="279">
        <v>0</v>
      </c>
      <c r="CF37" s="280">
        <v>0</v>
      </c>
      <c r="CG37" s="280">
        <v>0</v>
      </c>
      <c r="CH37" s="280">
        <v>0</v>
      </c>
      <c r="CI37" s="280">
        <v>0</v>
      </c>
      <c r="CJ37" s="280">
        <v>0</v>
      </c>
      <c r="CK37" s="277">
        <v>0</v>
      </c>
      <c r="CL37" s="282">
        <v>0</v>
      </c>
      <c r="CM37" s="276">
        <v>0</v>
      </c>
      <c r="CN37" s="280">
        <v>0</v>
      </c>
      <c r="CO37" s="277">
        <v>0</v>
      </c>
      <c r="CP37" s="279">
        <v>0</v>
      </c>
      <c r="CQ37" s="280">
        <v>0</v>
      </c>
      <c r="CR37" s="280">
        <v>0</v>
      </c>
      <c r="CS37" s="280">
        <v>0</v>
      </c>
      <c r="CT37" s="280">
        <v>0</v>
      </c>
      <c r="CU37" s="280">
        <v>0</v>
      </c>
      <c r="CV37" s="277">
        <v>0</v>
      </c>
      <c r="CW37" s="282">
        <v>0</v>
      </c>
    </row>
    <row r="38" spans="2:101" ht="21" customHeight="1" x14ac:dyDescent="0.2">
      <c r="B38" s="261" t="s">
        <v>36</v>
      </c>
      <c r="C38" s="276">
        <v>0</v>
      </c>
      <c r="D38" s="277">
        <v>0</v>
      </c>
      <c r="E38" s="278">
        <v>0</v>
      </c>
      <c r="F38" s="279">
        <v>0</v>
      </c>
      <c r="G38" s="280">
        <v>0</v>
      </c>
      <c r="H38" s="280">
        <v>0</v>
      </c>
      <c r="I38" s="280">
        <v>0</v>
      </c>
      <c r="J38" s="280">
        <v>0</v>
      </c>
      <c r="K38" s="280">
        <v>0</v>
      </c>
      <c r="L38" s="281">
        <v>0</v>
      </c>
      <c r="M38" s="282">
        <v>0</v>
      </c>
      <c r="N38" s="276">
        <v>0</v>
      </c>
      <c r="O38" s="280">
        <v>0</v>
      </c>
      <c r="P38" s="277">
        <v>0</v>
      </c>
      <c r="Q38" s="279">
        <v>0</v>
      </c>
      <c r="R38" s="280">
        <v>0</v>
      </c>
      <c r="S38" s="280">
        <v>0</v>
      </c>
      <c r="T38" s="280">
        <v>0</v>
      </c>
      <c r="U38" s="280">
        <v>0</v>
      </c>
      <c r="V38" s="280">
        <v>0</v>
      </c>
      <c r="W38" s="277">
        <v>0</v>
      </c>
      <c r="X38" s="282">
        <v>0</v>
      </c>
      <c r="Y38" s="276">
        <v>0</v>
      </c>
      <c r="Z38" s="280">
        <v>0</v>
      </c>
      <c r="AA38" s="277">
        <v>0</v>
      </c>
      <c r="AB38" s="279">
        <v>0</v>
      </c>
      <c r="AC38" s="280">
        <v>3</v>
      </c>
      <c r="AD38" s="280">
        <v>2</v>
      </c>
      <c r="AE38" s="280">
        <v>0</v>
      </c>
      <c r="AF38" s="280">
        <v>0</v>
      </c>
      <c r="AG38" s="280">
        <v>0</v>
      </c>
      <c r="AH38" s="277">
        <v>5</v>
      </c>
      <c r="AI38" s="282">
        <v>5</v>
      </c>
      <c r="AJ38" s="276">
        <v>0</v>
      </c>
      <c r="AK38" s="280">
        <v>0</v>
      </c>
      <c r="AL38" s="277">
        <v>0</v>
      </c>
      <c r="AM38" s="279">
        <v>0</v>
      </c>
      <c r="AN38" s="280">
        <v>0</v>
      </c>
      <c r="AO38" s="280">
        <v>0</v>
      </c>
      <c r="AP38" s="280">
        <v>0</v>
      </c>
      <c r="AQ38" s="280">
        <v>0</v>
      </c>
      <c r="AR38" s="280">
        <v>0</v>
      </c>
      <c r="AS38" s="277">
        <v>0</v>
      </c>
      <c r="AT38" s="282">
        <v>0</v>
      </c>
      <c r="AU38" s="276">
        <v>0</v>
      </c>
      <c r="AV38" s="280">
        <v>0</v>
      </c>
      <c r="AW38" s="277">
        <v>0</v>
      </c>
      <c r="AX38" s="279">
        <v>0</v>
      </c>
      <c r="AY38" s="280">
        <v>0</v>
      </c>
      <c r="AZ38" s="280">
        <v>0</v>
      </c>
      <c r="BA38" s="280">
        <v>0</v>
      </c>
      <c r="BB38" s="280">
        <v>0</v>
      </c>
      <c r="BC38" s="280">
        <v>0</v>
      </c>
      <c r="BD38" s="277">
        <v>0</v>
      </c>
      <c r="BE38" s="282">
        <v>0</v>
      </c>
      <c r="BF38" s="276">
        <v>0</v>
      </c>
      <c r="BG38" s="280">
        <v>0</v>
      </c>
      <c r="BH38" s="277">
        <v>0</v>
      </c>
      <c r="BI38" s="279">
        <v>0</v>
      </c>
      <c r="BJ38" s="280">
        <v>0</v>
      </c>
      <c r="BK38" s="280">
        <v>1</v>
      </c>
      <c r="BL38" s="280">
        <v>0</v>
      </c>
      <c r="BM38" s="280">
        <v>0</v>
      </c>
      <c r="BN38" s="280">
        <v>0</v>
      </c>
      <c r="BO38" s="281">
        <v>1</v>
      </c>
      <c r="BP38" s="282">
        <v>1</v>
      </c>
      <c r="BQ38" s="276">
        <v>0</v>
      </c>
      <c r="BR38" s="280">
        <v>0</v>
      </c>
      <c r="BS38" s="277">
        <v>0</v>
      </c>
      <c r="BT38" s="279">
        <v>0</v>
      </c>
      <c r="BU38" s="280">
        <v>0</v>
      </c>
      <c r="BV38" s="280">
        <v>0</v>
      </c>
      <c r="BW38" s="280">
        <v>0</v>
      </c>
      <c r="BX38" s="280">
        <v>0</v>
      </c>
      <c r="BY38" s="280">
        <v>0</v>
      </c>
      <c r="BZ38" s="277">
        <v>0</v>
      </c>
      <c r="CA38" s="282">
        <v>0</v>
      </c>
      <c r="CB38" s="276">
        <v>0</v>
      </c>
      <c r="CC38" s="280">
        <v>0</v>
      </c>
      <c r="CD38" s="277">
        <v>0</v>
      </c>
      <c r="CE38" s="279">
        <v>0</v>
      </c>
      <c r="CF38" s="280">
        <v>0</v>
      </c>
      <c r="CG38" s="280">
        <v>0</v>
      </c>
      <c r="CH38" s="280">
        <v>0</v>
      </c>
      <c r="CI38" s="280">
        <v>0</v>
      </c>
      <c r="CJ38" s="280">
        <v>0</v>
      </c>
      <c r="CK38" s="277">
        <v>0</v>
      </c>
      <c r="CL38" s="282">
        <v>0</v>
      </c>
      <c r="CM38" s="276">
        <v>0</v>
      </c>
      <c r="CN38" s="280">
        <v>0</v>
      </c>
      <c r="CO38" s="277">
        <v>0</v>
      </c>
      <c r="CP38" s="279">
        <v>0</v>
      </c>
      <c r="CQ38" s="280">
        <v>0</v>
      </c>
      <c r="CR38" s="280">
        <v>0</v>
      </c>
      <c r="CS38" s="280">
        <v>0</v>
      </c>
      <c r="CT38" s="280">
        <v>0</v>
      </c>
      <c r="CU38" s="280">
        <v>0</v>
      </c>
      <c r="CV38" s="277">
        <v>0</v>
      </c>
      <c r="CW38" s="282">
        <v>0</v>
      </c>
    </row>
    <row r="39" spans="2:101" ht="21" customHeight="1" thickBot="1" x14ac:dyDescent="0.25">
      <c r="B39" s="262" t="s">
        <v>37</v>
      </c>
      <c r="C39" s="283">
        <v>0</v>
      </c>
      <c r="D39" s="284">
        <v>0</v>
      </c>
      <c r="E39" s="285">
        <v>0</v>
      </c>
      <c r="F39" s="286">
        <v>0</v>
      </c>
      <c r="G39" s="287">
        <v>0</v>
      </c>
      <c r="H39" s="287">
        <v>0</v>
      </c>
      <c r="I39" s="287">
        <v>0</v>
      </c>
      <c r="J39" s="287">
        <v>0</v>
      </c>
      <c r="K39" s="287">
        <v>0</v>
      </c>
      <c r="L39" s="288">
        <v>0</v>
      </c>
      <c r="M39" s="289">
        <v>0</v>
      </c>
      <c r="N39" s="283">
        <v>0</v>
      </c>
      <c r="O39" s="287">
        <v>0</v>
      </c>
      <c r="P39" s="284">
        <v>0</v>
      </c>
      <c r="Q39" s="286">
        <v>0</v>
      </c>
      <c r="R39" s="287">
        <v>0</v>
      </c>
      <c r="S39" s="287">
        <v>0</v>
      </c>
      <c r="T39" s="287">
        <v>0</v>
      </c>
      <c r="U39" s="287">
        <v>0</v>
      </c>
      <c r="V39" s="287">
        <v>0</v>
      </c>
      <c r="W39" s="284">
        <v>0</v>
      </c>
      <c r="X39" s="289">
        <v>0</v>
      </c>
      <c r="Y39" s="283">
        <v>0</v>
      </c>
      <c r="Z39" s="287">
        <v>0</v>
      </c>
      <c r="AA39" s="284">
        <v>0</v>
      </c>
      <c r="AB39" s="286">
        <v>0</v>
      </c>
      <c r="AC39" s="287">
        <v>0</v>
      </c>
      <c r="AD39" s="287">
        <v>0</v>
      </c>
      <c r="AE39" s="287">
        <v>0</v>
      </c>
      <c r="AF39" s="287">
        <v>0</v>
      </c>
      <c r="AG39" s="287">
        <v>0</v>
      </c>
      <c r="AH39" s="284">
        <v>0</v>
      </c>
      <c r="AI39" s="289">
        <v>0</v>
      </c>
      <c r="AJ39" s="283">
        <v>0</v>
      </c>
      <c r="AK39" s="287">
        <v>0</v>
      </c>
      <c r="AL39" s="284">
        <v>0</v>
      </c>
      <c r="AM39" s="286">
        <v>0</v>
      </c>
      <c r="AN39" s="287">
        <v>0</v>
      </c>
      <c r="AO39" s="287">
        <v>0</v>
      </c>
      <c r="AP39" s="287">
        <v>0</v>
      </c>
      <c r="AQ39" s="287">
        <v>0</v>
      </c>
      <c r="AR39" s="287">
        <v>0</v>
      </c>
      <c r="AS39" s="284">
        <v>0</v>
      </c>
      <c r="AT39" s="289">
        <v>0</v>
      </c>
      <c r="AU39" s="283">
        <v>0</v>
      </c>
      <c r="AV39" s="287">
        <v>0</v>
      </c>
      <c r="AW39" s="284">
        <v>0</v>
      </c>
      <c r="AX39" s="286">
        <v>0</v>
      </c>
      <c r="AY39" s="287">
        <v>0</v>
      </c>
      <c r="AZ39" s="287">
        <v>0</v>
      </c>
      <c r="BA39" s="287">
        <v>0</v>
      </c>
      <c r="BB39" s="287">
        <v>0</v>
      </c>
      <c r="BC39" s="287">
        <v>0</v>
      </c>
      <c r="BD39" s="284">
        <v>0</v>
      </c>
      <c r="BE39" s="289">
        <v>0</v>
      </c>
      <c r="BF39" s="283">
        <v>0</v>
      </c>
      <c r="BG39" s="287">
        <v>0</v>
      </c>
      <c r="BH39" s="284">
        <v>0</v>
      </c>
      <c r="BI39" s="286">
        <v>0</v>
      </c>
      <c r="BJ39" s="287">
        <v>0</v>
      </c>
      <c r="BK39" s="287">
        <v>0</v>
      </c>
      <c r="BL39" s="287">
        <v>0</v>
      </c>
      <c r="BM39" s="287">
        <v>0</v>
      </c>
      <c r="BN39" s="287">
        <v>0</v>
      </c>
      <c r="BO39" s="288">
        <v>0</v>
      </c>
      <c r="BP39" s="289">
        <v>0</v>
      </c>
      <c r="BQ39" s="283">
        <v>0</v>
      </c>
      <c r="BR39" s="287">
        <v>0</v>
      </c>
      <c r="BS39" s="284">
        <v>0</v>
      </c>
      <c r="BT39" s="286">
        <v>0</v>
      </c>
      <c r="BU39" s="287">
        <v>0</v>
      </c>
      <c r="BV39" s="287">
        <v>0</v>
      </c>
      <c r="BW39" s="287">
        <v>0</v>
      </c>
      <c r="BX39" s="287">
        <v>0</v>
      </c>
      <c r="BY39" s="287">
        <v>0</v>
      </c>
      <c r="BZ39" s="284">
        <v>0</v>
      </c>
      <c r="CA39" s="289">
        <v>0</v>
      </c>
      <c r="CB39" s="283">
        <v>0</v>
      </c>
      <c r="CC39" s="287">
        <v>0</v>
      </c>
      <c r="CD39" s="284">
        <v>0</v>
      </c>
      <c r="CE39" s="286">
        <v>0</v>
      </c>
      <c r="CF39" s="287">
        <v>0</v>
      </c>
      <c r="CG39" s="287">
        <v>0</v>
      </c>
      <c r="CH39" s="287">
        <v>0</v>
      </c>
      <c r="CI39" s="287">
        <v>0</v>
      </c>
      <c r="CJ39" s="287">
        <v>0</v>
      </c>
      <c r="CK39" s="284">
        <v>0</v>
      </c>
      <c r="CL39" s="289">
        <v>0</v>
      </c>
      <c r="CM39" s="283">
        <v>0</v>
      </c>
      <c r="CN39" s="287">
        <v>0</v>
      </c>
      <c r="CO39" s="284">
        <v>0</v>
      </c>
      <c r="CP39" s="286">
        <v>0</v>
      </c>
      <c r="CQ39" s="287">
        <v>0</v>
      </c>
      <c r="CR39" s="287">
        <v>0</v>
      </c>
      <c r="CS39" s="287">
        <v>0</v>
      </c>
      <c r="CT39" s="287">
        <v>0</v>
      </c>
      <c r="CU39" s="287">
        <v>0</v>
      </c>
      <c r="CV39" s="284">
        <v>0</v>
      </c>
      <c r="CW39" s="289">
        <v>0</v>
      </c>
    </row>
  </sheetData>
  <mergeCells count="39">
    <mergeCell ref="Y3:AI3"/>
    <mergeCell ref="Y4:AA4"/>
    <mergeCell ref="AB4:AH4"/>
    <mergeCell ref="AI4:AI5"/>
    <mergeCell ref="AJ3:AT3"/>
    <mergeCell ref="AM4:AS4"/>
    <mergeCell ref="AT4:AT5"/>
    <mergeCell ref="I1:J1"/>
    <mergeCell ref="L1:M1"/>
    <mergeCell ref="B3:B5"/>
    <mergeCell ref="C3:M3"/>
    <mergeCell ref="N3:X3"/>
    <mergeCell ref="X4:X5"/>
    <mergeCell ref="C4:E4"/>
    <mergeCell ref="F4:L4"/>
    <mergeCell ref="M4:M5"/>
    <mergeCell ref="N4:P4"/>
    <mergeCell ref="Q4:W4"/>
    <mergeCell ref="AU4:AW4"/>
    <mergeCell ref="AJ4:AL4"/>
    <mergeCell ref="AX4:BD4"/>
    <mergeCell ref="CB4:CD4"/>
    <mergeCell ref="AU3:BE3"/>
    <mergeCell ref="BE4:BE5"/>
    <mergeCell ref="BF3:BP3"/>
    <mergeCell ref="BP4:BP5"/>
    <mergeCell ref="BQ3:CA3"/>
    <mergeCell ref="CA4:CA5"/>
    <mergeCell ref="CM3:CW3"/>
    <mergeCell ref="CM4:CO4"/>
    <mergeCell ref="CP4:CV4"/>
    <mergeCell ref="CE4:CK4"/>
    <mergeCell ref="BF4:BH4"/>
    <mergeCell ref="BI4:BO4"/>
    <mergeCell ref="BQ4:BS4"/>
    <mergeCell ref="BT4:BZ4"/>
    <mergeCell ref="CB3:CL3"/>
    <mergeCell ref="CL4:CL5"/>
    <mergeCell ref="CW4:CW5"/>
  </mergeCells>
  <phoneticPr fontId="4"/>
  <pageMargins left="0.70866141732283472" right="0.70866141732283472" top="0.74803149606299213" bottom="0.74803149606299213" header="0.31496062992125984" footer="0.31496062992125984"/>
  <pageSetup paperSize="9" scale="60" orientation="landscape" r:id="rId1"/>
  <headerFooter>
    <oddFooter>&amp;L&amp;20&amp;A&amp;C&amp;P/&amp;N</oddFooter>
  </headerFooter>
  <colBreaks count="3" manualBreakCount="3">
    <brk id="24" max="1048575" man="1"/>
    <brk id="46" max="1048575" man="1"/>
    <brk id="68" max="1048575" man="1"/>
  </colBreaks>
</worksheet>
</file>

<file path=xl/worksheets/sheet1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sheetPr>
  <dimension ref="A1:CW39"/>
  <sheetViews>
    <sheetView zoomScaleNormal="100" workbookViewId="0">
      <pane xSplit="2" ySplit="6" topLeftCell="C7" activePane="bottomRight" state="frozen"/>
      <selection pane="topRight" activeCell="B1" sqref="B1"/>
      <selection pane="bottomLeft" activeCell="A7" sqref="A7"/>
      <selection pane="bottomRight" activeCell="B1" sqref="B1"/>
    </sheetView>
  </sheetViews>
  <sheetFormatPr defaultColWidth="9" defaultRowHeight="13.2" x14ac:dyDescent="0.2"/>
  <cols>
    <col min="1" max="1" width="2.77734375" style="44" customWidth="1"/>
    <col min="2" max="4" width="9" style="255"/>
    <col min="5" max="5" width="10.33203125" style="255" customWidth="1"/>
    <col min="6" max="6" width="7.6640625" style="255" customWidth="1"/>
    <col min="7" max="7" width="8.44140625" style="255" customWidth="1"/>
    <col min="8" max="8" width="8.77734375" style="255" customWidth="1"/>
    <col min="9" max="16" width="9" style="255"/>
    <col min="17" max="17" width="7.21875" style="255" customWidth="1"/>
    <col min="18" max="27" width="9" style="255"/>
    <col min="28" max="28" width="7.6640625" style="255" customWidth="1"/>
    <col min="29" max="38" width="9" style="255"/>
    <col min="39" max="39" width="7.6640625" style="255" customWidth="1"/>
    <col min="40" max="49" width="9" style="255"/>
    <col min="50" max="50" width="7.6640625" style="255" customWidth="1"/>
    <col min="51" max="60" width="9" style="255"/>
    <col min="61" max="61" width="7.21875" style="255" customWidth="1"/>
    <col min="62" max="71" width="9" style="255"/>
    <col min="72" max="72" width="7.21875" style="255" customWidth="1"/>
    <col min="73" max="82" width="9" style="255"/>
    <col min="83" max="83" width="7.33203125" style="255" customWidth="1"/>
    <col min="84" max="93" width="9" style="255"/>
    <col min="94" max="94" width="7.44140625" style="255" customWidth="1"/>
    <col min="95" max="16384" width="9" style="255"/>
  </cols>
  <sheetData>
    <row r="1" spans="1:101" ht="24" customHeight="1" x14ac:dyDescent="0.2">
      <c r="B1" s="290" t="s">
        <v>124</v>
      </c>
      <c r="I1" s="524">
        <f>第１表!F2</f>
        <v>5</v>
      </c>
      <c r="J1" s="524"/>
      <c r="K1" s="248">
        <f>第１表!G2</f>
        <v>2</v>
      </c>
      <c r="L1" s="529">
        <f>IF(K1&lt;3,K1+12-2,K1-2)</f>
        <v>12</v>
      </c>
      <c r="M1" s="529"/>
    </row>
    <row r="2" spans="1:101" s="291" customFormat="1" ht="24" customHeight="1" thickBot="1" x14ac:dyDescent="0.25">
      <c r="A2" s="44"/>
      <c r="B2" s="290" t="s">
        <v>155</v>
      </c>
    </row>
    <row r="3" spans="1:101" ht="21" customHeight="1" thickBot="1" x14ac:dyDescent="0.25">
      <c r="B3" s="537"/>
      <c r="C3" s="540" t="s">
        <v>94</v>
      </c>
      <c r="D3" s="541"/>
      <c r="E3" s="541"/>
      <c r="F3" s="541"/>
      <c r="G3" s="541"/>
      <c r="H3" s="541"/>
      <c r="I3" s="541"/>
      <c r="J3" s="541"/>
      <c r="K3" s="541"/>
      <c r="L3" s="541"/>
      <c r="M3" s="542"/>
      <c r="N3" s="540" t="s">
        <v>88</v>
      </c>
      <c r="O3" s="541"/>
      <c r="P3" s="541"/>
      <c r="Q3" s="541"/>
      <c r="R3" s="541"/>
      <c r="S3" s="541"/>
      <c r="T3" s="541"/>
      <c r="U3" s="541"/>
      <c r="V3" s="541"/>
      <c r="W3" s="541"/>
      <c r="X3" s="542"/>
      <c r="Y3" s="540" t="s">
        <v>142</v>
      </c>
      <c r="Z3" s="541"/>
      <c r="AA3" s="541"/>
      <c r="AB3" s="541"/>
      <c r="AC3" s="541"/>
      <c r="AD3" s="541"/>
      <c r="AE3" s="541"/>
      <c r="AF3" s="541"/>
      <c r="AG3" s="541"/>
      <c r="AH3" s="541"/>
      <c r="AI3" s="542"/>
      <c r="AJ3" s="540" t="s">
        <v>90</v>
      </c>
      <c r="AK3" s="541"/>
      <c r="AL3" s="541"/>
      <c r="AM3" s="541"/>
      <c r="AN3" s="541"/>
      <c r="AO3" s="541"/>
      <c r="AP3" s="541"/>
      <c r="AQ3" s="541"/>
      <c r="AR3" s="541"/>
      <c r="AS3" s="541"/>
      <c r="AT3" s="542"/>
      <c r="AU3" s="546" t="s">
        <v>89</v>
      </c>
      <c r="AV3" s="547"/>
      <c r="AW3" s="547"/>
      <c r="AX3" s="547"/>
      <c r="AY3" s="547"/>
      <c r="AZ3" s="547"/>
      <c r="BA3" s="547"/>
      <c r="BB3" s="547"/>
      <c r="BC3" s="547"/>
      <c r="BD3" s="547"/>
      <c r="BE3" s="548"/>
      <c r="BF3" s="546" t="s">
        <v>91</v>
      </c>
      <c r="BG3" s="547"/>
      <c r="BH3" s="547"/>
      <c r="BI3" s="547"/>
      <c r="BJ3" s="547"/>
      <c r="BK3" s="547"/>
      <c r="BL3" s="547"/>
      <c r="BM3" s="547"/>
      <c r="BN3" s="547"/>
      <c r="BO3" s="547"/>
      <c r="BP3" s="548"/>
      <c r="BQ3" s="546" t="s">
        <v>92</v>
      </c>
      <c r="BR3" s="547"/>
      <c r="BS3" s="547"/>
      <c r="BT3" s="547"/>
      <c r="BU3" s="547"/>
      <c r="BV3" s="547"/>
      <c r="BW3" s="547"/>
      <c r="BX3" s="547"/>
      <c r="BY3" s="547"/>
      <c r="BZ3" s="547"/>
      <c r="CA3" s="548"/>
      <c r="CB3" s="546" t="s">
        <v>93</v>
      </c>
      <c r="CC3" s="547"/>
      <c r="CD3" s="547"/>
      <c r="CE3" s="547"/>
      <c r="CF3" s="547"/>
      <c r="CG3" s="547"/>
      <c r="CH3" s="547"/>
      <c r="CI3" s="547"/>
      <c r="CJ3" s="547"/>
      <c r="CK3" s="547"/>
      <c r="CL3" s="548"/>
      <c r="CM3" s="547" t="s">
        <v>141</v>
      </c>
      <c r="CN3" s="547"/>
      <c r="CO3" s="547"/>
      <c r="CP3" s="547"/>
      <c r="CQ3" s="547"/>
      <c r="CR3" s="547"/>
      <c r="CS3" s="547"/>
      <c r="CT3" s="547"/>
      <c r="CU3" s="547"/>
      <c r="CV3" s="547"/>
      <c r="CW3" s="548"/>
    </row>
    <row r="4" spans="1:101" ht="21" customHeight="1" x14ac:dyDescent="0.2">
      <c r="B4" s="538"/>
      <c r="C4" s="532" t="s">
        <v>61</v>
      </c>
      <c r="D4" s="533"/>
      <c r="E4" s="534"/>
      <c r="F4" s="535" t="s">
        <v>62</v>
      </c>
      <c r="G4" s="533"/>
      <c r="H4" s="533"/>
      <c r="I4" s="533"/>
      <c r="J4" s="533"/>
      <c r="K4" s="533"/>
      <c r="L4" s="536"/>
      <c r="M4" s="530" t="s">
        <v>52</v>
      </c>
      <c r="N4" s="532" t="s">
        <v>61</v>
      </c>
      <c r="O4" s="533"/>
      <c r="P4" s="534"/>
      <c r="Q4" s="535" t="s">
        <v>62</v>
      </c>
      <c r="R4" s="533"/>
      <c r="S4" s="533"/>
      <c r="T4" s="533"/>
      <c r="U4" s="533"/>
      <c r="V4" s="533"/>
      <c r="W4" s="534"/>
      <c r="X4" s="530" t="s">
        <v>52</v>
      </c>
      <c r="Y4" s="532" t="s">
        <v>61</v>
      </c>
      <c r="Z4" s="533"/>
      <c r="AA4" s="534"/>
      <c r="AB4" s="535" t="s">
        <v>62</v>
      </c>
      <c r="AC4" s="533"/>
      <c r="AD4" s="533"/>
      <c r="AE4" s="533"/>
      <c r="AF4" s="533"/>
      <c r="AG4" s="533"/>
      <c r="AH4" s="534"/>
      <c r="AI4" s="530" t="s">
        <v>52</v>
      </c>
      <c r="AJ4" s="532" t="s">
        <v>61</v>
      </c>
      <c r="AK4" s="533"/>
      <c r="AL4" s="534"/>
      <c r="AM4" s="535" t="s">
        <v>62</v>
      </c>
      <c r="AN4" s="533"/>
      <c r="AO4" s="533"/>
      <c r="AP4" s="533"/>
      <c r="AQ4" s="533"/>
      <c r="AR4" s="533"/>
      <c r="AS4" s="534"/>
      <c r="AT4" s="530" t="s">
        <v>52</v>
      </c>
      <c r="AU4" s="562" t="s">
        <v>61</v>
      </c>
      <c r="AV4" s="560"/>
      <c r="AW4" s="561"/>
      <c r="AX4" s="559" t="s">
        <v>62</v>
      </c>
      <c r="AY4" s="560"/>
      <c r="AZ4" s="560"/>
      <c r="BA4" s="560"/>
      <c r="BB4" s="560"/>
      <c r="BC4" s="560"/>
      <c r="BD4" s="561"/>
      <c r="BE4" s="563" t="s">
        <v>52</v>
      </c>
      <c r="BF4" s="562" t="s">
        <v>61</v>
      </c>
      <c r="BG4" s="560"/>
      <c r="BH4" s="561"/>
      <c r="BI4" s="559" t="s">
        <v>62</v>
      </c>
      <c r="BJ4" s="560"/>
      <c r="BK4" s="560"/>
      <c r="BL4" s="560"/>
      <c r="BM4" s="560"/>
      <c r="BN4" s="560"/>
      <c r="BO4" s="561"/>
      <c r="BP4" s="563" t="s">
        <v>52</v>
      </c>
      <c r="BQ4" s="562" t="s">
        <v>61</v>
      </c>
      <c r="BR4" s="560"/>
      <c r="BS4" s="561"/>
      <c r="BT4" s="559" t="s">
        <v>62</v>
      </c>
      <c r="BU4" s="560"/>
      <c r="BV4" s="560"/>
      <c r="BW4" s="560"/>
      <c r="BX4" s="560"/>
      <c r="BY4" s="560"/>
      <c r="BZ4" s="561"/>
      <c r="CA4" s="563" t="s">
        <v>52</v>
      </c>
      <c r="CB4" s="562" t="s">
        <v>61</v>
      </c>
      <c r="CC4" s="560"/>
      <c r="CD4" s="561"/>
      <c r="CE4" s="559" t="s">
        <v>62</v>
      </c>
      <c r="CF4" s="560"/>
      <c r="CG4" s="560"/>
      <c r="CH4" s="560"/>
      <c r="CI4" s="560"/>
      <c r="CJ4" s="560"/>
      <c r="CK4" s="561"/>
      <c r="CL4" s="563" t="s">
        <v>52</v>
      </c>
      <c r="CM4" s="562" t="s">
        <v>61</v>
      </c>
      <c r="CN4" s="560"/>
      <c r="CO4" s="561"/>
      <c r="CP4" s="559" t="s">
        <v>62</v>
      </c>
      <c r="CQ4" s="560"/>
      <c r="CR4" s="560"/>
      <c r="CS4" s="560"/>
      <c r="CT4" s="560"/>
      <c r="CU4" s="560"/>
      <c r="CV4" s="561"/>
      <c r="CW4" s="563" t="s">
        <v>52</v>
      </c>
    </row>
    <row r="5" spans="1:101" ht="30" customHeight="1" thickBot="1" x14ac:dyDescent="0.25">
      <c r="B5" s="539"/>
      <c r="C5" s="350" t="s">
        <v>43</v>
      </c>
      <c r="D5" s="265" t="s">
        <v>44</v>
      </c>
      <c r="E5" s="266" t="s">
        <v>45</v>
      </c>
      <c r="F5" s="267" t="s">
        <v>83</v>
      </c>
      <c r="G5" s="259" t="s">
        <v>47</v>
      </c>
      <c r="H5" s="259" t="s">
        <v>48</v>
      </c>
      <c r="I5" s="259" t="s">
        <v>49</v>
      </c>
      <c r="J5" s="259" t="s">
        <v>50</v>
      </c>
      <c r="K5" s="259" t="s">
        <v>51</v>
      </c>
      <c r="L5" s="268" t="s">
        <v>45</v>
      </c>
      <c r="M5" s="531"/>
      <c r="N5" s="350" t="s">
        <v>43</v>
      </c>
      <c r="O5" s="259" t="s">
        <v>44</v>
      </c>
      <c r="P5" s="265" t="s">
        <v>45</v>
      </c>
      <c r="Q5" s="267" t="s">
        <v>83</v>
      </c>
      <c r="R5" s="259" t="s">
        <v>47</v>
      </c>
      <c r="S5" s="259" t="s">
        <v>48</v>
      </c>
      <c r="T5" s="259" t="s">
        <v>49</v>
      </c>
      <c r="U5" s="259" t="s">
        <v>50</v>
      </c>
      <c r="V5" s="259" t="s">
        <v>51</v>
      </c>
      <c r="W5" s="265" t="s">
        <v>45</v>
      </c>
      <c r="X5" s="531"/>
      <c r="Y5" s="350" t="s">
        <v>43</v>
      </c>
      <c r="Z5" s="259" t="s">
        <v>44</v>
      </c>
      <c r="AA5" s="265" t="s">
        <v>45</v>
      </c>
      <c r="AB5" s="267" t="s">
        <v>83</v>
      </c>
      <c r="AC5" s="259" t="s">
        <v>47</v>
      </c>
      <c r="AD5" s="259" t="s">
        <v>48</v>
      </c>
      <c r="AE5" s="259" t="s">
        <v>49</v>
      </c>
      <c r="AF5" s="259" t="s">
        <v>50</v>
      </c>
      <c r="AG5" s="259" t="s">
        <v>51</v>
      </c>
      <c r="AH5" s="265" t="s">
        <v>45</v>
      </c>
      <c r="AI5" s="531"/>
      <c r="AJ5" s="350" t="s">
        <v>43</v>
      </c>
      <c r="AK5" s="259" t="s">
        <v>44</v>
      </c>
      <c r="AL5" s="265" t="s">
        <v>45</v>
      </c>
      <c r="AM5" s="267" t="s">
        <v>83</v>
      </c>
      <c r="AN5" s="259" t="s">
        <v>47</v>
      </c>
      <c r="AO5" s="259" t="s">
        <v>48</v>
      </c>
      <c r="AP5" s="259" t="s">
        <v>49</v>
      </c>
      <c r="AQ5" s="259" t="s">
        <v>50</v>
      </c>
      <c r="AR5" s="259" t="s">
        <v>51</v>
      </c>
      <c r="AS5" s="265" t="s">
        <v>45</v>
      </c>
      <c r="AT5" s="531"/>
      <c r="AU5" s="350" t="s">
        <v>43</v>
      </c>
      <c r="AV5" s="259" t="s">
        <v>44</v>
      </c>
      <c r="AW5" s="265" t="s">
        <v>45</v>
      </c>
      <c r="AX5" s="267" t="s">
        <v>83</v>
      </c>
      <c r="AY5" s="259" t="s">
        <v>47</v>
      </c>
      <c r="AZ5" s="259" t="s">
        <v>48</v>
      </c>
      <c r="BA5" s="259" t="s">
        <v>49</v>
      </c>
      <c r="BB5" s="259" t="s">
        <v>50</v>
      </c>
      <c r="BC5" s="259" t="s">
        <v>51</v>
      </c>
      <c r="BD5" s="265" t="s">
        <v>45</v>
      </c>
      <c r="BE5" s="564"/>
      <c r="BF5" s="350" t="s">
        <v>43</v>
      </c>
      <c r="BG5" s="259" t="s">
        <v>44</v>
      </c>
      <c r="BH5" s="265" t="s">
        <v>45</v>
      </c>
      <c r="BI5" s="267" t="s">
        <v>83</v>
      </c>
      <c r="BJ5" s="259" t="s">
        <v>47</v>
      </c>
      <c r="BK5" s="259" t="s">
        <v>48</v>
      </c>
      <c r="BL5" s="259" t="s">
        <v>49</v>
      </c>
      <c r="BM5" s="259" t="s">
        <v>50</v>
      </c>
      <c r="BN5" s="259" t="s">
        <v>51</v>
      </c>
      <c r="BO5" s="265" t="s">
        <v>45</v>
      </c>
      <c r="BP5" s="564"/>
      <c r="BQ5" s="350" t="s">
        <v>43</v>
      </c>
      <c r="BR5" s="259" t="s">
        <v>44</v>
      </c>
      <c r="BS5" s="265" t="s">
        <v>45</v>
      </c>
      <c r="BT5" s="267" t="s">
        <v>83</v>
      </c>
      <c r="BU5" s="259" t="s">
        <v>47</v>
      </c>
      <c r="BV5" s="259" t="s">
        <v>48</v>
      </c>
      <c r="BW5" s="259" t="s">
        <v>49</v>
      </c>
      <c r="BX5" s="259" t="s">
        <v>50</v>
      </c>
      <c r="BY5" s="259" t="s">
        <v>51</v>
      </c>
      <c r="BZ5" s="265" t="s">
        <v>45</v>
      </c>
      <c r="CA5" s="564"/>
      <c r="CB5" s="350" t="s">
        <v>43</v>
      </c>
      <c r="CC5" s="259" t="s">
        <v>44</v>
      </c>
      <c r="CD5" s="265" t="s">
        <v>45</v>
      </c>
      <c r="CE5" s="267" t="s">
        <v>83</v>
      </c>
      <c r="CF5" s="259" t="s">
        <v>47</v>
      </c>
      <c r="CG5" s="259" t="s">
        <v>48</v>
      </c>
      <c r="CH5" s="259" t="s">
        <v>49</v>
      </c>
      <c r="CI5" s="259" t="s">
        <v>50</v>
      </c>
      <c r="CJ5" s="259" t="s">
        <v>51</v>
      </c>
      <c r="CK5" s="265" t="s">
        <v>45</v>
      </c>
      <c r="CL5" s="564"/>
      <c r="CM5" s="350" t="s">
        <v>43</v>
      </c>
      <c r="CN5" s="259" t="s">
        <v>44</v>
      </c>
      <c r="CO5" s="265" t="s">
        <v>45</v>
      </c>
      <c r="CP5" s="267" t="s">
        <v>83</v>
      </c>
      <c r="CQ5" s="259" t="s">
        <v>47</v>
      </c>
      <c r="CR5" s="259" t="s">
        <v>48</v>
      </c>
      <c r="CS5" s="259" t="s">
        <v>49</v>
      </c>
      <c r="CT5" s="259" t="s">
        <v>50</v>
      </c>
      <c r="CU5" s="259" t="s">
        <v>51</v>
      </c>
      <c r="CV5" s="265" t="s">
        <v>45</v>
      </c>
      <c r="CW5" s="564"/>
    </row>
    <row r="6" spans="1:101" ht="21" customHeight="1" x14ac:dyDescent="0.2">
      <c r="B6" s="260" t="s">
        <v>4</v>
      </c>
      <c r="C6" s="269">
        <v>0</v>
      </c>
      <c r="D6" s="270">
        <v>0</v>
      </c>
      <c r="E6" s="271">
        <v>0</v>
      </c>
      <c r="F6" s="272">
        <v>0</v>
      </c>
      <c r="G6" s="273">
        <v>29</v>
      </c>
      <c r="H6" s="273">
        <v>34</v>
      </c>
      <c r="I6" s="273">
        <v>23</v>
      </c>
      <c r="J6" s="273">
        <v>27</v>
      </c>
      <c r="K6" s="273">
        <v>23</v>
      </c>
      <c r="L6" s="274">
        <v>136</v>
      </c>
      <c r="M6" s="275">
        <v>136</v>
      </c>
      <c r="N6" s="269">
        <v>0</v>
      </c>
      <c r="O6" s="273">
        <v>0</v>
      </c>
      <c r="P6" s="270">
        <v>0</v>
      </c>
      <c r="Q6" s="272">
        <v>0</v>
      </c>
      <c r="R6" s="273">
        <v>11</v>
      </c>
      <c r="S6" s="273">
        <v>35</v>
      </c>
      <c r="T6" s="273">
        <v>34</v>
      </c>
      <c r="U6" s="273">
        <v>35</v>
      </c>
      <c r="V6" s="273">
        <v>23</v>
      </c>
      <c r="W6" s="270">
        <v>138</v>
      </c>
      <c r="X6" s="275">
        <v>138</v>
      </c>
      <c r="Y6" s="269">
        <v>0</v>
      </c>
      <c r="Z6" s="273">
        <v>0</v>
      </c>
      <c r="AA6" s="270">
        <v>0</v>
      </c>
      <c r="AB6" s="272">
        <v>0</v>
      </c>
      <c r="AC6" s="273">
        <v>799</v>
      </c>
      <c r="AD6" s="273">
        <v>666</v>
      </c>
      <c r="AE6" s="273">
        <v>307</v>
      </c>
      <c r="AF6" s="273">
        <v>137</v>
      </c>
      <c r="AG6" s="273">
        <v>56</v>
      </c>
      <c r="AH6" s="270">
        <v>1965</v>
      </c>
      <c r="AI6" s="275">
        <v>1965</v>
      </c>
      <c r="AJ6" s="269">
        <v>0</v>
      </c>
      <c r="AK6" s="273">
        <v>0</v>
      </c>
      <c r="AL6" s="270">
        <v>0</v>
      </c>
      <c r="AM6" s="272">
        <v>0</v>
      </c>
      <c r="AN6" s="273">
        <v>51</v>
      </c>
      <c r="AO6" s="273">
        <v>66</v>
      </c>
      <c r="AP6" s="273">
        <v>65</v>
      </c>
      <c r="AQ6" s="273">
        <v>25</v>
      </c>
      <c r="AR6" s="273">
        <v>23</v>
      </c>
      <c r="AS6" s="270">
        <v>230</v>
      </c>
      <c r="AT6" s="275">
        <v>230</v>
      </c>
      <c r="AU6" s="269">
        <v>9</v>
      </c>
      <c r="AV6" s="273">
        <v>19</v>
      </c>
      <c r="AW6" s="270">
        <v>28</v>
      </c>
      <c r="AX6" s="272">
        <v>0</v>
      </c>
      <c r="AY6" s="273">
        <v>74</v>
      </c>
      <c r="AZ6" s="273">
        <v>47</v>
      </c>
      <c r="BA6" s="273">
        <v>55</v>
      </c>
      <c r="BB6" s="273">
        <v>42</v>
      </c>
      <c r="BC6" s="273">
        <v>15</v>
      </c>
      <c r="BD6" s="270">
        <v>233</v>
      </c>
      <c r="BE6" s="275">
        <v>261</v>
      </c>
      <c r="BF6" s="269">
        <v>0</v>
      </c>
      <c r="BG6" s="273">
        <v>1</v>
      </c>
      <c r="BH6" s="270">
        <v>1</v>
      </c>
      <c r="BI6" s="272">
        <v>0</v>
      </c>
      <c r="BJ6" s="273">
        <v>70</v>
      </c>
      <c r="BK6" s="273">
        <v>108</v>
      </c>
      <c r="BL6" s="273">
        <v>136</v>
      </c>
      <c r="BM6" s="273">
        <v>102</v>
      </c>
      <c r="BN6" s="273">
        <v>64</v>
      </c>
      <c r="BO6" s="274">
        <v>480</v>
      </c>
      <c r="BP6" s="275">
        <v>481</v>
      </c>
      <c r="BQ6" s="269">
        <v>0</v>
      </c>
      <c r="BR6" s="273">
        <v>0</v>
      </c>
      <c r="BS6" s="270">
        <v>0</v>
      </c>
      <c r="BT6" s="272">
        <v>0</v>
      </c>
      <c r="BU6" s="273">
        <v>4</v>
      </c>
      <c r="BV6" s="273">
        <v>7</v>
      </c>
      <c r="BW6" s="273">
        <v>6</v>
      </c>
      <c r="BX6" s="273">
        <v>5</v>
      </c>
      <c r="BY6" s="273">
        <v>3</v>
      </c>
      <c r="BZ6" s="270">
        <v>25</v>
      </c>
      <c r="CA6" s="275">
        <v>25</v>
      </c>
      <c r="CB6" s="269">
        <v>0</v>
      </c>
      <c r="CC6" s="273">
        <v>0</v>
      </c>
      <c r="CD6" s="270">
        <v>0</v>
      </c>
      <c r="CE6" s="272">
        <v>0</v>
      </c>
      <c r="CF6" s="273">
        <v>1</v>
      </c>
      <c r="CG6" s="273">
        <v>3</v>
      </c>
      <c r="CH6" s="273">
        <v>13</v>
      </c>
      <c r="CI6" s="273">
        <v>17</v>
      </c>
      <c r="CJ6" s="273">
        <v>8</v>
      </c>
      <c r="CK6" s="270">
        <v>42</v>
      </c>
      <c r="CL6" s="275">
        <v>42</v>
      </c>
      <c r="CM6" s="269">
        <v>0</v>
      </c>
      <c r="CN6" s="273">
        <v>0</v>
      </c>
      <c r="CO6" s="270">
        <v>0</v>
      </c>
      <c r="CP6" s="272">
        <v>0</v>
      </c>
      <c r="CQ6" s="273">
        <v>10</v>
      </c>
      <c r="CR6" s="273">
        <v>12</v>
      </c>
      <c r="CS6" s="273">
        <v>17</v>
      </c>
      <c r="CT6" s="273">
        <v>13</v>
      </c>
      <c r="CU6" s="273">
        <v>33</v>
      </c>
      <c r="CV6" s="270">
        <v>85</v>
      </c>
      <c r="CW6" s="275">
        <v>85</v>
      </c>
    </row>
    <row r="7" spans="1:101" ht="21" customHeight="1" x14ac:dyDescent="0.2">
      <c r="B7" s="261" t="s">
        <v>5</v>
      </c>
      <c r="C7" s="276">
        <v>0</v>
      </c>
      <c r="D7" s="277">
        <v>0</v>
      </c>
      <c r="E7" s="278">
        <v>0</v>
      </c>
      <c r="F7" s="279">
        <v>0</v>
      </c>
      <c r="G7" s="280">
        <v>8</v>
      </c>
      <c r="H7" s="280">
        <v>17</v>
      </c>
      <c r="I7" s="280">
        <v>11</v>
      </c>
      <c r="J7" s="280">
        <v>8</v>
      </c>
      <c r="K7" s="280">
        <v>9</v>
      </c>
      <c r="L7" s="281">
        <v>53</v>
      </c>
      <c r="M7" s="282">
        <v>53</v>
      </c>
      <c r="N7" s="276">
        <v>0</v>
      </c>
      <c r="O7" s="280">
        <v>0</v>
      </c>
      <c r="P7" s="277">
        <v>0</v>
      </c>
      <c r="Q7" s="279">
        <v>0</v>
      </c>
      <c r="R7" s="280">
        <v>6</v>
      </c>
      <c r="S7" s="280">
        <v>28</v>
      </c>
      <c r="T7" s="280">
        <v>24</v>
      </c>
      <c r="U7" s="280">
        <v>25</v>
      </c>
      <c r="V7" s="280">
        <v>16</v>
      </c>
      <c r="W7" s="277">
        <v>99</v>
      </c>
      <c r="X7" s="282">
        <v>99</v>
      </c>
      <c r="Y7" s="276">
        <v>0</v>
      </c>
      <c r="Z7" s="280">
        <v>0</v>
      </c>
      <c r="AA7" s="277">
        <v>0</v>
      </c>
      <c r="AB7" s="279">
        <v>0</v>
      </c>
      <c r="AC7" s="280">
        <v>285</v>
      </c>
      <c r="AD7" s="280">
        <v>366</v>
      </c>
      <c r="AE7" s="280">
        <v>137</v>
      </c>
      <c r="AF7" s="280">
        <v>72</v>
      </c>
      <c r="AG7" s="280">
        <v>31</v>
      </c>
      <c r="AH7" s="277">
        <v>891</v>
      </c>
      <c r="AI7" s="282">
        <v>891</v>
      </c>
      <c r="AJ7" s="276">
        <v>0</v>
      </c>
      <c r="AK7" s="280">
        <v>0</v>
      </c>
      <c r="AL7" s="277">
        <v>0</v>
      </c>
      <c r="AM7" s="279">
        <v>0</v>
      </c>
      <c r="AN7" s="280">
        <v>32</v>
      </c>
      <c r="AO7" s="280">
        <v>38</v>
      </c>
      <c r="AP7" s="280">
        <v>29</v>
      </c>
      <c r="AQ7" s="280">
        <v>15</v>
      </c>
      <c r="AR7" s="280">
        <v>12</v>
      </c>
      <c r="AS7" s="277">
        <v>126</v>
      </c>
      <c r="AT7" s="282">
        <v>126</v>
      </c>
      <c r="AU7" s="276">
        <v>6</v>
      </c>
      <c r="AV7" s="280">
        <v>9</v>
      </c>
      <c r="AW7" s="277">
        <v>15</v>
      </c>
      <c r="AX7" s="279">
        <v>0</v>
      </c>
      <c r="AY7" s="280">
        <v>32</v>
      </c>
      <c r="AZ7" s="280">
        <v>21</v>
      </c>
      <c r="BA7" s="280">
        <v>26</v>
      </c>
      <c r="BB7" s="280">
        <v>21</v>
      </c>
      <c r="BC7" s="280">
        <v>6</v>
      </c>
      <c r="BD7" s="277">
        <v>106</v>
      </c>
      <c r="BE7" s="282">
        <v>121</v>
      </c>
      <c r="BF7" s="276">
        <v>0</v>
      </c>
      <c r="BG7" s="280">
        <v>1</v>
      </c>
      <c r="BH7" s="277">
        <v>1</v>
      </c>
      <c r="BI7" s="279">
        <v>0</v>
      </c>
      <c r="BJ7" s="280">
        <v>28</v>
      </c>
      <c r="BK7" s="280">
        <v>41</v>
      </c>
      <c r="BL7" s="280">
        <v>50</v>
      </c>
      <c r="BM7" s="280">
        <v>40</v>
      </c>
      <c r="BN7" s="280">
        <v>21</v>
      </c>
      <c r="BO7" s="281">
        <v>180</v>
      </c>
      <c r="BP7" s="282">
        <v>181</v>
      </c>
      <c r="BQ7" s="276">
        <v>0</v>
      </c>
      <c r="BR7" s="280">
        <v>0</v>
      </c>
      <c r="BS7" s="277">
        <v>0</v>
      </c>
      <c r="BT7" s="279">
        <v>0</v>
      </c>
      <c r="BU7" s="280">
        <v>0</v>
      </c>
      <c r="BV7" s="280">
        <v>0</v>
      </c>
      <c r="BW7" s="280">
        <v>0</v>
      </c>
      <c r="BX7" s="280">
        <v>0</v>
      </c>
      <c r="BY7" s="280">
        <v>0</v>
      </c>
      <c r="BZ7" s="277">
        <v>0</v>
      </c>
      <c r="CA7" s="282">
        <v>0</v>
      </c>
      <c r="CB7" s="276">
        <v>0</v>
      </c>
      <c r="CC7" s="280">
        <v>0</v>
      </c>
      <c r="CD7" s="277">
        <v>0</v>
      </c>
      <c r="CE7" s="279">
        <v>0</v>
      </c>
      <c r="CF7" s="280">
        <v>0</v>
      </c>
      <c r="CG7" s="280">
        <v>1</v>
      </c>
      <c r="CH7" s="280">
        <v>0</v>
      </c>
      <c r="CI7" s="280">
        <v>2</v>
      </c>
      <c r="CJ7" s="280">
        <v>0</v>
      </c>
      <c r="CK7" s="277">
        <v>3</v>
      </c>
      <c r="CL7" s="282">
        <v>3</v>
      </c>
      <c r="CM7" s="276">
        <v>0</v>
      </c>
      <c r="CN7" s="280">
        <v>0</v>
      </c>
      <c r="CO7" s="277">
        <v>0</v>
      </c>
      <c r="CP7" s="279">
        <v>0</v>
      </c>
      <c r="CQ7" s="280">
        <v>2</v>
      </c>
      <c r="CR7" s="280">
        <v>4</v>
      </c>
      <c r="CS7" s="280">
        <v>6</v>
      </c>
      <c r="CT7" s="280">
        <v>4</v>
      </c>
      <c r="CU7" s="280">
        <v>17</v>
      </c>
      <c r="CV7" s="277">
        <v>33</v>
      </c>
      <c r="CW7" s="282">
        <v>33</v>
      </c>
    </row>
    <row r="8" spans="1:101" ht="21" customHeight="1" x14ac:dyDescent="0.2">
      <c r="B8" s="261" t="s">
        <v>6</v>
      </c>
      <c r="C8" s="276">
        <v>0</v>
      </c>
      <c r="D8" s="277">
        <v>0</v>
      </c>
      <c r="E8" s="278">
        <v>0</v>
      </c>
      <c r="F8" s="279">
        <v>0</v>
      </c>
      <c r="G8" s="280">
        <v>10</v>
      </c>
      <c r="H8" s="280">
        <v>8</v>
      </c>
      <c r="I8" s="280">
        <v>6</v>
      </c>
      <c r="J8" s="280">
        <v>9</v>
      </c>
      <c r="K8" s="280">
        <v>8</v>
      </c>
      <c r="L8" s="281">
        <v>41</v>
      </c>
      <c r="M8" s="282">
        <v>41</v>
      </c>
      <c r="N8" s="276">
        <v>0</v>
      </c>
      <c r="O8" s="280">
        <v>0</v>
      </c>
      <c r="P8" s="277">
        <v>0</v>
      </c>
      <c r="Q8" s="279">
        <v>0</v>
      </c>
      <c r="R8" s="280">
        <v>3</v>
      </c>
      <c r="S8" s="280">
        <v>6</v>
      </c>
      <c r="T8" s="280">
        <v>8</v>
      </c>
      <c r="U8" s="280">
        <v>7</v>
      </c>
      <c r="V8" s="280">
        <v>6</v>
      </c>
      <c r="W8" s="277">
        <v>30</v>
      </c>
      <c r="X8" s="282">
        <v>30</v>
      </c>
      <c r="Y8" s="276">
        <v>0</v>
      </c>
      <c r="Z8" s="280">
        <v>0</v>
      </c>
      <c r="AA8" s="277">
        <v>0</v>
      </c>
      <c r="AB8" s="279">
        <v>0</v>
      </c>
      <c r="AC8" s="280">
        <v>144</v>
      </c>
      <c r="AD8" s="280">
        <v>66</v>
      </c>
      <c r="AE8" s="280">
        <v>44</v>
      </c>
      <c r="AF8" s="280">
        <v>19</v>
      </c>
      <c r="AG8" s="280">
        <v>10</v>
      </c>
      <c r="AH8" s="277">
        <v>283</v>
      </c>
      <c r="AI8" s="282">
        <v>283</v>
      </c>
      <c r="AJ8" s="276">
        <v>0</v>
      </c>
      <c r="AK8" s="280">
        <v>0</v>
      </c>
      <c r="AL8" s="277">
        <v>0</v>
      </c>
      <c r="AM8" s="279">
        <v>0</v>
      </c>
      <c r="AN8" s="280">
        <v>13</v>
      </c>
      <c r="AO8" s="280">
        <v>12</v>
      </c>
      <c r="AP8" s="280">
        <v>19</v>
      </c>
      <c r="AQ8" s="280">
        <v>6</v>
      </c>
      <c r="AR8" s="280">
        <v>5</v>
      </c>
      <c r="AS8" s="277">
        <v>55</v>
      </c>
      <c r="AT8" s="282">
        <v>55</v>
      </c>
      <c r="AU8" s="276">
        <v>1</v>
      </c>
      <c r="AV8" s="280">
        <v>4</v>
      </c>
      <c r="AW8" s="277">
        <v>5</v>
      </c>
      <c r="AX8" s="279">
        <v>0</v>
      </c>
      <c r="AY8" s="280">
        <v>11</v>
      </c>
      <c r="AZ8" s="280">
        <v>6</v>
      </c>
      <c r="BA8" s="280">
        <v>9</v>
      </c>
      <c r="BB8" s="280">
        <v>1</v>
      </c>
      <c r="BC8" s="280">
        <v>2</v>
      </c>
      <c r="BD8" s="277">
        <v>29</v>
      </c>
      <c r="BE8" s="282">
        <v>34</v>
      </c>
      <c r="BF8" s="276">
        <v>0</v>
      </c>
      <c r="BG8" s="280">
        <v>0</v>
      </c>
      <c r="BH8" s="277">
        <v>0</v>
      </c>
      <c r="BI8" s="279">
        <v>0</v>
      </c>
      <c r="BJ8" s="280">
        <v>17</v>
      </c>
      <c r="BK8" s="280">
        <v>24</v>
      </c>
      <c r="BL8" s="280">
        <v>30</v>
      </c>
      <c r="BM8" s="280">
        <v>16</v>
      </c>
      <c r="BN8" s="280">
        <v>14</v>
      </c>
      <c r="BO8" s="281">
        <v>101</v>
      </c>
      <c r="BP8" s="282">
        <v>101</v>
      </c>
      <c r="BQ8" s="276">
        <v>0</v>
      </c>
      <c r="BR8" s="280">
        <v>0</v>
      </c>
      <c r="BS8" s="277">
        <v>0</v>
      </c>
      <c r="BT8" s="279">
        <v>0</v>
      </c>
      <c r="BU8" s="280">
        <v>0</v>
      </c>
      <c r="BV8" s="280">
        <v>0</v>
      </c>
      <c r="BW8" s="280">
        <v>0</v>
      </c>
      <c r="BX8" s="280">
        <v>0</v>
      </c>
      <c r="BY8" s="280">
        <v>0</v>
      </c>
      <c r="BZ8" s="277">
        <v>0</v>
      </c>
      <c r="CA8" s="282">
        <v>0</v>
      </c>
      <c r="CB8" s="276">
        <v>0</v>
      </c>
      <c r="CC8" s="280">
        <v>0</v>
      </c>
      <c r="CD8" s="277">
        <v>0</v>
      </c>
      <c r="CE8" s="279">
        <v>0</v>
      </c>
      <c r="CF8" s="280">
        <v>1</v>
      </c>
      <c r="CG8" s="280">
        <v>0</v>
      </c>
      <c r="CH8" s="280">
        <v>10</v>
      </c>
      <c r="CI8" s="280">
        <v>5</v>
      </c>
      <c r="CJ8" s="280">
        <v>3</v>
      </c>
      <c r="CK8" s="277">
        <v>19</v>
      </c>
      <c r="CL8" s="282">
        <v>19</v>
      </c>
      <c r="CM8" s="276">
        <v>0</v>
      </c>
      <c r="CN8" s="280">
        <v>0</v>
      </c>
      <c r="CO8" s="277">
        <v>0</v>
      </c>
      <c r="CP8" s="279">
        <v>0</v>
      </c>
      <c r="CQ8" s="280">
        <v>4</v>
      </c>
      <c r="CR8" s="280">
        <v>5</v>
      </c>
      <c r="CS8" s="280">
        <v>5</v>
      </c>
      <c r="CT8" s="280">
        <v>5</v>
      </c>
      <c r="CU8" s="280">
        <v>3</v>
      </c>
      <c r="CV8" s="277">
        <v>22</v>
      </c>
      <c r="CW8" s="282">
        <v>22</v>
      </c>
    </row>
    <row r="9" spans="1:101" ht="21" customHeight="1" x14ac:dyDescent="0.2">
      <c r="B9" s="261" t="s">
        <v>14</v>
      </c>
      <c r="C9" s="276">
        <v>0</v>
      </c>
      <c r="D9" s="277">
        <v>0</v>
      </c>
      <c r="E9" s="278">
        <v>0</v>
      </c>
      <c r="F9" s="279">
        <v>0</v>
      </c>
      <c r="G9" s="280">
        <v>2</v>
      </c>
      <c r="H9" s="280">
        <v>0</v>
      </c>
      <c r="I9" s="280">
        <v>0</v>
      </c>
      <c r="J9" s="280">
        <v>1</v>
      </c>
      <c r="K9" s="280">
        <v>1</v>
      </c>
      <c r="L9" s="281">
        <v>4</v>
      </c>
      <c r="M9" s="282">
        <v>4</v>
      </c>
      <c r="N9" s="276">
        <v>0</v>
      </c>
      <c r="O9" s="280">
        <v>0</v>
      </c>
      <c r="P9" s="277">
        <v>0</v>
      </c>
      <c r="Q9" s="279">
        <v>0</v>
      </c>
      <c r="R9" s="280">
        <v>0</v>
      </c>
      <c r="S9" s="280">
        <v>0</v>
      </c>
      <c r="T9" s="280">
        <v>0</v>
      </c>
      <c r="U9" s="280">
        <v>1</v>
      </c>
      <c r="V9" s="280">
        <v>0</v>
      </c>
      <c r="W9" s="277">
        <v>1</v>
      </c>
      <c r="X9" s="282">
        <v>1</v>
      </c>
      <c r="Y9" s="276">
        <v>0</v>
      </c>
      <c r="Z9" s="280">
        <v>0</v>
      </c>
      <c r="AA9" s="277">
        <v>0</v>
      </c>
      <c r="AB9" s="279">
        <v>0</v>
      </c>
      <c r="AC9" s="280">
        <v>57</v>
      </c>
      <c r="AD9" s="280">
        <v>52</v>
      </c>
      <c r="AE9" s="280">
        <v>25</v>
      </c>
      <c r="AF9" s="280">
        <v>3</v>
      </c>
      <c r="AG9" s="280">
        <v>3</v>
      </c>
      <c r="AH9" s="277">
        <v>140</v>
      </c>
      <c r="AI9" s="282">
        <v>140</v>
      </c>
      <c r="AJ9" s="276">
        <v>0</v>
      </c>
      <c r="AK9" s="280">
        <v>0</v>
      </c>
      <c r="AL9" s="277">
        <v>0</v>
      </c>
      <c r="AM9" s="279">
        <v>0</v>
      </c>
      <c r="AN9" s="280">
        <v>0</v>
      </c>
      <c r="AO9" s="280">
        <v>1</v>
      </c>
      <c r="AP9" s="280">
        <v>0</v>
      </c>
      <c r="AQ9" s="280">
        <v>0</v>
      </c>
      <c r="AR9" s="280">
        <v>1</v>
      </c>
      <c r="AS9" s="277">
        <v>2</v>
      </c>
      <c r="AT9" s="282">
        <v>2</v>
      </c>
      <c r="AU9" s="276">
        <v>0</v>
      </c>
      <c r="AV9" s="280">
        <v>0</v>
      </c>
      <c r="AW9" s="277">
        <v>0</v>
      </c>
      <c r="AX9" s="279">
        <v>0</v>
      </c>
      <c r="AY9" s="280">
        <v>2</v>
      </c>
      <c r="AZ9" s="280">
        <v>6</v>
      </c>
      <c r="BA9" s="280">
        <v>5</v>
      </c>
      <c r="BB9" s="280">
        <v>4</v>
      </c>
      <c r="BC9" s="280">
        <v>1</v>
      </c>
      <c r="BD9" s="277">
        <v>18</v>
      </c>
      <c r="BE9" s="282">
        <v>18</v>
      </c>
      <c r="BF9" s="276">
        <v>0</v>
      </c>
      <c r="BG9" s="280">
        <v>0</v>
      </c>
      <c r="BH9" s="277">
        <v>0</v>
      </c>
      <c r="BI9" s="279">
        <v>0</v>
      </c>
      <c r="BJ9" s="280">
        <v>8</v>
      </c>
      <c r="BK9" s="280">
        <v>8</v>
      </c>
      <c r="BL9" s="280">
        <v>10</v>
      </c>
      <c r="BM9" s="280">
        <v>6</v>
      </c>
      <c r="BN9" s="280">
        <v>5</v>
      </c>
      <c r="BO9" s="281">
        <v>37</v>
      </c>
      <c r="BP9" s="282">
        <v>37</v>
      </c>
      <c r="BQ9" s="276">
        <v>0</v>
      </c>
      <c r="BR9" s="280">
        <v>0</v>
      </c>
      <c r="BS9" s="277">
        <v>0</v>
      </c>
      <c r="BT9" s="279">
        <v>0</v>
      </c>
      <c r="BU9" s="280">
        <v>0</v>
      </c>
      <c r="BV9" s="280">
        <v>0</v>
      </c>
      <c r="BW9" s="280">
        <v>0</v>
      </c>
      <c r="BX9" s="280">
        <v>0</v>
      </c>
      <c r="BY9" s="280">
        <v>0</v>
      </c>
      <c r="BZ9" s="277">
        <v>0</v>
      </c>
      <c r="CA9" s="282">
        <v>0</v>
      </c>
      <c r="CB9" s="276">
        <v>0</v>
      </c>
      <c r="CC9" s="280">
        <v>0</v>
      </c>
      <c r="CD9" s="277">
        <v>0</v>
      </c>
      <c r="CE9" s="279">
        <v>0</v>
      </c>
      <c r="CF9" s="280">
        <v>0</v>
      </c>
      <c r="CG9" s="280">
        <v>1</v>
      </c>
      <c r="CH9" s="280">
        <v>1</v>
      </c>
      <c r="CI9" s="280">
        <v>0</v>
      </c>
      <c r="CJ9" s="280">
        <v>0</v>
      </c>
      <c r="CK9" s="277">
        <v>2</v>
      </c>
      <c r="CL9" s="282">
        <v>2</v>
      </c>
      <c r="CM9" s="276">
        <v>0</v>
      </c>
      <c r="CN9" s="280">
        <v>0</v>
      </c>
      <c r="CO9" s="277">
        <v>0</v>
      </c>
      <c r="CP9" s="279">
        <v>0</v>
      </c>
      <c r="CQ9" s="280">
        <v>2</v>
      </c>
      <c r="CR9" s="280">
        <v>0</v>
      </c>
      <c r="CS9" s="280">
        <v>1</v>
      </c>
      <c r="CT9" s="280">
        <v>1</v>
      </c>
      <c r="CU9" s="280">
        <v>1</v>
      </c>
      <c r="CV9" s="277">
        <v>5</v>
      </c>
      <c r="CW9" s="282">
        <v>5</v>
      </c>
    </row>
    <row r="10" spans="1:101" ht="21" customHeight="1" x14ac:dyDescent="0.2">
      <c r="B10" s="261" t="s">
        <v>7</v>
      </c>
      <c r="C10" s="276">
        <v>0</v>
      </c>
      <c r="D10" s="277">
        <v>0</v>
      </c>
      <c r="E10" s="278">
        <v>0</v>
      </c>
      <c r="F10" s="279">
        <v>0</v>
      </c>
      <c r="G10" s="280">
        <v>0</v>
      </c>
      <c r="H10" s="280">
        <v>1</v>
      </c>
      <c r="I10" s="280">
        <v>2</v>
      </c>
      <c r="J10" s="280">
        <v>0</v>
      </c>
      <c r="K10" s="280">
        <v>0</v>
      </c>
      <c r="L10" s="281">
        <v>3</v>
      </c>
      <c r="M10" s="282">
        <v>3</v>
      </c>
      <c r="N10" s="276">
        <v>0</v>
      </c>
      <c r="O10" s="280">
        <v>0</v>
      </c>
      <c r="P10" s="277">
        <v>0</v>
      </c>
      <c r="Q10" s="279">
        <v>0</v>
      </c>
      <c r="R10" s="280">
        <v>0</v>
      </c>
      <c r="S10" s="280">
        <v>0</v>
      </c>
      <c r="T10" s="280">
        <v>0</v>
      </c>
      <c r="U10" s="280">
        <v>0</v>
      </c>
      <c r="V10" s="280">
        <v>0</v>
      </c>
      <c r="W10" s="277">
        <v>0</v>
      </c>
      <c r="X10" s="282">
        <v>0</v>
      </c>
      <c r="Y10" s="276">
        <v>0</v>
      </c>
      <c r="Z10" s="280">
        <v>0</v>
      </c>
      <c r="AA10" s="277">
        <v>0</v>
      </c>
      <c r="AB10" s="279">
        <v>0</v>
      </c>
      <c r="AC10" s="280">
        <v>33</v>
      </c>
      <c r="AD10" s="280">
        <v>21</v>
      </c>
      <c r="AE10" s="280">
        <v>16</v>
      </c>
      <c r="AF10" s="280">
        <v>5</v>
      </c>
      <c r="AG10" s="280">
        <v>1</v>
      </c>
      <c r="AH10" s="277">
        <v>76</v>
      </c>
      <c r="AI10" s="282">
        <v>76</v>
      </c>
      <c r="AJ10" s="276">
        <v>0</v>
      </c>
      <c r="AK10" s="280">
        <v>0</v>
      </c>
      <c r="AL10" s="277">
        <v>0</v>
      </c>
      <c r="AM10" s="279">
        <v>0</v>
      </c>
      <c r="AN10" s="280">
        <v>1</v>
      </c>
      <c r="AO10" s="280">
        <v>3</v>
      </c>
      <c r="AP10" s="280">
        <v>6</v>
      </c>
      <c r="AQ10" s="280">
        <v>2</v>
      </c>
      <c r="AR10" s="280">
        <v>1</v>
      </c>
      <c r="AS10" s="277">
        <v>13</v>
      </c>
      <c r="AT10" s="282">
        <v>13</v>
      </c>
      <c r="AU10" s="276">
        <v>0</v>
      </c>
      <c r="AV10" s="280">
        <v>0</v>
      </c>
      <c r="AW10" s="277">
        <v>0</v>
      </c>
      <c r="AX10" s="279">
        <v>0</v>
      </c>
      <c r="AY10" s="280">
        <v>1</v>
      </c>
      <c r="AZ10" s="280">
        <v>2</v>
      </c>
      <c r="BA10" s="280">
        <v>1</v>
      </c>
      <c r="BB10" s="280">
        <v>0</v>
      </c>
      <c r="BC10" s="280">
        <v>0</v>
      </c>
      <c r="BD10" s="277">
        <v>4</v>
      </c>
      <c r="BE10" s="282">
        <v>4</v>
      </c>
      <c r="BF10" s="276">
        <v>0</v>
      </c>
      <c r="BG10" s="280">
        <v>0</v>
      </c>
      <c r="BH10" s="277">
        <v>0</v>
      </c>
      <c r="BI10" s="279">
        <v>0</v>
      </c>
      <c r="BJ10" s="280">
        <v>3</v>
      </c>
      <c r="BK10" s="280">
        <v>3</v>
      </c>
      <c r="BL10" s="280">
        <v>7</v>
      </c>
      <c r="BM10" s="280">
        <v>4</v>
      </c>
      <c r="BN10" s="280">
        <v>1</v>
      </c>
      <c r="BO10" s="281">
        <v>18</v>
      </c>
      <c r="BP10" s="282">
        <v>18</v>
      </c>
      <c r="BQ10" s="276">
        <v>0</v>
      </c>
      <c r="BR10" s="280">
        <v>0</v>
      </c>
      <c r="BS10" s="277">
        <v>0</v>
      </c>
      <c r="BT10" s="279">
        <v>0</v>
      </c>
      <c r="BU10" s="280">
        <v>0</v>
      </c>
      <c r="BV10" s="280">
        <v>0</v>
      </c>
      <c r="BW10" s="280">
        <v>0</v>
      </c>
      <c r="BX10" s="280">
        <v>0</v>
      </c>
      <c r="BY10" s="280">
        <v>0</v>
      </c>
      <c r="BZ10" s="277">
        <v>0</v>
      </c>
      <c r="CA10" s="282">
        <v>0</v>
      </c>
      <c r="CB10" s="276">
        <v>0</v>
      </c>
      <c r="CC10" s="280">
        <v>0</v>
      </c>
      <c r="CD10" s="277">
        <v>0</v>
      </c>
      <c r="CE10" s="279">
        <v>0</v>
      </c>
      <c r="CF10" s="280">
        <v>0</v>
      </c>
      <c r="CG10" s="280">
        <v>0</v>
      </c>
      <c r="CH10" s="280">
        <v>0</v>
      </c>
      <c r="CI10" s="280">
        <v>0</v>
      </c>
      <c r="CJ10" s="280">
        <v>0</v>
      </c>
      <c r="CK10" s="277">
        <v>0</v>
      </c>
      <c r="CL10" s="282">
        <v>0</v>
      </c>
      <c r="CM10" s="276">
        <v>0</v>
      </c>
      <c r="CN10" s="280">
        <v>0</v>
      </c>
      <c r="CO10" s="277">
        <v>0</v>
      </c>
      <c r="CP10" s="279">
        <v>0</v>
      </c>
      <c r="CQ10" s="280">
        <v>0</v>
      </c>
      <c r="CR10" s="280">
        <v>0</v>
      </c>
      <c r="CS10" s="280">
        <v>0</v>
      </c>
      <c r="CT10" s="280">
        <v>0</v>
      </c>
      <c r="CU10" s="280">
        <v>0</v>
      </c>
      <c r="CV10" s="277">
        <v>0</v>
      </c>
      <c r="CW10" s="282">
        <v>0</v>
      </c>
    </row>
    <row r="11" spans="1:101" ht="21" customHeight="1" x14ac:dyDescent="0.2">
      <c r="B11" s="261" t="s">
        <v>8</v>
      </c>
      <c r="C11" s="276">
        <v>0</v>
      </c>
      <c r="D11" s="277">
        <v>0</v>
      </c>
      <c r="E11" s="278">
        <v>0</v>
      </c>
      <c r="F11" s="279">
        <v>0</v>
      </c>
      <c r="G11" s="280">
        <v>0</v>
      </c>
      <c r="H11" s="280">
        <v>0</v>
      </c>
      <c r="I11" s="280">
        <v>0</v>
      </c>
      <c r="J11" s="280">
        <v>1</v>
      </c>
      <c r="K11" s="280">
        <v>0</v>
      </c>
      <c r="L11" s="281">
        <v>1</v>
      </c>
      <c r="M11" s="282">
        <v>1</v>
      </c>
      <c r="N11" s="276">
        <v>0</v>
      </c>
      <c r="O11" s="280">
        <v>0</v>
      </c>
      <c r="P11" s="277">
        <v>0</v>
      </c>
      <c r="Q11" s="279">
        <v>0</v>
      </c>
      <c r="R11" s="280">
        <v>0</v>
      </c>
      <c r="S11" s="280">
        <v>0</v>
      </c>
      <c r="T11" s="280">
        <v>0</v>
      </c>
      <c r="U11" s="280">
        <v>1</v>
      </c>
      <c r="V11" s="280">
        <v>0</v>
      </c>
      <c r="W11" s="277">
        <v>1</v>
      </c>
      <c r="X11" s="282">
        <v>1</v>
      </c>
      <c r="Y11" s="276">
        <v>0</v>
      </c>
      <c r="Z11" s="280">
        <v>0</v>
      </c>
      <c r="AA11" s="277">
        <v>0</v>
      </c>
      <c r="AB11" s="279">
        <v>0</v>
      </c>
      <c r="AC11" s="280">
        <v>32</v>
      </c>
      <c r="AD11" s="280">
        <v>18</v>
      </c>
      <c r="AE11" s="280">
        <v>8</v>
      </c>
      <c r="AF11" s="280">
        <v>3</v>
      </c>
      <c r="AG11" s="280">
        <v>1</v>
      </c>
      <c r="AH11" s="277">
        <v>62</v>
      </c>
      <c r="AI11" s="282">
        <v>62</v>
      </c>
      <c r="AJ11" s="276">
        <v>0</v>
      </c>
      <c r="AK11" s="280">
        <v>0</v>
      </c>
      <c r="AL11" s="277">
        <v>0</v>
      </c>
      <c r="AM11" s="279">
        <v>0</v>
      </c>
      <c r="AN11" s="280">
        <v>0</v>
      </c>
      <c r="AO11" s="280">
        <v>1</v>
      </c>
      <c r="AP11" s="280">
        <v>0</v>
      </c>
      <c r="AQ11" s="280">
        <v>0</v>
      </c>
      <c r="AR11" s="280">
        <v>0</v>
      </c>
      <c r="AS11" s="277">
        <v>1</v>
      </c>
      <c r="AT11" s="282">
        <v>1</v>
      </c>
      <c r="AU11" s="276">
        <v>0</v>
      </c>
      <c r="AV11" s="280">
        <v>0</v>
      </c>
      <c r="AW11" s="277">
        <v>0</v>
      </c>
      <c r="AX11" s="279">
        <v>0</v>
      </c>
      <c r="AY11" s="280">
        <v>2</v>
      </c>
      <c r="AZ11" s="280">
        <v>0</v>
      </c>
      <c r="BA11" s="280">
        <v>1</v>
      </c>
      <c r="BB11" s="280">
        <v>1</v>
      </c>
      <c r="BC11" s="280">
        <v>1</v>
      </c>
      <c r="BD11" s="277">
        <v>5</v>
      </c>
      <c r="BE11" s="282">
        <v>5</v>
      </c>
      <c r="BF11" s="276">
        <v>0</v>
      </c>
      <c r="BG11" s="280">
        <v>0</v>
      </c>
      <c r="BH11" s="277">
        <v>0</v>
      </c>
      <c r="BI11" s="279">
        <v>0</v>
      </c>
      <c r="BJ11" s="280">
        <v>0</v>
      </c>
      <c r="BK11" s="280">
        <v>2</v>
      </c>
      <c r="BL11" s="280">
        <v>0</v>
      </c>
      <c r="BM11" s="280">
        <v>5</v>
      </c>
      <c r="BN11" s="280">
        <v>1</v>
      </c>
      <c r="BO11" s="281">
        <v>8</v>
      </c>
      <c r="BP11" s="282">
        <v>8</v>
      </c>
      <c r="BQ11" s="276">
        <v>0</v>
      </c>
      <c r="BR11" s="280">
        <v>0</v>
      </c>
      <c r="BS11" s="277">
        <v>0</v>
      </c>
      <c r="BT11" s="279">
        <v>0</v>
      </c>
      <c r="BU11" s="280">
        <v>0</v>
      </c>
      <c r="BV11" s="280">
        <v>0</v>
      </c>
      <c r="BW11" s="280">
        <v>0</v>
      </c>
      <c r="BX11" s="280">
        <v>1</v>
      </c>
      <c r="BY11" s="280">
        <v>0</v>
      </c>
      <c r="BZ11" s="277">
        <v>1</v>
      </c>
      <c r="CA11" s="282">
        <v>1</v>
      </c>
      <c r="CB11" s="276">
        <v>0</v>
      </c>
      <c r="CC11" s="280">
        <v>0</v>
      </c>
      <c r="CD11" s="277">
        <v>0</v>
      </c>
      <c r="CE11" s="279">
        <v>0</v>
      </c>
      <c r="CF11" s="280">
        <v>0</v>
      </c>
      <c r="CG11" s="280">
        <v>0</v>
      </c>
      <c r="CH11" s="280">
        <v>0</v>
      </c>
      <c r="CI11" s="280">
        <v>0</v>
      </c>
      <c r="CJ11" s="280">
        <v>1</v>
      </c>
      <c r="CK11" s="277">
        <v>1</v>
      </c>
      <c r="CL11" s="282">
        <v>1</v>
      </c>
      <c r="CM11" s="276">
        <v>0</v>
      </c>
      <c r="CN11" s="280">
        <v>0</v>
      </c>
      <c r="CO11" s="277">
        <v>0</v>
      </c>
      <c r="CP11" s="279">
        <v>0</v>
      </c>
      <c r="CQ11" s="280">
        <v>0</v>
      </c>
      <c r="CR11" s="280">
        <v>0</v>
      </c>
      <c r="CS11" s="280">
        <v>0</v>
      </c>
      <c r="CT11" s="280">
        <v>0</v>
      </c>
      <c r="CU11" s="280">
        <v>0</v>
      </c>
      <c r="CV11" s="277">
        <v>0</v>
      </c>
      <c r="CW11" s="282">
        <v>0</v>
      </c>
    </row>
    <row r="12" spans="1:101" ht="21" customHeight="1" x14ac:dyDescent="0.2">
      <c r="B12" s="261" t="s">
        <v>9</v>
      </c>
      <c r="C12" s="276">
        <v>0</v>
      </c>
      <c r="D12" s="277">
        <v>0</v>
      </c>
      <c r="E12" s="278">
        <v>0</v>
      </c>
      <c r="F12" s="279">
        <v>0</v>
      </c>
      <c r="G12" s="280">
        <v>1</v>
      </c>
      <c r="H12" s="280">
        <v>1</v>
      </c>
      <c r="I12" s="280">
        <v>1</v>
      </c>
      <c r="J12" s="280">
        <v>2</v>
      </c>
      <c r="K12" s="280">
        <v>1</v>
      </c>
      <c r="L12" s="281">
        <v>6</v>
      </c>
      <c r="M12" s="282">
        <v>6</v>
      </c>
      <c r="N12" s="276">
        <v>0</v>
      </c>
      <c r="O12" s="280">
        <v>0</v>
      </c>
      <c r="P12" s="277">
        <v>0</v>
      </c>
      <c r="Q12" s="279">
        <v>0</v>
      </c>
      <c r="R12" s="280">
        <v>0</v>
      </c>
      <c r="S12" s="280">
        <v>0</v>
      </c>
      <c r="T12" s="280">
        <v>0</v>
      </c>
      <c r="U12" s="280">
        <v>0</v>
      </c>
      <c r="V12" s="280">
        <v>0</v>
      </c>
      <c r="W12" s="277">
        <v>0</v>
      </c>
      <c r="X12" s="282">
        <v>0</v>
      </c>
      <c r="Y12" s="276">
        <v>0</v>
      </c>
      <c r="Z12" s="280">
        <v>0</v>
      </c>
      <c r="AA12" s="277">
        <v>0</v>
      </c>
      <c r="AB12" s="279">
        <v>0</v>
      </c>
      <c r="AC12" s="280">
        <v>46</v>
      </c>
      <c r="AD12" s="280">
        <v>28</v>
      </c>
      <c r="AE12" s="280">
        <v>14</v>
      </c>
      <c r="AF12" s="280">
        <v>7</v>
      </c>
      <c r="AG12" s="280">
        <v>2</v>
      </c>
      <c r="AH12" s="277">
        <v>97</v>
      </c>
      <c r="AI12" s="282">
        <v>97</v>
      </c>
      <c r="AJ12" s="276">
        <v>0</v>
      </c>
      <c r="AK12" s="280">
        <v>0</v>
      </c>
      <c r="AL12" s="277">
        <v>0</v>
      </c>
      <c r="AM12" s="279">
        <v>0</v>
      </c>
      <c r="AN12" s="280">
        <v>0</v>
      </c>
      <c r="AO12" s="280">
        <v>0</v>
      </c>
      <c r="AP12" s="280">
        <v>1</v>
      </c>
      <c r="AQ12" s="280">
        <v>1</v>
      </c>
      <c r="AR12" s="280">
        <v>1</v>
      </c>
      <c r="AS12" s="277">
        <v>3</v>
      </c>
      <c r="AT12" s="282">
        <v>3</v>
      </c>
      <c r="AU12" s="276">
        <v>0</v>
      </c>
      <c r="AV12" s="280">
        <v>2</v>
      </c>
      <c r="AW12" s="277">
        <v>2</v>
      </c>
      <c r="AX12" s="279">
        <v>0</v>
      </c>
      <c r="AY12" s="280">
        <v>6</v>
      </c>
      <c r="AZ12" s="280">
        <v>1</v>
      </c>
      <c r="BA12" s="280">
        <v>1</v>
      </c>
      <c r="BB12" s="280">
        <v>5</v>
      </c>
      <c r="BC12" s="280">
        <v>1</v>
      </c>
      <c r="BD12" s="277">
        <v>14</v>
      </c>
      <c r="BE12" s="282">
        <v>16</v>
      </c>
      <c r="BF12" s="276">
        <v>0</v>
      </c>
      <c r="BG12" s="280">
        <v>0</v>
      </c>
      <c r="BH12" s="277">
        <v>0</v>
      </c>
      <c r="BI12" s="279">
        <v>0</v>
      </c>
      <c r="BJ12" s="280">
        <v>0</v>
      </c>
      <c r="BK12" s="280">
        <v>9</v>
      </c>
      <c r="BL12" s="280">
        <v>6</v>
      </c>
      <c r="BM12" s="280">
        <v>1</v>
      </c>
      <c r="BN12" s="280">
        <v>1</v>
      </c>
      <c r="BO12" s="281">
        <v>17</v>
      </c>
      <c r="BP12" s="282">
        <v>17</v>
      </c>
      <c r="BQ12" s="276">
        <v>0</v>
      </c>
      <c r="BR12" s="280">
        <v>0</v>
      </c>
      <c r="BS12" s="277">
        <v>0</v>
      </c>
      <c r="BT12" s="279">
        <v>0</v>
      </c>
      <c r="BU12" s="280">
        <v>0</v>
      </c>
      <c r="BV12" s="280">
        <v>3</v>
      </c>
      <c r="BW12" s="280">
        <v>0</v>
      </c>
      <c r="BX12" s="280">
        <v>1</v>
      </c>
      <c r="BY12" s="280">
        <v>0</v>
      </c>
      <c r="BZ12" s="277">
        <v>4</v>
      </c>
      <c r="CA12" s="282">
        <v>4</v>
      </c>
      <c r="CB12" s="276">
        <v>0</v>
      </c>
      <c r="CC12" s="280">
        <v>0</v>
      </c>
      <c r="CD12" s="277">
        <v>0</v>
      </c>
      <c r="CE12" s="279">
        <v>0</v>
      </c>
      <c r="CF12" s="280">
        <v>0</v>
      </c>
      <c r="CG12" s="280">
        <v>0</v>
      </c>
      <c r="CH12" s="280">
        <v>0</v>
      </c>
      <c r="CI12" s="280">
        <v>0</v>
      </c>
      <c r="CJ12" s="280">
        <v>0</v>
      </c>
      <c r="CK12" s="277">
        <v>0</v>
      </c>
      <c r="CL12" s="282">
        <v>0</v>
      </c>
      <c r="CM12" s="276">
        <v>0</v>
      </c>
      <c r="CN12" s="280">
        <v>0</v>
      </c>
      <c r="CO12" s="277">
        <v>0</v>
      </c>
      <c r="CP12" s="279">
        <v>0</v>
      </c>
      <c r="CQ12" s="280">
        <v>0</v>
      </c>
      <c r="CR12" s="280">
        <v>1</v>
      </c>
      <c r="CS12" s="280">
        <v>2</v>
      </c>
      <c r="CT12" s="280">
        <v>1</v>
      </c>
      <c r="CU12" s="280">
        <v>1</v>
      </c>
      <c r="CV12" s="277">
        <v>5</v>
      </c>
      <c r="CW12" s="282">
        <v>5</v>
      </c>
    </row>
    <row r="13" spans="1:101" ht="21" customHeight="1" x14ac:dyDescent="0.2">
      <c r="B13" s="261" t="s">
        <v>10</v>
      </c>
      <c r="C13" s="276">
        <v>0</v>
      </c>
      <c r="D13" s="277">
        <v>0</v>
      </c>
      <c r="E13" s="278">
        <v>0</v>
      </c>
      <c r="F13" s="279">
        <v>0</v>
      </c>
      <c r="G13" s="280">
        <v>1</v>
      </c>
      <c r="H13" s="280">
        <v>1</v>
      </c>
      <c r="I13" s="280">
        <v>1</v>
      </c>
      <c r="J13" s="280">
        <v>1</v>
      </c>
      <c r="K13" s="280">
        <v>0</v>
      </c>
      <c r="L13" s="281">
        <v>4</v>
      </c>
      <c r="M13" s="282">
        <v>4</v>
      </c>
      <c r="N13" s="276">
        <v>0</v>
      </c>
      <c r="O13" s="280">
        <v>0</v>
      </c>
      <c r="P13" s="277">
        <v>0</v>
      </c>
      <c r="Q13" s="279">
        <v>0</v>
      </c>
      <c r="R13" s="280">
        <v>1</v>
      </c>
      <c r="S13" s="280">
        <v>0</v>
      </c>
      <c r="T13" s="280">
        <v>1</v>
      </c>
      <c r="U13" s="280">
        <v>0</v>
      </c>
      <c r="V13" s="280">
        <v>0</v>
      </c>
      <c r="W13" s="277">
        <v>2</v>
      </c>
      <c r="X13" s="282">
        <v>2</v>
      </c>
      <c r="Y13" s="276">
        <v>0</v>
      </c>
      <c r="Z13" s="280">
        <v>0</v>
      </c>
      <c r="AA13" s="277">
        <v>0</v>
      </c>
      <c r="AB13" s="279">
        <v>0</v>
      </c>
      <c r="AC13" s="280">
        <v>36</v>
      </c>
      <c r="AD13" s="280">
        <v>20</v>
      </c>
      <c r="AE13" s="280">
        <v>4</v>
      </c>
      <c r="AF13" s="280">
        <v>1</v>
      </c>
      <c r="AG13" s="280">
        <v>0</v>
      </c>
      <c r="AH13" s="277">
        <v>61</v>
      </c>
      <c r="AI13" s="282">
        <v>61</v>
      </c>
      <c r="AJ13" s="276">
        <v>0</v>
      </c>
      <c r="AK13" s="280">
        <v>0</v>
      </c>
      <c r="AL13" s="277">
        <v>0</v>
      </c>
      <c r="AM13" s="279">
        <v>0</v>
      </c>
      <c r="AN13" s="280">
        <v>0</v>
      </c>
      <c r="AO13" s="280">
        <v>3</v>
      </c>
      <c r="AP13" s="280">
        <v>4</v>
      </c>
      <c r="AQ13" s="280">
        <v>0</v>
      </c>
      <c r="AR13" s="280">
        <v>1</v>
      </c>
      <c r="AS13" s="277">
        <v>8</v>
      </c>
      <c r="AT13" s="282">
        <v>8</v>
      </c>
      <c r="AU13" s="276">
        <v>1</v>
      </c>
      <c r="AV13" s="280">
        <v>2</v>
      </c>
      <c r="AW13" s="277">
        <v>3</v>
      </c>
      <c r="AX13" s="279">
        <v>0</v>
      </c>
      <c r="AY13" s="280">
        <v>6</v>
      </c>
      <c r="AZ13" s="280">
        <v>1</v>
      </c>
      <c r="BA13" s="280">
        <v>1</v>
      </c>
      <c r="BB13" s="280">
        <v>1</v>
      </c>
      <c r="BC13" s="280">
        <v>2</v>
      </c>
      <c r="BD13" s="277">
        <v>11</v>
      </c>
      <c r="BE13" s="282">
        <v>14</v>
      </c>
      <c r="BF13" s="276">
        <v>0</v>
      </c>
      <c r="BG13" s="280">
        <v>0</v>
      </c>
      <c r="BH13" s="277">
        <v>0</v>
      </c>
      <c r="BI13" s="279">
        <v>0</v>
      </c>
      <c r="BJ13" s="280">
        <v>1</v>
      </c>
      <c r="BK13" s="280">
        <v>4</v>
      </c>
      <c r="BL13" s="280">
        <v>8</v>
      </c>
      <c r="BM13" s="280">
        <v>8</v>
      </c>
      <c r="BN13" s="280">
        <v>6</v>
      </c>
      <c r="BO13" s="281">
        <v>27</v>
      </c>
      <c r="BP13" s="282">
        <v>27</v>
      </c>
      <c r="BQ13" s="276">
        <v>0</v>
      </c>
      <c r="BR13" s="280">
        <v>0</v>
      </c>
      <c r="BS13" s="277">
        <v>0</v>
      </c>
      <c r="BT13" s="279">
        <v>0</v>
      </c>
      <c r="BU13" s="280">
        <v>4</v>
      </c>
      <c r="BV13" s="280">
        <v>3</v>
      </c>
      <c r="BW13" s="280">
        <v>3</v>
      </c>
      <c r="BX13" s="280">
        <v>1</v>
      </c>
      <c r="BY13" s="280">
        <v>3</v>
      </c>
      <c r="BZ13" s="277">
        <v>14</v>
      </c>
      <c r="CA13" s="282">
        <v>14</v>
      </c>
      <c r="CB13" s="276">
        <v>0</v>
      </c>
      <c r="CC13" s="280">
        <v>0</v>
      </c>
      <c r="CD13" s="277">
        <v>0</v>
      </c>
      <c r="CE13" s="279">
        <v>0</v>
      </c>
      <c r="CF13" s="280">
        <v>0</v>
      </c>
      <c r="CG13" s="280">
        <v>0</v>
      </c>
      <c r="CH13" s="280">
        <v>0</v>
      </c>
      <c r="CI13" s="280">
        <v>4</v>
      </c>
      <c r="CJ13" s="280">
        <v>1</v>
      </c>
      <c r="CK13" s="277">
        <v>5</v>
      </c>
      <c r="CL13" s="282">
        <v>5</v>
      </c>
      <c r="CM13" s="276">
        <v>0</v>
      </c>
      <c r="CN13" s="280">
        <v>0</v>
      </c>
      <c r="CO13" s="277">
        <v>0</v>
      </c>
      <c r="CP13" s="279">
        <v>0</v>
      </c>
      <c r="CQ13" s="280">
        <v>2</v>
      </c>
      <c r="CR13" s="280">
        <v>0</v>
      </c>
      <c r="CS13" s="280">
        <v>1</v>
      </c>
      <c r="CT13" s="280">
        <v>0</v>
      </c>
      <c r="CU13" s="280">
        <v>2</v>
      </c>
      <c r="CV13" s="277">
        <v>5</v>
      </c>
      <c r="CW13" s="282">
        <v>5</v>
      </c>
    </row>
    <row r="14" spans="1:101" ht="21" customHeight="1" x14ac:dyDescent="0.2">
      <c r="B14" s="261" t="s">
        <v>11</v>
      </c>
      <c r="C14" s="276">
        <v>0</v>
      </c>
      <c r="D14" s="277">
        <v>0</v>
      </c>
      <c r="E14" s="278">
        <v>0</v>
      </c>
      <c r="F14" s="279">
        <v>0</v>
      </c>
      <c r="G14" s="280">
        <v>1</v>
      </c>
      <c r="H14" s="280">
        <v>1</v>
      </c>
      <c r="I14" s="280">
        <v>0</v>
      </c>
      <c r="J14" s="280">
        <v>2</v>
      </c>
      <c r="K14" s="280">
        <v>0</v>
      </c>
      <c r="L14" s="281">
        <v>4</v>
      </c>
      <c r="M14" s="282">
        <v>4</v>
      </c>
      <c r="N14" s="276">
        <v>0</v>
      </c>
      <c r="O14" s="280">
        <v>0</v>
      </c>
      <c r="P14" s="277">
        <v>0</v>
      </c>
      <c r="Q14" s="279">
        <v>0</v>
      </c>
      <c r="R14" s="280">
        <v>1</v>
      </c>
      <c r="S14" s="280">
        <v>1</v>
      </c>
      <c r="T14" s="280">
        <v>0</v>
      </c>
      <c r="U14" s="280">
        <v>0</v>
      </c>
      <c r="V14" s="280">
        <v>0</v>
      </c>
      <c r="W14" s="277">
        <v>2</v>
      </c>
      <c r="X14" s="282">
        <v>2</v>
      </c>
      <c r="Y14" s="276">
        <v>0</v>
      </c>
      <c r="Z14" s="280">
        <v>0</v>
      </c>
      <c r="AA14" s="277">
        <v>0</v>
      </c>
      <c r="AB14" s="279">
        <v>0</v>
      </c>
      <c r="AC14" s="280">
        <v>28</v>
      </c>
      <c r="AD14" s="280">
        <v>6</v>
      </c>
      <c r="AE14" s="280">
        <v>7</v>
      </c>
      <c r="AF14" s="280">
        <v>5</v>
      </c>
      <c r="AG14" s="280">
        <v>1</v>
      </c>
      <c r="AH14" s="277">
        <v>47</v>
      </c>
      <c r="AI14" s="282">
        <v>47</v>
      </c>
      <c r="AJ14" s="276">
        <v>0</v>
      </c>
      <c r="AK14" s="280">
        <v>0</v>
      </c>
      <c r="AL14" s="277">
        <v>0</v>
      </c>
      <c r="AM14" s="279">
        <v>0</v>
      </c>
      <c r="AN14" s="280">
        <v>0</v>
      </c>
      <c r="AO14" s="280">
        <v>0</v>
      </c>
      <c r="AP14" s="280">
        <v>0</v>
      </c>
      <c r="AQ14" s="280">
        <v>0</v>
      </c>
      <c r="AR14" s="280">
        <v>0</v>
      </c>
      <c r="AS14" s="277">
        <v>0</v>
      </c>
      <c r="AT14" s="282">
        <v>0</v>
      </c>
      <c r="AU14" s="276">
        <v>0</v>
      </c>
      <c r="AV14" s="280">
        <v>1</v>
      </c>
      <c r="AW14" s="277">
        <v>1</v>
      </c>
      <c r="AX14" s="279">
        <v>0</v>
      </c>
      <c r="AY14" s="280">
        <v>0</v>
      </c>
      <c r="AZ14" s="280">
        <v>1</v>
      </c>
      <c r="BA14" s="280">
        <v>2</v>
      </c>
      <c r="BB14" s="280">
        <v>0</v>
      </c>
      <c r="BC14" s="280">
        <v>0</v>
      </c>
      <c r="BD14" s="277">
        <v>3</v>
      </c>
      <c r="BE14" s="282">
        <v>4</v>
      </c>
      <c r="BF14" s="276">
        <v>0</v>
      </c>
      <c r="BG14" s="280">
        <v>0</v>
      </c>
      <c r="BH14" s="277">
        <v>0</v>
      </c>
      <c r="BI14" s="279">
        <v>0</v>
      </c>
      <c r="BJ14" s="280">
        <v>0</v>
      </c>
      <c r="BK14" s="280">
        <v>3</v>
      </c>
      <c r="BL14" s="280">
        <v>1</v>
      </c>
      <c r="BM14" s="280">
        <v>4</v>
      </c>
      <c r="BN14" s="280">
        <v>0</v>
      </c>
      <c r="BO14" s="281">
        <v>8</v>
      </c>
      <c r="BP14" s="282">
        <v>8</v>
      </c>
      <c r="BQ14" s="276">
        <v>0</v>
      </c>
      <c r="BR14" s="280">
        <v>0</v>
      </c>
      <c r="BS14" s="277">
        <v>0</v>
      </c>
      <c r="BT14" s="279">
        <v>0</v>
      </c>
      <c r="BU14" s="280">
        <v>0</v>
      </c>
      <c r="BV14" s="280">
        <v>0</v>
      </c>
      <c r="BW14" s="280">
        <v>0</v>
      </c>
      <c r="BX14" s="280">
        <v>0</v>
      </c>
      <c r="BY14" s="280">
        <v>0</v>
      </c>
      <c r="BZ14" s="277">
        <v>0</v>
      </c>
      <c r="CA14" s="282">
        <v>0</v>
      </c>
      <c r="CB14" s="276">
        <v>0</v>
      </c>
      <c r="CC14" s="280">
        <v>0</v>
      </c>
      <c r="CD14" s="277">
        <v>0</v>
      </c>
      <c r="CE14" s="279">
        <v>0</v>
      </c>
      <c r="CF14" s="280">
        <v>0</v>
      </c>
      <c r="CG14" s="280">
        <v>0</v>
      </c>
      <c r="CH14" s="280">
        <v>0</v>
      </c>
      <c r="CI14" s="280">
        <v>0</v>
      </c>
      <c r="CJ14" s="280">
        <v>0</v>
      </c>
      <c r="CK14" s="277">
        <v>0</v>
      </c>
      <c r="CL14" s="282">
        <v>0</v>
      </c>
      <c r="CM14" s="276">
        <v>0</v>
      </c>
      <c r="CN14" s="280">
        <v>0</v>
      </c>
      <c r="CO14" s="277">
        <v>0</v>
      </c>
      <c r="CP14" s="279">
        <v>0</v>
      </c>
      <c r="CQ14" s="280">
        <v>0</v>
      </c>
      <c r="CR14" s="280">
        <v>0</v>
      </c>
      <c r="CS14" s="280">
        <v>0</v>
      </c>
      <c r="CT14" s="280">
        <v>0</v>
      </c>
      <c r="CU14" s="280">
        <v>0</v>
      </c>
      <c r="CV14" s="277">
        <v>0</v>
      </c>
      <c r="CW14" s="282">
        <v>0</v>
      </c>
    </row>
    <row r="15" spans="1:101" ht="21" customHeight="1" x14ac:dyDescent="0.2">
      <c r="B15" s="261" t="s">
        <v>12</v>
      </c>
      <c r="C15" s="276">
        <v>0</v>
      </c>
      <c r="D15" s="277">
        <v>0</v>
      </c>
      <c r="E15" s="278">
        <v>0</v>
      </c>
      <c r="F15" s="279">
        <v>0</v>
      </c>
      <c r="G15" s="280">
        <v>1</v>
      </c>
      <c r="H15" s="280">
        <v>0</v>
      </c>
      <c r="I15" s="280">
        <v>0</v>
      </c>
      <c r="J15" s="280">
        <v>0</v>
      </c>
      <c r="K15" s="280">
        <v>0</v>
      </c>
      <c r="L15" s="281">
        <v>1</v>
      </c>
      <c r="M15" s="282">
        <v>1</v>
      </c>
      <c r="N15" s="276">
        <v>0</v>
      </c>
      <c r="O15" s="280">
        <v>0</v>
      </c>
      <c r="P15" s="277">
        <v>0</v>
      </c>
      <c r="Q15" s="279">
        <v>0</v>
      </c>
      <c r="R15" s="280">
        <v>0</v>
      </c>
      <c r="S15" s="280">
        <v>0</v>
      </c>
      <c r="T15" s="280">
        <v>0</v>
      </c>
      <c r="U15" s="280">
        <v>0</v>
      </c>
      <c r="V15" s="280">
        <v>0</v>
      </c>
      <c r="W15" s="277">
        <v>0</v>
      </c>
      <c r="X15" s="282">
        <v>0</v>
      </c>
      <c r="Y15" s="276">
        <v>0</v>
      </c>
      <c r="Z15" s="280">
        <v>0</v>
      </c>
      <c r="AA15" s="277">
        <v>0</v>
      </c>
      <c r="AB15" s="279">
        <v>0</v>
      </c>
      <c r="AC15" s="280">
        <v>18</v>
      </c>
      <c r="AD15" s="280">
        <v>13</v>
      </c>
      <c r="AE15" s="280">
        <v>8</v>
      </c>
      <c r="AF15" s="280">
        <v>8</v>
      </c>
      <c r="AG15" s="280">
        <v>0</v>
      </c>
      <c r="AH15" s="277">
        <v>47</v>
      </c>
      <c r="AI15" s="282">
        <v>47</v>
      </c>
      <c r="AJ15" s="276">
        <v>0</v>
      </c>
      <c r="AK15" s="280">
        <v>0</v>
      </c>
      <c r="AL15" s="277">
        <v>0</v>
      </c>
      <c r="AM15" s="279">
        <v>0</v>
      </c>
      <c r="AN15" s="280">
        <v>0</v>
      </c>
      <c r="AO15" s="280">
        <v>1</v>
      </c>
      <c r="AP15" s="280">
        <v>0</v>
      </c>
      <c r="AQ15" s="280">
        <v>0</v>
      </c>
      <c r="AR15" s="280">
        <v>0</v>
      </c>
      <c r="AS15" s="277">
        <v>1</v>
      </c>
      <c r="AT15" s="282">
        <v>1</v>
      </c>
      <c r="AU15" s="276">
        <v>0</v>
      </c>
      <c r="AV15" s="280">
        <v>0</v>
      </c>
      <c r="AW15" s="277">
        <v>0</v>
      </c>
      <c r="AX15" s="279">
        <v>0</v>
      </c>
      <c r="AY15" s="280">
        <v>1</v>
      </c>
      <c r="AZ15" s="280">
        <v>2</v>
      </c>
      <c r="BA15" s="280">
        <v>0</v>
      </c>
      <c r="BB15" s="280">
        <v>3</v>
      </c>
      <c r="BC15" s="280">
        <v>0</v>
      </c>
      <c r="BD15" s="277">
        <v>6</v>
      </c>
      <c r="BE15" s="282">
        <v>6</v>
      </c>
      <c r="BF15" s="276">
        <v>0</v>
      </c>
      <c r="BG15" s="280">
        <v>0</v>
      </c>
      <c r="BH15" s="277">
        <v>0</v>
      </c>
      <c r="BI15" s="279">
        <v>0</v>
      </c>
      <c r="BJ15" s="280">
        <v>1</v>
      </c>
      <c r="BK15" s="280">
        <v>2</v>
      </c>
      <c r="BL15" s="280">
        <v>2</v>
      </c>
      <c r="BM15" s="280">
        <v>3</v>
      </c>
      <c r="BN15" s="280">
        <v>1</v>
      </c>
      <c r="BO15" s="281">
        <v>9</v>
      </c>
      <c r="BP15" s="282">
        <v>9</v>
      </c>
      <c r="BQ15" s="276">
        <v>0</v>
      </c>
      <c r="BR15" s="280">
        <v>0</v>
      </c>
      <c r="BS15" s="277">
        <v>0</v>
      </c>
      <c r="BT15" s="279">
        <v>0</v>
      </c>
      <c r="BU15" s="280">
        <v>0</v>
      </c>
      <c r="BV15" s="280">
        <v>1</v>
      </c>
      <c r="BW15" s="280">
        <v>1</v>
      </c>
      <c r="BX15" s="280">
        <v>2</v>
      </c>
      <c r="BY15" s="280">
        <v>0</v>
      </c>
      <c r="BZ15" s="277">
        <v>4</v>
      </c>
      <c r="CA15" s="282">
        <v>4</v>
      </c>
      <c r="CB15" s="276">
        <v>0</v>
      </c>
      <c r="CC15" s="280">
        <v>0</v>
      </c>
      <c r="CD15" s="277">
        <v>0</v>
      </c>
      <c r="CE15" s="279">
        <v>0</v>
      </c>
      <c r="CF15" s="280">
        <v>0</v>
      </c>
      <c r="CG15" s="280">
        <v>0</v>
      </c>
      <c r="CH15" s="280">
        <v>1</v>
      </c>
      <c r="CI15" s="280">
        <v>0</v>
      </c>
      <c r="CJ15" s="280">
        <v>1</v>
      </c>
      <c r="CK15" s="277">
        <v>2</v>
      </c>
      <c r="CL15" s="282">
        <v>2</v>
      </c>
      <c r="CM15" s="276">
        <v>0</v>
      </c>
      <c r="CN15" s="280">
        <v>0</v>
      </c>
      <c r="CO15" s="277">
        <v>0</v>
      </c>
      <c r="CP15" s="279">
        <v>0</v>
      </c>
      <c r="CQ15" s="280">
        <v>0</v>
      </c>
      <c r="CR15" s="280">
        <v>0</v>
      </c>
      <c r="CS15" s="280">
        <v>1</v>
      </c>
      <c r="CT15" s="280">
        <v>2</v>
      </c>
      <c r="CU15" s="280">
        <v>2</v>
      </c>
      <c r="CV15" s="277">
        <v>5</v>
      </c>
      <c r="CW15" s="282">
        <v>5</v>
      </c>
    </row>
    <row r="16" spans="1:101" ht="21" customHeight="1" x14ac:dyDescent="0.2">
      <c r="B16" s="261" t="s">
        <v>13</v>
      </c>
      <c r="C16" s="276">
        <v>0</v>
      </c>
      <c r="D16" s="277">
        <v>0</v>
      </c>
      <c r="E16" s="278">
        <v>0</v>
      </c>
      <c r="F16" s="279">
        <v>0</v>
      </c>
      <c r="G16" s="280">
        <v>0</v>
      </c>
      <c r="H16" s="280">
        <v>0</v>
      </c>
      <c r="I16" s="280">
        <v>0</v>
      </c>
      <c r="J16" s="280">
        <v>0</v>
      </c>
      <c r="K16" s="280">
        <v>0</v>
      </c>
      <c r="L16" s="281">
        <v>0</v>
      </c>
      <c r="M16" s="282">
        <v>0</v>
      </c>
      <c r="N16" s="276">
        <v>0</v>
      </c>
      <c r="O16" s="280">
        <v>0</v>
      </c>
      <c r="P16" s="277">
        <v>0</v>
      </c>
      <c r="Q16" s="279">
        <v>0</v>
      </c>
      <c r="R16" s="280">
        <v>0</v>
      </c>
      <c r="S16" s="280">
        <v>0</v>
      </c>
      <c r="T16" s="280">
        <v>0</v>
      </c>
      <c r="U16" s="280">
        <v>0</v>
      </c>
      <c r="V16" s="280">
        <v>0</v>
      </c>
      <c r="W16" s="277">
        <v>0</v>
      </c>
      <c r="X16" s="282">
        <v>0</v>
      </c>
      <c r="Y16" s="276">
        <v>0</v>
      </c>
      <c r="Z16" s="280">
        <v>0</v>
      </c>
      <c r="AA16" s="277">
        <v>0</v>
      </c>
      <c r="AB16" s="279">
        <v>0</v>
      </c>
      <c r="AC16" s="280">
        <v>14</v>
      </c>
      <c r="AD16" s="280">
        <v>7</v>
      </c>
      <c r="AE16" s="280">
        <v>5</v>
      </c>
      <c r="AF16" s="280">
        <v>1</v>
      </c>
      <c r="AG16" s="280">
        <v>0</v>
      </c>
      <c r="AH16" s="277">
        <v>27</v>
      </c>
      <c r="AI16" s="282">
        <v>27</v>
      </c>
      <c r="AJ16" s="276">
        <v>0</v>
      </c>
      <c r="AK16" s="280">
        <v>0</v>
      </c>
      <c r="AL16" s="277">
        <v>0</v>
      </c>
      <c r="AM16" s="279">
        <v>0</v>
      </c>
      <c r="AN16" s="280">
        <v>0</v>
      </c>
      <c r="AO16" s="280">
        <v>0</v>
      </c>
      <c r="AP16" s="280">
        <v>0</v>
      </c>
      <c r="AQ16" s="280">
        <v>0</v>
      </c>
      <c r="AR16" s="280">
        <v>0</v>
      </c>
      <c r="AS16" s="277">
        <v>0</v>
      </c>
      <c r="AT16" s="282">
        <v>0</v>
      </c>
      <c r="AU16" s="276">
        <v>0</v>
      </c>
      <c r="AV16" s="280">
        <v>0</v>
      </c>
      <c r="AW16" s="277">
        <v>0</v>
      </c>
      <c r="AX16" s="279">
        <v>0</v>
      </c>
      <c r="AY16" s="280">
        <v>0</v>
      </c>
      <c r="AZ16" s="280">
        <v>1</v>
      </c>
      <c r="BA16" s="280">
        <v>1</v>
      </c>
      <c r="BB16" s="280">
        <v>0</v>
      </c>
      <c r="BC16" s="280">
        <v>0</v>
      </c>
      <c r="BD16" s="277">
        <v>2</v>
      </c>
      <c r="BE16" s="282">
        <v>2</v>
      </c>
      <c r="BF16" s="276">
        <v>0</v>
      </c>
      <c r="BG16" s="280">
        <v>0</v>
      </c>
      <c r="BH16" s="277">
        <v>0</v>
      </c>
      <c r="BI16" s="279">
        <v>0</v>
      </c>
      <c r="BJ16" s="280">
        <v>0</v>
      </c>
      <c r="BK16" s="280">
        <v>1</v>
      </c>
      <c r="BL16" s="280">
        <v>2</v>
      </c>
      <c r="BM16" s="280">
        <v>0</v>
      </c>
      <c r="BN16" s="280">
        <v>0</v>
      </c>
      <c r="BO16" s="281">
        <v>3</v>
      </c>
      <c r="BP16" s="282">
        <v>3</v>
      </c>
      <c r="BQ16" s="276">
        <v>0</v>
      </c>
      <c r="BR16" s="280">
        <v>0</v>
      </c>
      <c r="BS16" s="277">
        <v>0</v>
      </c>
      <c r="BT16" s="279">
        <v>0</v>
      </c>
      <c r="BU16" s="280">
        <v>0</v>
      </c>
      <c r="BV16" s="280">
        <v>0</v>
      </c>
      <c r="BW16" s="280">
        <v>2</v>
      </c>
      <c r="BX16" s="280">
        <v>0</v>
      </c>
      <c r="BY16" s="280">
        <v>0</v>
      </c>
      <c r="BZ16" s="277">
        <v>2</v>
      </c>
      <c r="CA16" s="282">
        <v>2</v>
      </c>
      <c r="CB16" s="276">
        <v>0</v>
      </c>
      <c r="CC16" s="280">
        <v>0</v>
      </c>
      <c r="CD16" s="277">
        <v>0</v>
      </c>
      <c r="CE16" s="279">
        <v>0</v>
      </c>
      <c r="CF16" s="280">
        <v>0</v>
      </c>
      <c r="CG16" s="280">
        <v>0</v>
      </c>
      <c r="CH16" s="280">
        <v>0</v>
      </c>
      <c r="CI16" s="280">
        <v>0</v>
      </c>
      <c r="CJ16" s="280">
        <v>0</v>
      </c>
      <c r="CK16" s="277">
        <v>0</v>
      </c>
      <c r="CL16" s="282">
        <v>0</v>
      </c>
      <c r="CM16" s="276">
        <v>0</v>
      </c>
      <c r="CN16" s="280">
        <v>0</v>
      </c>
      <c r="CO16" s="277">
        <v>0</v>
      </c>
      <c r="CP16" s="279">
        <v>0</v>
      </c>
      <c r="CQ16" s="280">
        <v>0</v>
      </c>
      <c r="CR16" s="280">
        <v>0</v>
      </c>
      <c r="CS16" s="280">
        <v>0</v>
      </c>
      <c r="CT16" s="280">
        <v>0</v>
      </c>
      <c r="CU16" s="280">
        <v>0</v>
      </c>
      <c r="CV16" s="277">
        <v>0</v>
      </c>
      <c r="CW16" s="282">
        <v>0</v>
      </c>
    </row>
    <row r="17" spans="2:101" ht="21" customHeight="1" x14ac:dyDescent="0.2">
      <c r="B17" s="261" t="s">
        <v>15</v>
      </c>
      <c r="C17" s="276">
        <v>0</v>
      </c>
      <c r="D17" s="277">
        <v>0</v>
      </c>
      <c r="E17" s="278">
        <v>0</v>
      </c>
      <c r="F17" s="279">
        <v>0</v>
      </c>
      <c r="G17" s="280">
        <v>0</v>
      </c>
      <c r="H17" s="280">
        <v>1</v>
      </c>
      <c r="I17" s="280">
        <v>1</v>
      </c>
      <c r="J17" s="280">
        <v>0</v>
      </c>
      <c r="K17" s="280">
        <v>0</v>
      </c>
      <c r="L17" s="281">
        <v>2</v>
      </c>
      <c r="M17" s="282">
        <v>2</v>
      </c>
      <c r="N17" s="276">
        <v>0</v>
      </c>
      <c r="O17" s="280">
        <v>0</v>
      </c>
      <c r="P17" s="277">
        <v>0</v>
      </c>
      <c r="Q17" s="279">
        <v>0</v>
      </c>
      <c r="R17" s="280">
        <v>0</v>
      </c>
      <c r="S17" s="280">
        <v>0</v>
      </c>
      <c r="T17" s="280">
        <v>0</v>
      </c>
      <c r="U17" s="280">
        <v>0</v>
      </c>
      <c r="V17" s="280">
        <v>0</v>
      </c>
      <c r="W17" s="277">
        <v>0</v>
      </c>
      <c r="X17" s="282">
        <v>0</v>
      </c>
      <c r="Y17" s="276">
        <v>0</v>
      </c>
      <c r="Z17" s="280">
        <v>0</v>
      </c>
      <c r="AA17" s="277">
        <v>0</v>
      </c>
      <c r="AB17" s="279">
        <v>0</v>
      </c>
      <c r="AC17" s="280">
        <v>7</v>
      </c>
      <c r="AD17" s="280">
        <v>9</v>
      </c>
      <c r="AE17" s="280">
        <v>1</v>
      </c>
      <c r="AF17" s="280">
        <v>0</v>
      </c>
      <c r="AG17" s="280">
        <v>1</v>
      </c>
      <c r="AH17" s="277">
        <v>18</v>
      </c>
      <c r="AI17" s="282">
        <v>18</v>
      </c>
      <c r="AJ17" s="276">
        <v>0</v>
      </c>
      <c r="AK17" s="280">
        <v>0</v>
      </c>
      <c r="AL17" s="277">
        <v>0</v>
      </c>
      <c r="AM17" s="279">
        <v>0</v>
      </c>
      <c r="AN17" s="280">
        <v>0</v>
      </c>
      <c r="AO17" s="280">
        <v>0</v>
      </c>
      <c r="AP17" s="280">
        <v>0</v>
      </c>
      <c r="AQ17" s="280">
        <v>0</v>
      </c>
      <c r="AR17" s="280">
        <v>0</v>
      </c>
      <c r="AS17" s="277">
        <v>0</v>
      </c>
      <c r="AT17" s="282">
        <v>0</v>
      </c>
      <c r="AU17" s="276">
        <v>0</v>
      </c>
      <c r="AV17" s="280">
        <v>0</v>
      </c>
      <c r="AW17" s="277">
        <v>0</v>
      </c>
      <c r="AX17" s="279">
        <v>0</v>
      </c>
      <c r="AY17" s="280">
        <v>0</v>
      </c>
      <c r="AZ17" s="280">
        <v>0</v>
      </c>
      <c r="BA17" s="280">
        <v>0</v>
      </c>
      <c r="BB17" s="280">
        <v>0</v>
      </c>
      <c r="BC17" s="280">
        <v>0</v>
      </c>
      <c r="BD17" s="277">
        <v>0</v>
      </c>
      <c r="BE17" s="282">
        <v>0</v>
      </c>
      <c r="BF17" s="276">
        <v>0</v>
      </c>
      <c r="BG17" s="280">
        <v>0</v>
      </c>
      <c r="BH17" s="277">
        <v>0</v>
      </c>
      <c r="BI17" s="279">
        <v>0</v>
      </c>
      <c r="BJ17" s="280">
        <v>0</v>
      </c>
      <c r="BK17" s="280">
        <v>2</v>
      </c>
      <c r="BL17" s="280">
        <v>0</v>
      </c>
      <c r="BM17" s="280">
        <v>1</v>
      </c>
      <c r="BN17" s="280">
        <v>0</v>
      </c>
      <c r="BO17" s="281">
        <v>3</v>
      </c>
      <c r="BP17" s="282">
        <v>3</v>
      </c>
      <c r="BQ17" s="276">
        <v>0</v>
      </c>
      <c r="BR17" s="280">
        <v>0</v>
      </c>
      <c r="BS17" s="277">
        <v>0</v>
      </c>
      <c r="BT17" s="279">
        <v>0</v>
      </c>
      <c r="BU17" s="280">
        <v>0</v>
      </c>
      <c r="BV17" s="280">
        <v>0</v>
      </c>
      <c r="BW17" s="280">
        <v>0</v>
      </c>
      <c r="BX17" s="280">
        <v>0</v>
      </c>
      <c r="BY17" s="280">
        <v>0</v>
      </c>
      <c r="BZ17" s="277">
        <v>0</v>
      </c>
      <c r="CA17" s="282">
        <v>0</v>
      </c>
      <c r="CB17" s="276">
        <v>0</v>
      </c>
      <c r="CC17" s="280">
        <v>0</v>
      </c>
      <c r="CD17" s="277">
        <v>0</v>
      </c>
      <c r="CE17" s="279">
        <v>0</v>
      </c>
      <c r="CF17" s="280">
        <v>0</v>
      </c>
      <c r="CG17" s="280">
        <v>0</v>
      </c>
      <c r="CH17" s="280">
        <v>0</v>
      </c>
      <c r="CI17" s="280">
        <v>0</v>
      </c>
      <c r="CJ17" s="280">
        <v>0</v>
      </c>
      <c r="CK17" s="277">
        <v>0</v>
      </c>
      <c r="CL17" s="282">
        <v>0</v>
      </c>
      <c r="CM17" s="276">
        <v>0</v>
      </c>
      <c r="CN17" s="280">
        <v>0</v>
      </c>
      <c r="CO17" s="277">
        <v>0</v>
      </c>
      <c r="CP17" s="279">
        <v>0</v>
      </c>
      <c r="CQ17" s="280">
        <v>0</v>
      </c>
      <c r="CR17" s="280">
        <v>0</v>
      </c>
      <c r="CS17" s="280">
        <v>0</v>
      </c>
      <c r="CT17" s="280">
        <v>0</v>
      </c>
      <c r="CU17" s="280">
        <v>0</v>
      </c>
      <c r="CV17" s="277">
        <v>0</v>
      </c>
      <c r="CW17" s="282">
        <v>0</v>
      </c>
    </row>
    <row r="18" spans="2:101" ht="21" customHeight="1" x14ac:dyDescent="0.2">
      <c r="B18" s="261" t="s">
        <v>16</v>
      </c>
      <c r="C18" s="276">
        <v>0</v>
      </c>
      <c r="D18" s="277">
        <v>0</v>
      </c>
      <c r="E18" s="278">
        <v>0</v>
      </c>
      <c r="F18" s="279">
        <v>0</v>
      </c>
      <c r="G18" s="280">
        <v>0</v>
      </c>
      <c r="H18" s="280">
        <v>0</v>
      </c>
      <c r="I18" s="280">
        <v>0</v>
      </c>
      <c r="J18" s="280">
        <v>0</v>
      </c>
      <c r="K18" s="280">
        <v>3</v>
      </c>
      <c r="L18" s="281">
        <v>3</v>
      </c>
      <c r="M18" s="282">
        <v>3</v>
      </c>
      <c r="N18" s="276">
        <v>0</v>
      </c>
      <c r="O18" s="280">
        <v>0</v>
      </c>
      <c r="P18" s="277">
        <v>0</v>
      </c>
      <c r="Q18" s="279">
        <v>0</v>
      </c>
      <c r="R18" s="280">
        <v>0</v>
      </c>
      <c r="S18" s="280">
        <v>0</v>
      </c>
      <c r="T18" s="280">
        <v>1</v>
      </c>
      <c r="U18" s="280">
        <v>0</v>
      </c>
      <c r="V18" s="280">
        <v>1</v>
      </c>
      <c r="W18" s="277">
        <v>2</v>
      </c>
      <c r="X18" s="282">
        <v>2</v>
      </c>
      <c r="Y18" s="276">
        <v>0</v>
      </c>
      <c r="Z18" s="280">
        <v>0</v>
      </c>
      <c r="AA18" s="277">
        <v>0</v>
      </c>
      <c r="AB18" s="279">
        <v>0</v>
      </c>
      <c r="AC18" s="280">
        <v>7</v>
      </c>
      <c r="AD18" s="280">
        <v>5</v>
      </c>
      <c r="AE18" s="280">
        <v>7</v>
      </c>
      <c r="AF18" s="280">
        <v>1</v>
      </c>
      <c r="AG18" s="280">
        <v>2</v>
      </c>
      <c r="AH18" s="277">
        <v>22</v>
      </c>
      <c r="AI18" s="282">
        <v>22</v>
      </c>
      <c r="AJ18" s="276">
        <v>0</v>
      </c>
      <c r="AK18" s="280">
        <v>0</v>
      </c>
      <c r="AL18" s="277">
        <v>0</v>
      </c>
      <c r="AM18" s="279">
        <v>0</v>
      </c>
      <c r="AN18" s="280">
        <v>1</v>
      </c>
      <c r="AO18" s="280">
        <v>2</v>
      </c>
      <c r="AP18" s="280">
        <v>0</v>
      </c>
      <c r="AQ18" s="280">
        <v>0</v>
      </c>
      <c r="AR18" s="280">
        <v>0</v>
      </c>
      <c r="AS18" s="277">
        <v>3</v>
      </c>
      <c r="AT18" s="282">
        <v>3</v>
      </c>
      <c r="AU18" s="276">
        <v>0</v>
      </c>
      <c r="AV18" s="280">
        <v>0</v>
      </c>
      <c r="AW18" s="277">
        <v>0</v>
      </c>
      <c r="AX18" s="279">
        <v>0</v>
      </c>
      <c r="AY18" s="280">
        <v>0</v>
      </c>
      <c r="AZ18" s="280">
        <v>1</v>
      </c>
      <c r="BA18" s="280">
        <v>0</v>
      </c>
      <c r="BB18" s="280">
        <v>0</v>
      </c>
      <c r="BC18" s="280">
        <v>1</v>
      </c>
      <c r="BD18" s="277">
        <v>2</v>
      </c>
      <c r="BE18" s="282">
        <v>2</v>
      </c>
      <c r="BF18" s="276">
        <v>0</v>
      </c>
      <c r="BG18" s="280">
        <v>0</v>
      </c>
      <c r="BH18" s="277">
        <v>0</v>
      </c>
      <c r="BI18" s="279">
        <v>0</v>
      </c>
      <c r="BJ18" s="280">
        <v>1</v>
      </c>
      <c r="BK18" s="280">
        <v>1</v>
      </c>
      <c r="BL18" s="280">
        <v>3</v>
      </c>
      <c r="BM18" s="280">
        <v>2</v>
      </c>
      <c r="BN18" s="280">
        <v>1</v>
      </c>
      <c r="BO18" s="281">
        <v>8</v>
      </c>
      <c r="BP18" s="282">
        <v>8</v>
      </c>
      <c r="BQ18" s="276">
        <v>0</v>
      </c>
      <c r="BR18" s="280">
        <v>0</v>
      </c>
      <c r="BS18" s="277">
        <v>0</v>
      </c>
      <c r="BT18" s="279">
        <v>0</v>
      </c>
      <c r="BU18" s="280">
        <v>0</v>
      </c>
      <c r="BV18" s="280">
        <v>0</v>
      </c>
      <c r="BW18" s="280">
        <v>0</v>
      </c>
      <c r="BX18" s="280">
        <v>0</v>
      </c>
      <c r="BY18" s="280">
        <v>0</v>
      </c>
      <c r="BZ18" s="277">
        <v>0</v>
      </c>
      <c r="CA18" s="282">
        <v>0</v>
      </c>
      <c r="CB18" s="276">
        <v>0</v>
      </c>
      <c r="CC18" s="280">
        <v>0</v>
      </c>
      <c r="CD18" s="277">
        <v>0</v>
      </c>
      <c r="CE18" s="279">
        <v>0</v>
      </c>
      <c r="CF18" s="280">
        <v>0</v>
      </c>
      <c r="CG18" s="280">
        <v>0</v>
      </c>
      <c r="CH18" s="280">
        <v>0</v>
      </c>
      <c r="CI18" s="280">
        <v>0</v>
      </c>
      <c r="CJ18" s="280">
        <v>0</v>
      </c>
      <c r="CK18" s="277">
        <v>0</v>
      </c>
      <c r="CL18" s="282">
        <v>0</v>
      </c>
      <c r="CM18" s="276">
        <v>0</v>
      </c>
      <c r="CN18" s="280">
        <v>0</v>
      </c>
      <c r="CO18" s="277">
        <v>0</v>
      </c>
      <c r="CP18" s="279">
        <v>0</v>
      </c>
      <c r="CQ18" s="280">
        <v>0</v>
      </c>
      <c r="CR18" s="280">
        <v>0</v>
      </c>
      <c r="CS18" s="280">
        <v>0</v>
      </c>
      <c r="CT18" s="280">
        <v>0</v>
      </c>
      <c r="CU18" s="280">
        <v>0</v>
      </c>
      <c r="CV18" s="277">
        <v>0</v>
      </c>
      <c r="CW18" s="282">
        <v>0</v>
      </c>
    </row>
    <row r="19" spans="2:101" ht="21" customHeight="1" x14ac:dyDescent="0.2">
      <c r="B19" s="261" t="s">
        <v>17</v>
      </c>
      <c r="C19" s="276">
        <v>0</v>
      </c>
      <c r="D19" s="277">
        <v>0</v>
      </c>
      <c r="E19" s="278">
        <v>0</v>
      </c>
      <c r="F19" s="279">
        <v>0</v>
      </c>
      <c r="G19" s="280">
        <v>1</v>
      </c>
      <c r="H19" s="280">
        <v>0</v>
      </c>
      <c r="I19" s="280">
        <v>0</v>
      </c>
      <c r="J19" s="280">
        <v>0</v>
      </c>
      <c r="K19" s="280">
        <v>0</v>
      </c>
      <c r="L19" s="281">
        <v>1</v>
      </c>
      <c r="M19" s="282">
        <v>1</v>
      </c>
      <c r="N19" s="276">
        <v>0</v>
      </c>
      <c r="O19" s="280">
        <v>0</v>
      </c>
      <c r="P19" s="277">
        <v>0</v>
      </c>
      <c r="Q19" s="279">
        <v>0</v>
      </c>
      <c r="R19" s="280">
        <v>0</v>
      </c>
      <c r="S19" s="280">
        <v>0</v>
      </c>
      <c r="T19" s="280">
        <v>0</v>
      </c>
      <c r="U19" s="280">
        <v>0</v>
      </c>
      <c r="V19" s="280">
        <v>0</v>
      </c>
      <c r="W19" s="277">
        <v>0</v>
      </c>
      <c r="X19" s="282">
        <v>0</v>
      </c>
      <c r="Y19" s="276">
        <v>0</v>
      </c>
      <c r="Z19" s="280">
        <v>0</v>
      </c>
      <c r="AA19" s="277">
        <v>0</v>
      </c>
      <c r="AB19" s="279">
        <v>0</v>
      </c>
      <c r="AC19" s="280">
        <v>10</v>
      </c>
      <c r="AD19" s="280">
        <v>13</v>
      </c>
      <c r="AE19" s="280">
        <v>11</v>
      </c>
      <c r="AF19" s="280">
        <v>6</v>
      </c>
      <c r="AG19" s="280">
        <v>1</v>
      </c>
      <c r="AH19" s="277">
        <v>41</v>
      </c>
      <c r="AI19" s="282">
        <v>41</v>
      </c>
      <c r="AJ19" s="276">
        <v>0</v>
      </c>
      <c r="AK19" s="280">
        <v>0</v>
      </c>
      <c r="AL19" s="277">
        <v>0</v>
      </c>
      <c r="AM19" s="279">
        <v>0</v>
      </c>
      <c r="AN19" s="280">
        <v>0</v>
      </c>
      <c r="AO19" s="280">
        <v>0</v>
      </c>
      <c r="AP19" s="280">
        <v>0</v>
      </c>
      <c r="AQ19" s="280">
        <v>0</v>
      </c>
      <c r="AR19" s="280">
        <v>0</v>
      </c>
      <c r="AS19" s="277">
        <v>0</v>
      </c>
      <c r="AT19" s="282">
        <v>0</v>
      </c>
      <c r="AU19" s="276">
        <v>0</v>
      </c>
      <c r="AV19" s="280">
        <v>0</v>
      </c>
      <c r="AW19" s="277">
        <v>0</v>
      </c>
      <c r="AX19" s="279">
        <v>0</v>
      </c>
      <c r="AY19" s="280">
        <v>1</v>
      </c>
      <c r="AZ19" s="280">
        <v>1</v>
      </c>
      <c r="BA19" s="280">
        <v>1</v>
      </c>
      <c r="BB19" s="280">
        <v>2</v>
      </c>
      <c r="BC19" s="280">
        <v>1</v>
      </c>
      <c r="BD19" s="277">
        <v>6</v>
      </c>
      <c r="BE19" s="282">
        <v>6</v>
      </c>
      <c r="BF19" s="276">
        <v>0</v>
      </c>
      <c r="BG19" s="280">
        <v>0</v>
      </c>
      <c r="BH19" s="277">
        <v>0</v>
      </c>
      <c r="BI19" s="279">
        <v>0</v>
      </c>
      <c r="BJ19" s="280">
        <v>2</v>
      </c>
      <c r="BK19" s="280">
        <v>4</v>
      </c>
      <c r="BL19" s="280">
        <v>2</v>
      </c>
      <c r="BM19" s="280">
        <v>5</v>
      </c>
      <c r="BN19" s="280">
        <v>4</v>
      </c>
      <c r="BO19" s="281">
        <v>17</v>
      </c>
      <c r="BP19" s="282">
        <v>17</v>
      </c>
      <c r="BQ19" s="276">
        <v>0</v>
      </c>
      <c r="BR19" s="280">
        <v>0</v>
      </c>
      <c r="BS19" s="277">
        <v>0</v>
      </c>
      <c r="BT19" s="279">
        <v>0</v>
      </c>
      <c r="BU19" s="280">
        <v>0</v>
      </c>
      <c r="BV19" s="280">
        <v>0</v>
      </c>
      <c r="BW19" s="280">
        <v>0</v>
      </c>
      <c r="BX19" s="280">
        <v>0</v>
      </c>
      <c r="BY19" s="280">
        <v>0</v>
      </c>
      <c r="BZ19" s="277">
        <v>0</v>
      </c>
      <c r="CA19" s="282">
        <v>0</v>
      </c>
      <c r="CB19" s="276">
        <v>0</v>
      </c>
      <c r="CC19" s="280">
        <v>0</v>
      </c>
      <c r="CD19" s="277">
        <v>0</v>
      </c>
      <c r="CE19" s="279">
        <v>0</v>
      </c>
      <c r="CF19" s="280">
        <v>0</v>
      </c>
      <c r="CG19" s="280">
        <v>0</v>
      </c>
      <c r="CH19" s="280">
        <v>0</v>
      </c>
      <c r="CI19" s="280">
        <v>2</v>
      </c>
      <c r="CJ19" s="280">
        <v>2</v>
      </c>
      <c r="CK19" s="277">
        <v>4</v>
      </c>
      <c r="CL19" s="282">
        <v>4</v>
      </c>
      <c r="CM19" s="276">
        <v>0</v>
      </c>
      <c r="CN19" s="280">
        <v>0</v>
      </c>
      <c r="CO19" s="277">
        <v>0</v>
      </c>
      <c r="CP19" s="279">
        <v>0</v>
      </c>
      <c r="CQ19" s="280">
        <v>0</v>
      </c>
      <c r="CR19" s="280">
        <v>0</v>
      </c>
      <c r="CS19" s="280">
        <v>0</v>
      </c>
      <c r="CT19" s="280">
        <v>0</v>
      </c>
      <c r="CU19" s="280">
        <v>0</v>
      </c>
      <c r="CV19" s="277">
        <v>0</v>
      </c>
      <c r="CW19" s="282">
        <v>0</v>
      </c>
    </row>
    <row r="20" spans="2:101" ht="21" customHeight="1" x14ac:dyDescent="0.2">
      <c r="B20" s="261" t="s">
        <v>18</v>
      </c>
      <c r="C20" s="276">
        <v>0</v>
      </c>
      <c r="D20" s="277">
        <v>0</v>
      </c>
      <c r="E20" s="278">
        <v>0</v>
      </c>
      <c r="F20" s="279">
        <v>0</v>
      </c>
      <c r="G20" s="280">
        <v>0</v>
      </c>
      <c r="H20" s="280">
        <v>0</v>
      </c>
      <c r="I20" s="280">
        <v>0</v>
      </c>
      <c r="J20" s="280">
        <v>0</v>
      </c>
      <c r="K20" s="280">
        <v>1</v>
      </c>
      <c r="L20" s="281">
        <v>1</v>
      </c>
      <c r="M20" s="282">
        <v>1</v>
      </c>
      <c r="N20" s="276">
        <v>0</v>
      </c>
      <c r="O20" s="280">
        <v>0</v>
      </c>
      <c r="P20" s="277">
        <v>0</v>
      </c>
      <c r="Q20" s="279">
        <v>0</v>
      </c>
      <c r="R20" s="280">
        <v>0</v>
      </c>
      <c r="S20" s="280">
        <v>0</v>
      </c>
      <c r="T20" s="280">
        <v>0</v>
      </c>
      <c r="U20" s="280">
        <v>0</v>
      </c>
      <c r="V20" s="280">
        <v>0</v>
      </c>
      <c r="W20" s="277">
        <v>0</v>
      </c>
      <c r="X20" s="282">
        <v>0</v>
      </c>
      <c r="Y20" s="276">
        <v>0</v>
      </c>
      <c r="Z20" s="280">
        <v>0</v>
      </c>
      <c r="AA20" s="277">
        <v>0</v>
      </c>
      <c r="AB20" s="279">
        <v>0</v>
      </c>
      <c r="AC20" s="280">
        <v>24</v>
      </c>
      <c r="AD20" s="280">
        <v>10</v>
      </c>
      <c r="AE20" s="280">
        <v>8</v>
      </c>
      <c r="AF20" s="280">
        <v>1</v>
      </c>
      <c r="AG20" s="280">
        <v>1</v>
      </c>
      <c r="AH20" s="277">
        <v>44</v>
      </c>
      <c r="AI20" s="282">
        <v>44</v>
      </c>
      <c r="AJ20" s="276">
        <v>0</v>
      </c>
      <c r="AK20" s="280">
        <v>0</v>
      </c>
      <c r="AL20" s="277">
        <v>0</v>
      </c>
      <c r="AM20" s="279">
        <v>0</v>
      </c>
      <c r="AN20" s="280">
        <v>1</v>
      </c>
      <c r="AO20" s="280">
        <v>0</v>
      </c>
      <c r="AP20" s="280">
        <v>3</v>
      </c>
      <c r="AQ20" s="280">
        <v>1</v>
      </c>
      <c r="AR20" s="280">
        <v>0</v>
      </c>
      <c r="AS20" s="277">
        <v>5</v>
      </c>
      <c r="AT20" s="282">
        <v>5</v>
      </c>
      <c r="AU20" s="276">
        <v>0</v>
      </c>
      <c r="AV20" s="280">
        <v>0</v>
      </c>
      <c r="AW20" s="277">
        <v>0</v>
      </c>
      <c r="AX20" s="279">
        <v>0</v>
      </c>
      <c r="AY20" s="280">
        <v>1</v>
      </c>
      <c r="AZ20" s="280">
        <v>0</v>
      </c>
      <c r="BA20" s="280">
        <v>1</v>
      </c>
      <c r="BB20" s="280">
        <v>1</v>
      </c>
      <c r="BC20" s="280">
        <v>0</v>
      </c>
      <c r="BD20" s="277">
        <v>3</v>
      </c>
      <c r="BE20" s="282">
        <v>3</v>
      </c>
      <c r="BF20" s="276">
        <v>0</v>
      </c>
      <c r="BG20" s="280">
        <v>0</v>
      </c>
      <c r="BH20" s="277">
        <v>0</v>
      </c>
      <c r="BI20" s="279">
        <v>0</v>
      </c>
      <c r="BJ20" s="280">
        <v>2</v>
      </c>
      <c r="BK20" s="280">
        <v>1</v>
      </c>
      <c r="BL20" s="280">
        <v>5</v>
      </c>
      <c r="BM20" s="280">
        <v>1</v>
      </c>
      <c r="BN20" s="280">
        <v>1</v>
      </c>
      <c r="BO20" s="281">
        <v>10</v>
      </c>
      <c r="BP20" s="282">
        <v>10</v>
      </c>
      <c r="BQ20" s="276">
        <v>0</v>
      </c>
      <c r="BR20" s="280">
        <v>0</v>
      </c>
      <c r="BS20" s="277">
        <v>0</v>
      </c>
      <c r="BT20" s="279">
        <v>0</v>
      </c>
      <c r="BU20" s="280">
        <v>0</v>
      </c>
      <c r="BV20" s="280">
        <v>0</v>
      </c>
      <c r="BW20" s="280">
        <v>0</v>
      </c>
      <c r="BX20" s="280">
        <v>0</v>
      </c>
      <c r="BY20" s="280">
        <v>0</v>
      </c>
      <c r="BZ20" s="277">
        <v>0</v>
      </c>
      <c r="CA20" s="282">
        <v>0</v>
      </c>
      <c r="CB20" s="276">
        <v>0</v>
      </c>
      <c r="CC20" s="280">
        <v>0</v>
      </c>
      <c r="CD20" s="277">
        <v>0</v>
      </c>
      <c r="CE20" s="279">
        <v>0</v>
      </c>
      <c r="CF20" s="280">
        <v>0</v>
      </c>
      <c r="CG20" s="280">
        <v>0</v>
      </c>
      <c r="CH20" s="280">
        <v>1</v>
      </c>
      <c r="CI20" s="280">
        <v>1</v>
      </c>
      <c r="CJ20" s="280">
        <v>0</v>
      </c>
      <c r="CK20" s="277">
        <v>2</v>
      </c>
      <c r="CL20" s="282">
        <v>2</v>
      </c>
      <c r="CM20" s="276">
        <v>0</v>
      </c>
      <c r="CN20" s="280">
        <v>0</v>
      </c>
      <c r="CO20" s="277">
        <v>0</v>
      </c>
      <c r="CP20" s="279">
        <v>0</v>
      </c>
      <c r="CQ20" s="280">
        <v>0</v>
      </c>
      <c r="CR20" s="280">
        <v>1</v>
      </c>
      <c r="CS20" s="280">
        <v>0</v>
      </c>
      <c r="CT20" s="280">
        <v>0</v>
      </c>
      <c r="CU20" s="280">
        <v>5</v>
      </c>
      <c r="CV20" s="277">
        <v>6</v>
      </c>
      <c r="CW20" s="282">
        <v>6</v>
      </c>
    </row>
    <row r="21" spans="2:101" ht="21" customHeight="1" x14ac:dyDescent="0.2">
      <c r="B21" s="261" t="s">
        <v>19</v>
      </c>
      <c r="C21" s="276">
        <v>0</v>
      </c>
      <c r="D21" s="277">
        <v>0</v>
      </c>
      <c r="E21" s="278">
        <v>0</v>
      </c>
      <c r="F21" s="279">
        <v>0</v>
      </c>
      <c r="G21" s="280">
        <v>0</v>
      </c>
      <c r="H21" s="280">
        <v>1</v>
      </c>
      <c r="I21" s="280">
        <v>0</v>
      </c>
      <c r="J21" s="280">
        <v>2</v>
      </c>
      <c r="K21" s="280">
        <v>0</v>
      </c>
      <c r="L21" s="281">
        <v>3</v>
      </c>
      <c r="M21" s="282">
        <v>3</v>
      </c>
      <c r="N21" s="276">
        <v>0</v>
      </c>
      <c r="O21" s="280">
        <v>0</v>
      </c>
      <c r="P21" s="277">
        <v>0</v>
      </c>
      <c r="Q21" s="279">
        <v>0</v>
      </c>
      <c r="R21" s="280">
        <v>0</v>
      </c>
      <c r="S21" s="280">
        <v>0</v>
      </c>
      <c r="T21" s="280">
        <v>0</v>
      </c>
      <c r="U21" s="280">
        <v>1</v>
      </c>
      <c r="V21" s="280">
        <v>0</v>
      </c>
      <c r="W21" s="277">
        <v>1</v>
      </c>
      <c r="X21" s="282">
        <v>1</v>
      </c>
      <c r="Y21" s="276">
        <v>0</v>
      </c>
      <c r="Z21" s="280">
        <v>0</v>
      </c>
      <c r="AA21" s="277">
        <v>0</v>
      </c>
      <c r="AB21" s="279">
        <v>0</v>
      </c>
      <c r="AC21" s="280">
        <v>6</v>
      </c>
      <c r="AD21" s="280">
        <v>7</v>
      </c>
      <c r="AE21" s="280">
        <v>1</v>
      </c>
      <c r="AF21" s="280">
        <v>2</v>
      </c>
      <c r="AG21" s="280">
        <v>0</v>
      </c>
      <c r="AH21" s="277">
        <v>16</v>
      </c>
      <c r="AI21" s="282">
        <v>16</v>
      </c>
      <c r="AJ21" s="276">
        <v>0</v>
      </c>
      <c r="AK21" s="280">
        <v>0</v>
      </c>
      <c r="AL21" s="277">
        <v>0</v>
      </c>
      <c r="AM21" s="279">
        <v>0</v>
      </c>
      <c r="AN21" s="280">
        <v>1</v>
      </c>
      <c r="AO21" s="280">
        <v>3</v>
      </c>
      <c r="AP21" s="280">
        <v>0</v>
      </c>
      <c r="AQ21" s="280">
        <v>0</v>
      </c>
      <c r="AR21" s="280">
        <v>0</v>
      </c>
      <c r="AS21" s="277">
        <v>4</v>
      </c>
      <c r="AT21" s="282">
        <v>4</v>
      </c>
      <c r="AU21" s="276">
        <v>0</v>
      </c>
      <c r="AV21" s="280">
        <v>0</v>
      </c>
      <c r="AW21" s="277">
        <v>0</v>
      </c>
      <c r="AX21" s="279">
        <v>0</v>
      </c>
      <c r="AY21" s="280">
        <v>1</v>
      </c>
      <c r="AZ21" s="280">
        <v>0</v>
      </c>
      <c r="BA21" s="280">
        <v>1</v>
      </c>
      <c r="BB21" s="280">
        <v>1</v>
      </c>
      <c r="BC21" s="280">
        <v>0</v>
      </c>
      <c r="BD21" s="277">
        <v>3</v>
      </c>
      <c r="BE21" s="282">
        <v>3</v>
      </c>
      <c r="BF21" s="276">
        <v>0</v>
      </c>
      <c r="BG21" s="280">
        <v>0</v>
      </c>
      <c r="BH21" s="277">
        <v>0</v>
      </c>
      <c r="BI21" s="279">
        <v>0</v>
      </c>
      <c r="BJ21" s="280">
        <v>0</v>
      </c>
      <c r="BK21" s="280">
        <v>0</v>
      </c>
      <c r="BL21" s="280">
        <v>0</v>
      </c>
      <c r="BM21" s="280">
        <v>1</v>
      </c>
      <c r="BN21" s="280">
        <v>0</v>
      </c>
      <c r="BO21" s="281">
        <v>1</v>
      </c>
      <c r="BP21" s="282">
        <v>1</v>
      </c>
      <c r="BQ21" s="276">
        <v>0</v>
      </c>
      <c r="BR21" s="280">
        <v>0</v>
      </c>
      <c r="BS21" s="277">
        <v>0</v>
      </c>
      <c r="BT21" s="279">
        <v>0</v>
      </c>
      <c r="BU21" s="280">
        <v>0</v>
      </c>
      <c r="BV21" s="280">
        <v>0</v>
      </c>
      <c r="BW21" s="280">
        <v>0</v>
      </c>
      <c r="BX21" s="280">
        <v>0</v>
      </c>
      <c r="BY21" s="280">
        <v>0</v>
      </c>
      <c r="BZ21" s="277">
        <v>0</v>
      </c>
      <c r="CA21" s="282">
        <v>0</v>
      </c>
      <c r="CB21" s="276">
        <v>0</v>
      </c>
      <c r="CC21" s="280">
        <v>0</v>
      </c>
      <c r="CD21" s="277">
        <v>0</v>
      </c>
      <c r="CE21" s="279">
        <v>0</v>
      </c>
      <c r="CF21" s="280">
        <v>0</v>
      </c>
      <c r="CG21" s="280">
        <v>0</v>
      </c>
      <c r="CH21" s="280">
        <v>0</v>
      </c>
      <c r="CI21" s="280">
        <v>0</v>
      </c>
      <c r="CJ21" s="280">
        <v>0</v>
      </c>
      <c r="CK21" s="277">
        <v>0</v>
      </c>
      <c r="CL21" s="282">
        <v>0</v>
      </c>
      <c r="CM21" s="276">
        <v>0</v>
      </c>
      <c r="CN21" s="280">
        <v>0</v>
      </c>
      <c r="CO21" s="277">
        <v>0</v>
      </c>
      <c r="CP21" s="279">
        <v>0</v>
      </c>
      <c r="CQ21" s="280">
        <v>0</v>
      </c>
      <c r="CR21" s="280">
        <v>0</v>
      </c>
      <c r="CS21" s="280">
        <v>0</v>
      </c>
      <c r="CT21" s="280">
        <v>0</v>
      </c>
      <c r="CU21" s="280">
        <v>0</v>
      </c>
      <c r="CV21" s="277">
        <v>0</v>
      </c>
      <c r="CW21" s="282">
        <v>0</v>
      </c>
    </row>
    <row r="22" spans="2:101" ht="21" customHeight="1" x14ac:dyDescent="0.2">
      <c r="B22" s="261" t="s">
        <v>20</v>
      </c>
      <c r="C22" s="276">
        <v>0</v>
      </c>
      <c r="D22" s="277">
        <v>0</v>
      </c>
      <c r="E22" s="278">
        <v>0</v>
      </c>
      <c r="F22" s="279">
        <v>0</v>
      </c>
      <c r="G22" s="280">
        <v>0</v>
      </c>
      <c r="H22" s="280">
        <v>0</v>
      </c>
      <c r="I22" s="280">
        <v>0</v>
      </c>
      <c r="J22" s="280">
        <v>0</v>
      </c>
      <c r="K22" s="280">
        <v>0</v>
      </c>
      <c r="L22" s="281">
        <v>0</v>
      </c>
      <c r="M22" s="282">
        <v>0</v>
      </c>
      <c r="N22" s="276">
        <v>0</v>
      </c>
      <c r="O22" s="280">
        <v>0</v>
      </c>
      <c r="P22" s="277">
        <v>0</v>
      </c>
      <c r="Q22" s="279">
        <v>0</v>
      </c>
      <c r="R22" s="280">
        <v>0</v>
      </c>
      <c r="S22" s="280">
        <v>0</v>
      </c>
      <c r="T22" s="280">
        <v>0</v>
      </c>
      <c r="U22" s="280">
        <v>0</v>
      </c>
      <c r="V22" s="280">
        <v>0</v>
      </c>
      <c r="W22" s="277">
        <v>0</v>
      </c>
      <c r="X22" s="282">
        <v>0</v>
      </c>
      <c r="Y22" s="276">
        <v>0</v>
      </c>
      <c r="Z22" s="280">
        <v>0</v>
      </c>
      <c r="AA22" s="277">
        <v>0</v>
      </c>
      <c r="AB22" s="279">
        <v>0</v>
      </c>
      <c r="AC22" s="280">
        <v>11</v>
      </c>
      <c r="AD22" s="280">
        <v>7</v>
      </c>
      <c r="AE22" s="280">
        <v>1</v>
      </c>
      <c r="AF22" s="280">
        <v>0</v>
      </c>
      <c r="AG22" s="280">
        <v>0</v>
      </c>
      <c r="AH22" s="277">
        <v>19</v>
      </c>
      <c r="AI22" s="282">
        <v>19</v>
      </c>
      <c r="AJ22" s="276">
        <v>0</v>
      </c>
      <c r="AK22" s="280">
        <v>0</v>
      </c>
      <c r="AL22" s="277">
        <v>0</v>
      </c>
      <c r="AM22" s="279">
        <v>0</v>
      </c>
      <c r="AN22" s="280">
        <v>1</v>
      </c>
      <c r="AO22" s="280">
        <v>0</v>
      </c>
      <c r="AP22" s="280">
        <v>0</v>
      </c>
      <c r="AQ22" s="280">
        <v>0</v>
      </c>
      <c r="AR22" s="280">
        <v>1</v>
      </c>
      <c r="AS22" s="277">
        <v>2</v>
      </c>
      <c r="AT22" s="282">
        <v>2</v>
      </c>
      <c r="AU22" s="276">
        <v>0</v>
      </c>
      <c r="AV22" s="280">
        <v>1</v>
      </c>
      <c r="AW22" s="277">
        <v>1</v>
      </c>
      <c r="AX22" s="279">
        <v>0</v>
      </c>
      <c r="AY22" s="280">
        <v>1</v>
      </c>
      <c r="AZ22" s="280">
        <v>0</v>
      </c>
      <c r="BA22" s="280">
        <v>2</v>
      </c>
      <c r="BB22" s="280">
        <v>0</v>
      </c>
      <c r="BC22" s="280">
        <v>0</v>
      </c>
      <c r="BD22" s="277">
        <v>3</v>
      </c>
      <c r="BE22" s="282">
        <v>4</v>
      </c>
      <c r="BF22" s="276">
        <v>0</v>
      </c>
      <c r="BG22" s="280">
        <v>0</v>
      </c>
      <c r="BH22" s="277">
        <v>0</v>
      </c>
      <c r="BI22" s="279">
        <v>0</v>
      </c>
      <c r="BJ22" s="280">
        <v>1</v>
      </c>
      <c r="BK22" s="280">
        <v>1</v>
      </c>
      <c r="BL22" s="280">
        <v>1</v>
      </c>
      <c r="BM22" s="280">
        <v>0</v>
      </c>
      <c r="BN22" s="280">
        <v>1</v>
      </c>
      <c r="BO22" s="281">
        <v>4</v>
      </c>
      <c r="BP22" s="282">
        <v>4</v>
      </c>
      <c r="BQ22" s="276">
        <v>0</v>
      </c>
      <c r="BR22" s="280">
        <v>0</v>
      </c>
      <c r="BS22" s="277">
        <v>0</v>
      </c>
      <c r="BT22" s="279">
        <v>0</v>
      </c>
      <c r="BU22" s="280">
        <v>0</v>
      </c>
      <c r="BV22" s="280">
        <v>0</v>
      </c>
      <c r="BW22" s="280">
        <v>0</v>
      </c>
      <c r="BX22" s="280">
        <v>0</v>
      </c>
      <c r="BY22" s="280">
        <v>0</v>
      </c>
      <c r="BZ22" s="277">
        <v>0</v>
      </c>
      <c r="CA22" s="282">
        <v>0</v>
      </c>
      <c r="CB22" s="276">
        <v>0</v>
      </c>
      <c r="CC22" s="280">
        <v>0</v>
      </c>
      <c r="CD22" s="277">
        <v>0</v>
      </c>
      <c r="CE22" s="279">
        <v>0</v>
      </c>
      <c r="CF22" s="280">
        <v>0</v>
      </c>
      <c r="CG22" s="280">
        <v>0</v>
      </c>
      <c r="CH22" s="280">
        <v>0</v>
      </c>
      <c r="CI22" s="280">
        <v>0</v>
      </c>
      <c r="CJ22" s="280">
        <v>0</v>
      </c>
      <c r="CK22" s="277">
        <v>0</v>
      </c>
      <c r="CL22" s="282">
        <v>0</v>
      </c>
      <c r="CM22" s="276">
        <v>0</v>
      </c>
      <c r="CN22" s="280">
        <v>0</v>
      </c>
      <c r="CO22" s="277">
        <v>0</v>
      </c>
      <c r="CP22" s="279">
        <v>0</v>
      </c>
      <c r="CQ22" s="280">
        <v>0</v>
      </c>
      <c r="CR22" s="280">
        <v>0</v>
      </c>
      <c r="CS22" s="280">
        <v>0</v>
      </c>
      <c r="CT22" s="280">
        <v>0</v>
      </c>
      <c r="CU22" s="280">
        <v>0</v>
      </c>
      <c r="CV22" s="277">
        <v>0</v>
      </c>
      <c r="CW22" s="282">
        <v>0</v>
      </c>
    </row>
    <row r="23" spans="2:101" ht="21" customHeight="1" x14ac:dyDescent="0.2">
      <c r="B23" s="261" t="s">
        <v>21</v>
      </c>
      <c r="C23" s="276">
        <v>0</v>
      </c>
      <c r="D23" s="277">
        <v>0</v>
      </c>
      <c r="E23" s="278">
        <v>0</v>
      </c>
      <c r="F23" s="279">
        <v>0</v>
      </c>
      <c r="G23" s="280">
        <v>0</v>
      </c>
      <c r="H23" s="280">
        <v>0</v>
      </c>
      <c r="I23" s="280">
        <v>0</v>
      </c>
      <c r="J23" s="280">
        <v>0</v>
      </c>
      <c r="K23" s="280">
        <v>0</v>
      </c>
      <c r="L23" s="281">
        <v>0</v>
      </c>
      <c r="M23" s="282">
        <v>0</v>
      </c>
      <c r="N23" s="276">
        <v>0</v>
      </c>
      <c r="O23" s="280">
        <v>0</v>
      </c>
      <c r="P23" s="277">
        <v>0</v>
      </c>
      <c r="Q23" s="279">
        <v>0</v>
      </c>
      <c r="R23" s="280">
        <v>0</v>
      </c>
      <c r="S23" s="280">
        <v>0</v>
      </c>
      <c r="T23" s="280">
        <v>0</v>
      </c>
      <c r="U23" s="280">
        <v>0</v>
      </c>
      <c r="V23" s="280">
        <v>0</v>
      </c>
      <c r="W23" s="277">
        <v>0</v>
      </c>
      <c r="X23" s="282">
        <v>0</v>
      </c>
      <c r="Y23" s="276">
        <v>0</v>
      </c>
      <c r="Z23" s="280">
        <v>0</v>
      </c>
      <c r="AA23" s="277">
        <v>0</v>
      </c>
      <c r="AB23" s="279">
        <v>0</v>
      </c>
      <c r="AC23" s="280">
        <v>13</v>
      </c>
      <c r="AD23" s="280">
        <v>4</v>
      </c>
      <c r="AE23" s="280">
        <v>3</v>
      </c>
      <c r="AF23" s="280">
        <v>1</v>
      </c>
      <c r="AG23" s="280">
        <v>0</v>
      </c>
      <c r="AH23" s="277">
        <v>21</v>
      </c>
      <c r="AI23" s="282">
        <v>21</v>
      </c>
      <c r="AJ23" s="276">
        <v>0</v>
      </c>
      <c r="AK23" s="280">
        <v>0</v>
      </c>
      <c r="AL23" s="277">
        <v>0</v>
      </c>
      <c r="AM23" s="279">
        <v>0</v>
      </c>
      <c r="AN23" s="280">
        <v>0</v>
      </c>
      <c r="AO23" s="280">
        <v>0</v>
      </c>
      <c r="AP23" s="280">
        <v>0</v>
      </c>
      <c r="AQ23" s="280">
        <v>0</v>
      </c>
      <c r="AR23" s="280">
        <v>0</v>
      </c>
      <c r="AS23" s="277">
        <v>0</v>
      </c>
      <c r="AT23" s="282">
        <v>0</v>
      </c>
      <c r="AU23" s="276">
        <v>0</v>
      </c>
      <c r="AV23" s="280">
        <v>0</v>
      </c>
      <c r="AW23" s="277">
        <v>0</v>
      </c>
      <c r="AX23" s="279">
        <v>0</v>
      </c>
      <c r="AY23" s="280">
        <v>1</v>
      </c>
      <c r="AZ23" s="280">
        <v>0</v>
      </c>
      <c r="BA23" s="280">
        <v>0</v>
      </c>
      <c r="BB23" s="280">
        <v>1</v>
      </c>
      <c r="BC23" s="280">
        <v>0</v>
      </c>
      <c r="BD23" s="277">
        <v>2</v>
      </c>
      <c r="BE23" s="282">
        <v>2</v>
      </c>
      <c r="BF23" s="276">
        <v>0</v>
      </c>
      <c r="BG23" s="280">
        <v>0</v>
      </c>
      <c r="BH23" s="277">
        <v>0</v>
      </c>
      <c r="BI23" s="279">
        <v>0</v>
      </c>
      <c r="BJ23" s="280">
        <v>1</v>
      </c>
      <c r="BK23" s="280">
        <v>1</v>
      </c>
      <c r="BL23" s="280">
        <v>1</v>
      </c>
      <c r="BM23" s="280">
        <v>2</v>
      </c>
      <c r="BN23" s="280">
        <v>1</v>
      </c>
      <c r="BO23" s="281">
        <v>6</v>
      </c>
      <c r="BP23" s="282">
        <v>6</v>
      </c>
      <c r="BQ23" s="276">
        <v>0</v>
      </c>
      <c r="BR23" s="280">
        <v>0</v>
      </c>
      <c r="BS23" s="277">
        <v>0</v>
      </c>
      <c r="BT23" s="279">
        <v>0</v>
      </c>
      <c r="BU23" s="280">
        <v>0</v>
      </c>
      <c r="BV23" s="280">
        <v>0</v>
      </c>
      <c r="BW23" s="280">
        <v>0</v>
      </c>
      <c r="BX23" s="280">
        <v>0</v>
      </c>
      <c r="BY23" s="280">
        <v>0</v>
      </c>
      <c r="BZ23" s="277">
        <v>0</v>
      </c>
      <c r="CA23" s="282">
        <v>0</v>
      </c>
      <c r="CB23" s="276">
        <v>0</v>
      </c>
      <c r="CC23" s="280">
        <v>0</v>
      </c>
      <c r="CD23" s="277">
        <v>0</v>
      </c>
      <c r="CE23" s="279">
        <v>0</v>
      </c>
      <c r="CF23" s="280">
        <v>0</v>
      </c>
      <c r="CG23" s="280">
        <v>0</v>
      </c>
      <c r="CH23" s="280">
        <v>0</v>
      </c>
      <c r="CI23" s="280">
        <v>0</v>
      </c>
      <c r="CJ23" s="280">
        <v>0</v>
      </c>
      <c r="CK23" s="277">
        <v>0</v>
      </c>
      <c r="CL23" s="282">
        <v>0</v>
      </c>
      <c r="CM23" s="276">
        <v>0</v>
      </c>
      <c r="CN23" s="280">
        <v>0</v>
      </c>
      <c r="CO23" s="277">
        <v>0</v>
      </c>
      <c r="CP23" s="279">
        <v>0</v>
      </c>
      <c r="CQ23" s="280">
        <v>0</v>
      </c>
      <c r="CR23" s="280">
        <v>0</v>
      </c>
      <c r="CS23" s="280">
        <v>1</v>
      </c>
      <c r="CT23" s="280">
        <v>0</v>
      </c>
      <c r="CU23" s="280">
        <v>0</v>
      </c>
      <c r="CV23" s="277">
        <v>1</v>
      </c>
      <c r="CW23" s="282">
        <v>1</v>
      </c>
    </row>
    <row r="24" spans="2:101" ht="21" customHeight="1" x14ac:dyDescent="0.2">
      <c r="B24" s="261" t="s">
        <v>22</v>
      </c>
      <c r="C24" s="276">
        <v>0</v>
      </c>
      <c r="D24" s="277">
        <v>0</v>
      </c>
      <c r="E24" s="278">
        <v>0</v>
      </c>
      <c r="F24" s="279">
        <v>0</v>
      </c>
      <c r="G24" s="280">
        <v>3</v>
      </c>
      <c r="H24" s="280">
        <v>1</v>
      </c>
      <c r="I24" s="280">
        <v>0</v>
      </c>
      <c r="J24" s="280">
        <v>0</v>
      </c>
      <c r="K24" s="280">
        <v>0</v>
      </c>
      <c r="L24" s="281">
        <v>4</v>
      </c>
      <c r="M24" s="282">
        <v>4</v>
      </c>
      <c r="N24" s="276">
        <v>0</v>
      </c>
      <c r="O24" s="280">
        <v>0</v>
      </c>
      <c r="P24" s="277">
        <v>0</v>
      </c>
      <c r="Q24" s="279">
        <v>0</v>
      </c>
      <c r="R24" s="280">
        <v>0</v>
      </c>
      <c r="S24" s="280">
        <v>0</v>
      </c>
      <c r="T24" s="280">
        <v>0</v>
      </c>
      <c r="U24" s="280">
        <v>0</v>
      </c>
      <c r="V24" s="280">
        <v>0</v>
      </c>
      <c r="W24" s="277">
        <v>0</v>
      </c>
      <c r="X24" s="282">
        <v>0</v>
      </c>
      <c r="Y24" s="276">
        <v>0</v>
      </c>
      <c r="Z24" s="280">
        <v>0</v>
      </c>
      <c r="AA24" s="277">
        <v>0</v>
      </c>
      <c r="AB24" s="279">
        <v>0</v>
      </c>
      <c r="AC24" s="280">
        <v>9</v>
      </c>
      <c r="AD24" s="280">
        <v>2</v>
      </c>
      <c r="AE24" s="280">
        <v>0</v>
      </c>
      <c r="AF24" s="280">
        <v>0</v>
      </c>
      <c r="AG24" s="280">
        <v>0</v>
      </c>
      <c r="AH24" s="277">
        <v>11</v>
      </c>
      <c r="AI24" s="282">
        <v>11</v>
      </c>
      <c r="AJ24" s="276">
        <v>0</v>
      </c>
      <c r="AK24" s="280">
        <v>0</v>
      </c>
      <c r="AL24" s="277">
        <v>0</v>
      </c>
      <c r="AM24" s="279">
        <v>0</v>
      </c>
      <c r="AN24" s="280">
        <v>0</v>
      </c>
      <c r="AO24" s="280">
        <v>0</v>
      </c>
      <c r="AP24" s="280">
        <v>1</v>
      </c>
      <c r="AQ24" s="280">
        <v>0</v>
      </c>
      <c r="AR24" s="280">
        <v>0</v>
      </c>
      <c r="AS24" s="277">
        <v>1</v>
      </c>
      <c r="AT24" s="282">
        <v>1</v>
      </c>
      <c r="AU24" s="276">
        <v>1</v>
      </c>
      <c r="AV24" s="280">
        <v>0</v>
      </c>
      <c r="AW24" s="277">
        <v>1</v>
      </c>
      <c r="AX24" s="279">
        <v>0</v>
      </c>
      <c r="AY24" s="280">
        <v>0</v>
      </c>
      <c r="AZ24" s="280">
        <v>2</v>
      </c>
      <c r="BA24" s="280">
        <v>0</v>
      </c>
      <c r="BB24" s="280">
        <v>0</v>
      </c>
      <c r="BC24" s="280">
        <v>0</v>
      </c>
      <c r="BD24" s="277">
        <v>2</v>
      </c>
      <c r="BE24" s="282">
        <v>3</v>
      </c>
      <c r="BF24" s="276">
        <v>0</v>
      </c>
      <c r="BG24" s="280">
        <v>0</v>
      </c>
      <c r="BH24" s="277">
        <v>0</v>
      </c>
      <c r="BI24" s="279">
        <v>0</v>
      </c>
      <c r="BJ24" s="280">
        <v>1</v>
      </c>
      <c r="BK24" s="280">
        <v>0</v>
      </c>
      <c r="BL24" s="280">
        <v>1</v>
      </c>
      <c r="BM24" s="280">
        <v>0</v>
      </c>
      <c r="BN24" s="280">
        <v>0</v>
      </c>
      <c r="BO24" s="281">
        <v>2</v>
      </c>
      <c r="BP24" s="282">
        <v>2</v>
      </c>
      <c r="BQ24" s="276">
        <v>0</v>
      </c>
      <c r="BR24" s="280">
        <v>0</v>
      </c>
      <c r="BS24" s="277">
        <v>0</v>
      </c>
      <c r="BT24" s="279">
        <v>0</v>
      </c>
      <c r="BU24" s="280">
        <v>0</v>
      </c>
      <c r="BV24" s="280">
        <v>0</v>
      </c>
      <c r="BW24" s="280">
        <v>0</v>
      </c>
      <c r="BX24" s="280">
        <v>0</v>
      </c>
      <c r="BY24" s="280">
        <v>0</v>
      </c>
      <c r="BZ24" s="277">
        <v>0</v>
      </c>
      <c r="CA24" s="282">
        <v>0</v>
      </c>
      <c r="CB24" s="276">
        <v>0</v>
      </c>
      <c r="CC24" s="280">
        <v>0</v>
      </c>
      <c r="CD24" s="277">
        <v>0</v>
      </c>
      <c r="CE24" s="279">
        <v>0</v>
      </c>
      <c r="CF24" s="280">
        <v>0</v>
      </c>
      <c r="CG24" s="280">
        <v>0</v>
      </c>
      <c r="CH24" s="280">
        <v>0</v>
      </c>
      <c r="CI24" s="280">
        <v>0</v>
      </c>
      <c r="CJ24" s="280">
        <v>0</v>
      </c>
      <c r="CK24" s="277">
        <v>0</v>
      </c>
      <c r="CL24" s="282">
        <v>0</v>
      </c>
      <c r="CM24" s="276">
        <v>0</v>
      </c>
      <c r="CN24" s="280">
        <v>0</v>
      </c>
      <c r="CO24" s="277">
        <v>0</v>
      </c>
      <c r="CP24" s="279">
        <v>0</v>
      </c>
      <c r="CQ24" s="280">
        <v>0</v>
      </c>
      <c r="CR24" s="280">
        <v>0</v>
      </c>
      <c r="CS24" s="280">
        <v>0</v>
      </c>
      <c r="CT24" s="280">
        <v>0</v>
      </c>
      <c r="CU24" s="280">
        <v>0</v>
      </c>
      <c r="CV24" s="277">
        <v>0</v>
      </c>
      <c r="CW24" s="282">
        <v>0</v>
      </c>
    </row>
    <row r="25" spans="2:101" ht="21" customHeight="1" x14ac:dyDescent="0.2">
      <c r="B25" s="261" t="s">
        <v>23</v>
      </c>
      <c r="C25" s="276">
        <v>0</v>
      </c>
      <c r="D25" s="277">
        <v>0</v>
      </c>
      <c r="E25" s="278">
        <v>0</v>
      </c>
      <c r="F25" s="279">
        <v>0</v>
      </c>
      <c r="G25" s="280">
        <v>0</v>
      </c>
      <c r="H25" s="280">
        <v>0</v>
      </c>
      <c r="I25" s="280">
        <v>0</v>
      </c>
      <c r="J25" s="280">
        <v>0</v>
      </c>
      <c r="K25" s="280">
        <v>0</v>
      </c>
      <c r="L25" s="281">
        <v>0</v>
      </c>
      <c r="M25" s="282">
        <v>0</v>
      </c>
      <c r="N25" s="276">
        <v>0</v>
      </c>
      <c r="O25" s="280">
        <v>0</v>
      </c>
      <c r="P25" s="277">
        <v>0</v>
      </c>
      <c r="Q25" s="279">
        <v>0</v>
      </c>
      <c r="R25" s="280">
        <v>0</v>
      </c>
      <c r="S25" s="280">
        <v>0</v>
      </c>
      <c r="T25" s="280">
        <v>0</v>
      </c>
      <c r="U25" s="280">
        <v>0</v>
      </c>
      <c r="V25" s="280">
        <v>0</v>
      </c>
      <c r="W25" s="277">
        <v>0</v>
      </c>
      <c r="X25" s="282">
        <v>0</v>
      </c>
      <c r="Y25" s="276">
        <v>0</v>
      </c>
      <c r="Z25" s="280">
        <v>0</v>
      </c>
      <c r="AA25" s="277">
        <v>0</v>
      </c>
      <c r="AB25" s="279">
        <v>0</v>
      </c>
      <c r="AC25" s="280">
        <v>1</v>
      </c>
      <c r="AD25" s="280">
        <v>3</v>
      </c>
      <c r="AE25" s="280">
        <v>1</v>
      </c>
      <c r="AF25" s="280">
        <v>0</v>
      </c>
      <c r="AG25" s="280">
        <v>1</v>
      </c>
      <c r="AH25" s="277">
        <v>6</v>
      </c>
      <c r="AI25" s="282">
        <v>6</v>
      </c>
      <c r="AJ25" s="276">
        <v>0</v>
      </c>
      <c r="AK25" s="280">
        <v>0</v>
      </c>
      <c r="AL25" s="277">
        <v>0</v>
      </c>
      <c r="AM25" s="279">
        <v>0</v>
      </c>
      <c r="AN25" s="280">
        <v>0</v>
      </c>
      <c r="AO25" s="280">
        <v>0</v>
      </c>
      <c r="AP25" s="280">
        <v>0</v>
      </c>
      <c r="AQ25" s="280">
        <v>0</v>
      </c>
      <c r="AR25" s="280">
        <v>0</v>
      </c>
      <c r="AS25" s="277">
        <v>0</v>
      </c>
      <c r="AT25" s="282">
        <v>0</v>
      </c>
      <c r="AU25" s="276">
        <v>0</v>
      </c>
      <c r="AV25" s="280">
        <v>0</v>
      </c>
      <c r="AW25" s="277">
        <v>0</v>
      </c>
      <c r="AX25" s="279">
        <v>0</v>
      </c>
      <c r="AY25" s="280">
        <v>0</v>
      </c>
      <c r="AZ25" s="280">
        <v>0</v>
      </c>
      <c r="BA25" s="280">
        <v>0</v>
      </c>
      <c r="BB25" s="280">
        <v>0</v>
      </c>
      <c r="BC25" s="280">
        <v>0</v>
      </c>
      <c r="BD25" s="277">
        <v>0</v>
      </c>
      <c r="BE25" s="282">
        <v>0</v>
      </c>
      <c r="BF25" s="276">
        <v>0</v>
      </c>
      <c r="BG25" s="280">
        <v>0</v>
      </c>
      <c r="BH25" s="277">
        <v>0</v>
      </c>
      <c r="BI25" s="279">
        <v>0</v>
      </c>
      <c r="BJ25" s="280">
        <v>1</v>
      </c>
      <c r="BK25" s="280">
        <v>1</v>
      </c>
      <c r="BL25" s="280">
        <v>2</v>
      </c>
      <c r="BM25" s="280">
        <v>0</v>
      </c>
      <c r="BN25" s="280">
        <v>0</v>
      </c>
      <c r="BO25" s="281">
        <v>4</v>
      </c>
      <c r="BP25" s="282">
        <v>4</v>
      </c>
      <c r="BQ25" s="276">
        <v>0</v>
      </c>
      <c r="BR25" s="280">
        <v>0</v>
      </c>
      <c r="BS25" s="277">
        <v>0</v>
      </c>
      <c r="BT25" s="279">
        <v>0</v>
      </c>
      <c r="BU25" s="280">
        <v>0</v>
      </c>
      <c r="BV25" s="280">
        <v>0</v>
      </c>
      <c r="BW25" s="280">
        <v>0</v>
      </c>
      <c r="BX25" s="280">
        <v>0</v>
      </c>
      <c r="BY25" s="280">
        <v>0</v>
      </c>
      <c r="BZ25" s="277">
        <v>0</v>
      </c>
      <c r="CA25" s="282">
        <v>0</v>
      </c>
      <c r="CB25" s="276">
        <v>0</v>
      </c>
      <c r="CC25" s="280">
        <v>0</v>
      </c>
      <c r="CD25" s="277">
        <v>0</v>
      </c>
      <c r="CE25" s="279">
        <v>0</v>
      </c>
      <c r="CF25" s="280">
        <v>0</v>
      </c>
      <c r="CG25" s="280">
        <v>0</v>
      </c>
      <c r="CH25" s="280">
        <v>0</v>
      </c>
      <c r="CI25" s="280">
        <v>0</v>
      </c>
      <c r="CJ25" s="280">
        <v>0</v>
      </c>
      <c r="CK25" s="277">
        <v>0</v>
      </c>
      <c r="CL25" s="282">
        <v>0</v>
      </c>
      <c r="CM25" s="276">
        <v>0</v>
      </c>
      <c r="CN25" s="280">
        <v>0</v>
      </c>
      <c r="CO25" s="277">
        <v>0</v>
      </c>
      <c r="CP25" s="279">
        <v>0</v>
      </c>
      <c r="CQ25" s="280">
        <v>0</v>
      </c>
      <c r="CR25" s="280">
        <v>0</v>
      </c>
      <c r="CS25" s="280">
        <v>0</v>
      </c>
      <c r="CT25" s="280">
        <v>0</v>
      </c>
      <c r="CU25" s="280">
        <v>0</v>
      </c>
      <c r="CV25" s="277">
        <v>0</v>
      </c>
      <c r="CW25" s="282">
        <v>0</v>
      </c>
    </row>
    <row r="26" spans="2:101" ht="21" customHeight="1" x14ac:dyDescent="0.2">
      <c r="B26" s="261" t="s">
        <v>24</v>
      </c>
      <c r="C26" s="276">
        <v>0</v>
      </c>
      <c r="D26" s="277">
        <v>0</v>
      </c>
      <c r="E26" s="278">
        <v>0</v>
      </c>
      <c r="F26" s="279">
        <v>0</v>
      </c>
      <c r="G26" s="280">
        <v>1</v>
      </c>
      <c r="H26" s="280">
        <v>0</v>
      </c>
      <c r="I26" s="280">
        <v>0</v>
      </c>
      <c r="J26" s="280">
        <v>1</v>
      </c>
      <c r="K26" s="280">
        <v>0</v>
      </c>
      <c r="L26" s="281">
        <v>2</v>
      </c>
      <c r="M26" s="282">
        <v>2</v>
      </c>
      <c r="N26" s="276">
        <v>0</v>
      </c>
      <c r="O26" s="280">
        <v>0</v>
      </c>
      <c r="P26" s="277">
        <v>0</v>
      </c>
      <c r="Q26" s="279">
        <v>0</v>
      </c>
      <c r="R26" s="280">
        <v>0</v>
      </c>
      <c r="S26" s="280">
        <v>0</v>
      </c>
      <c r="T26" s="280">
        <v>0</v>
      </c>
      <c r="U26" s="280">
        <v>0</v>
      </c>
      <c r="V26" s="280">
        <v>0</v>
      </c>
      <c r="W26" s="277">
        <v>0</v>
      </c>
      <c r="X26" s="282">
        <v>0</v>
      </c>
      <c r="Y26" s="276">
        <v>0</v>
      </c>
      <c r="Z26" s="280">
        <v>0</v>
      </c>
      <c r="AA26" s="277">
        <v>0</v>
      </c>
      <c r="AB26" s="279">
        <v>0</v>
      </c>
      <c r="AC26" s="280">
        <v>1</v>
      </c>
      <c r="AD26" s="280">
        <v>0</v>
      </c>
      <c r="AE26" s="280">
        <v>1</v>
      </c>
      <c r="AF26" s="280">
        <v>0</v>
      </c>
      <c r="AG26" s="280">
        <v>0</v>
      </c>
      <c r="AH26" s="277">
        <v>2</v>
      </c>
      <c r="AI26" s="282">
        <v>2</v>
      </c>
      <c r="AJ26" s="276">
        <v>0</v>
      </c>
      <c r="AK26" s="280">
        <v>0</v>
      </c>
      <c r="AL26" s="277">
        <v>0</v>
      </c>
      <c r="AM26" s="279">
        <v>0</v>
      </c>
      <c r="AN26" s="280">
        <v>0</v>
      </c>
      <c r="AO26" s="280">
        <v>1</v>
      </c>
      <c r="AP26" s="280">
        <v>0</v>
      </c>
      <c r="AQ26" s="280">
        <v>0</v>
      </c>
      <c r="AR26" s="280">
        <v>1</v>
      </c>
      <c r="AS26" s="277">
        <v>2</v>
      </c>
      <c r="AT26" s="282">
        <v>2</v>
      </c>
      <c r="AU26" s="276">
        <v>0</v>
      </c>
      <c r="AV26" s="280">
        <v>0</v>
      </c>
      <c r="AW26" s="277">
        <v>0</v>
      </c>
      <c r="AX26" s="279">
        <v>0</v>
      </c>
      <c r="AY26" s="280">
        <v>3</v>
      </c>
      <c r="AZ26" s="280">
        <v>0</v>
      </c>
      <c r="BA26" s="280">
        <v>2</v>
      </c>
      <c r="BB26" s="280">
        <v>0</v>
      </c>
      <c r="BC26" s="280">
        <v>0</v>
      </c>
      <c r="BD26" s="277">
        <v>5</v>
      </c>
      <c r="BE26" s="282">
        <v>5</v>
      </c>
      <c r="BF26" s="276">
        <v>0</v>
      </c>
      <c r="BG26" s="280">
        <v>0</v>
      </c>
      <c r="BH26" s="277">
        <v>0</v>
      </c>
      <c r="BI26" s="279">
        <v>0</v>
      </c>
      <c r="BJ26" s="280">
        <v>0</v>
      </c>
      <c r="BK26" s="280">
        <v>0</v>
      </c>
      <c r="BL26" s="280">
        <v>1</v>
      </c>
      <c r="BM26" s="280">
        <v>0</v>
      </c>
      <c r="BN26" s="280">
        <v>1</v>
      </c>
      <c r="BO26" s="281">
        <v>2</v>
      </c>
      <c r="BP26" s="282">
        <v>2</v>
      </c>
      <c r="BQ26" s="276">
        <v>0</v>
      </c>
      <c r="BR26" s="280">
        <v>0</v>
      </c>
      <c r="BS26" s="277">
        <v>0</v>
      </c>
      <c r="BT26" s="279">
        <v>0</v>
      </c>
      <c r="BU26" s="280">
        <v>0</v>
      </c>
      <c r="BV26" s="280">
        <v>0</v>
      </c>
      <c r="BW26" s="280">
        <v>0</v>
      </c>
      <c r="BX26" s="280">
        <v>0</v>
      </c>
      <c r="BY26" s="280">
        <v>0</v>
      </c>
      <c r="BZ26" s="277">
        <v>0</v>
      </c>
      <c r="CA26" s="282">
        <v>0</v>
      </c>
      <c r="CB26" s="276">
        <v>0</v>
      </c>
      <c r="CC26" s="280">
        <v>0</v>
      </c>
      <c r="CD26" s="277">
        <v>0</v>
      </c>
      <c r="CE26" s="279">
        <v>0</v>
      </c>
      <c r="CF26" s="280">
        <v>0</v>
      </c>
      <c r="CG26" s="280">
        <v>0</v>
      </c>
      <c r="CH26" s="280">
        <v>0</v>
      </c>
      <c r="CI26" s="280">
        <v>0</v>
      </c>
      <c r="CJ26" s="280">
        <v>0</v>
      </c>
      <c r="CK26" s="277">
        <v>0</v>
      </c>
      <c r="CL26" s="282">
        <v>0</v>
      </c>
      <c r="CM26" s="276">
        <v>0</v>
      </c>
      <c r="CN26" s="280">
        <v>0</v>
      </c>
      <c r="CO26" s="277">
        <v>0</v>
      </c>
      <c r="CP26" s="279">
        <v>0</v>
      </c>
      <c r="CQ26" s="280">
        <v>0</v>
      </c>
      <c r="CR26" s="280">
        <v>0</v>
      </c>
      <c r="CS26" s="280">
        <v>0</v>
      </c>
      <c r="CT26" s="280">
        <v>0</v>
      </c>
      <c r="CU26" s="280">
        <v>0</v>
      </c>
      <c r="CV26" s="277">
        <v>0</v>
      </c>
      <c r="CW26" s="282">
        <v>0</v>
      </c>
    </row>
    <row r="27" spans="2:101" ht="21" customHeight="1" x14ac:dyDescent="0.2">
      <c r="B27" s="261" t="s">
        <v>25</v>
      </c>
      <c r="C27" s="276">
        <v>0</v>
      </c>
      <c r="D27" s="277">
        <v>0</v>
      </c>
      <c r="E27" s="278">
        <v>0</v>
      </c>
      <c r="F27" s="279">
        <v>0</v>
      </c>
      <c r="G27" s="280">
        <v>0</v>
      </c>
      <c r="H27" s="280">
        <v>0</v>
      </c>
      <c r="I27" s="280">
        <v>0</v>
      </c>
      <c r="J27" s="280">
        <v>0</v>
      </c>
      <c r="K27" s="280">
        <v>0</v>
      </c>
      <c r="L27" s="281">
        <v>0</v>
      </c>
      <c r="M27" s="282">
        <v>0</v>
      </c>
      <c r="N27" s="276">
        <v>0</v>
      </c>
      <c r="O27" s="280">
        <v>0</v>
      </c>
      <c r="P27" s="277">
        <v>0</v>
      </c>
      <c r="Q27" s="279">
        <v>0</v>
      </c>
      <c r="R27" s="280">
        <v>0</v>
      </c>
      <c r="S27" s="280">
        <v>0</v>
      </c>
      <c r="T27" s="280">
        <v>0</v>
      </c>
      <c r="U27" s="280">
        <v>0</v>
      </c>
      <c r="V27" s="280">
        <v>0</v>
      </c>
      <c r="W27" s="277">
        <v>0</v>
      </c>
      <c r="X27" s="282">
        <v>0</v>
      </c>
      <c r="Y27" s="276">
        <v>0</v>
      </c>
      <c r="Z27" s="280">
        <v>0</v>
      </c>
      <c r="AA27" s="277">
        <v>0</v>
      </c>
      <c r="AB27" s="279">
        <v>0</v>
      </c>
      <c r="AC27" s="280">
        <v>3</v>
      </c>
      <c r="AD27" s="280">
        <v>1</v>
      </c>
      <c r="AE27" s="280">
        <v>1</v>
      </c>
      <c r="AF27" s="280">
        <v>0</v>
      </c>
      <c r="AG27" s="280">
        <v>0</v>
      </c>
      <c r="AH27" s="277">
        <v>5</v>
      </c>
      <c r="AI27" s="282">
        <v>5</v>
      </c>
      <c r="AJ27" s="276">
        <v>0</v>
      </c>
      <c r="AK27" s="280">
        <v>0</v>
      </c>
      <c r="AL27" s="277">
        <v>0</v>
      </c>
      <c r="AM27" s="279">
        <v>0</v>
      </c>
      <c r="AN27" s="280">
        <v>0</v>
      </c>
      <c r="AO27" s="280">
        <v>0</v>
      </c>
      <c r="AP27" s="280">
        <v>0</v>
      </c>
      <c r="AQ27" s="280">
        <v>0</v>
      </c>
      <c r="AR27" s="280">
        <v>0</v>
      </c>
      <c r="AS27" s="277">
        <v>0</v>
      </c>
      <c r="AT27" s="282">
        <v>0</v>
      </c>
      <c r="AU27" s="276">
        <v>0</v>
      </c>
      <c r="AV27" s="280">
        <v>0</v>
      </c>
      <c r="AW27" s="277">
        <v>0</v>
      </c>
      <c r="AX27" s="279">
        <v>0</v>
      </c>
      <c r="AY27" s="280">
        <v>0</v>
      </c>
      <c r="AZ27" s="280">
        <v>0</v>
      </c>
      <c r="BA27" s="280">
        <v>0</v>
      </c>
      <c r="BB27" s="280">
        <v>0</v>
      </c>
      <c r="BC27" s="280">
        <v>0</v>
      </c>
      <c r="BD27" s="277">
        <v>0</v>
      </c>
      <c r="BE27" s="282">
        <v>0</v>
      </c>
      <c r="BF27" s="276">
        <v>0</v>
      </c>
      <c r="BG27" s="280">
        <v>0</v>
      </c>
      <c r="BH27" s="277">
        <v>0</v>
      </c>
      <c r="BI27" s="279">
        <v>0</v>
      </c>
      <c r="BJ27" s="280">
        <v>1</v>
      </c>
      <c r="BK27" s="280">
        <v>0</v>
      </c>
      <c r="BL27" s="280">
        <v>0</v>
      </c>
      <c r="BM27" s="280">
        <v>0</v>
      </c>
      <c r="BN27" s="280">
        <v>0</v>
      </c>
      <c r="BO27" s="281">
        <v>1</v>
      </c>
      <c r="BP27" s="282">
        <v>1</v>
      </c>
      <c r="BQ27" s="276">
        <v>0</v>
      </c>
      <c r="BR27" s="280">
        <v>0</v>
      </c>
      <c r="BS27" s="277">
        <v>0</v>
      </c>
      <c r="BT27" s="279">
        <v>0</v>
      </c>
      <c r="BU27" s="280">
        <v>0</v>
      </c>
      <c r="BV27" s="280">
        <v>0</v>
      </c>
      <c r="BW27" s="280">
        <v>0</v>
      </c>
      <c r="BX27" s="280">
        <v>0</v>
      </c>
      <c r="BY27" s="280">
        <v>0</v>
      </c>
      <c r="BZ27" s="277">
        <v>0</v>
      </c>
      <c r="CA27" s="282">
        <v>0</v>
      </c>
      <c r="CB27" s="276">
        <v>0</v>
      </c>
      <c r="CC27" s="280">
        <v>0</v>
      </c>
      <c r="CD27" s="277">
        <v>0</v>
      </c>
      <c r="CE27" s="279">
        <v>0</v>
      </c>
      <c r="CF27" s="280">
        <v>0</v>
      </c>
      <c r="CG27" s="280">
        <v>0</v>
      </c>
      <c r="CH27" s="280">
        <v>0</v>
      </c>
      <c r="CI27" s="280">
        <v>0</v>
      </c>
      <c r="CJ27" s="280">
        <v>0</v>
      </c>
      <c r="CK27" s="277">
        <v>0</v>
      </c>
      <c r="CL27" s="282">
        <v>0</v>
      </c>
      <c r="CM27" s="276">
        <v>0</v>
      </c>
      <c r="CN27" s="280">
        <v>0</v>
      </c>
      <c r="CO27" s="277">
        <v>0</v>
      </c>
      <c r="CP27" s="279">
        <v>0</v>
      </c>
      <c r="CQ27" s="280">
        <v>0</v>
      </c>
      <c r="CR27" s="280">
        <v>0</v>
      </c>
      <c r="CS27" s="280">
        <v>0</v>
      </c>
      <c r="CT27" s="280">
        <v>0</v>
      </c>
      <c r="CU27" s="280">
        <v>0</v>
      </c>
      <c r="CV27" s="277">
        <v>0</v>
      </c>
      <c r="CW27" s="282">
        <v>0</v>
      </c>
    </row>
    <row r="28" spans="2:101" ht="21" customHeight="1" x14ac:dyDescent="0.2">
      <c r="B28" s="261" t="s">
        <v>26</v>
      </c>
      <c r="C28" s="276">
        <v>0</v>
      </c>
      <c r="D28" s="277">
        <v>0</v>
      </c>
      <c r="E28" s="278">
        <v>0</v>
      </c>
      <c r="F28" s="279">
        <v>0</v>
      </c>
      <c r="G28" s="280">
        <v>0</v>
      </c>
      <c r="H28" s="280">
        <v>0</v>
      </c>
      <c r="I28" s="280">
        <v>0</v>
      </c>
      <c r="J28" s="280">
        <v>0</v>
      </c>
      <c r="K28" s="280">
        <v>0</v>
      </c>
      <c r="L28" s="281">
        <v>0</v>
      </c>
      <c r="M28" s="282">
        <v>0</v>
      </c>
      <c r="N28" s="276">
        <v>0</v>
      </c>
      <c r="O28" s="280">
        <v>0</v>
      </c>
      <c r="P28" s="277">
        <v>0</v>
      </c>
      <c r="Q28" s="279">
        <v>0</v>
      </c>
      <c r="R28" s="280">
        <v>0</v>
      </c>
      <c r="S28" s="280">
        <v>0</v>
      </c>
      <c r="T28" s="280">
        <v>0</v>
      </c>
      <c r="U28" s="280">
        <v>0</v>
      </c>
      <c r="V28" s="280">
        <v>0</v>
      </c>
      <c r="W28" s="277">
        <v>0</v>
      </c>
      <c r="X28" s="282">
        <v>0</v>
      </c>
      <c r="Y28" s="276">
        <v>0</v>
      </c>
      <c r="Z28" s="280">
        <v>0</v>
      </c>
      <c r="AA28" s="277">
        <v>0</v>
      </c>
      <c r="AB28" s="279">
        <v>0</v>
      </c>
      <c r="AC28" s="280">
        <v>2</v>
      </c>
      <c r="AD28" s="280">
        <v>2</v>
      </c>
      <c r="AE28" s="280">
        <v>0</v>
      </c>
      <c r="AF28" s="280">
        <v>0</v>
      </c>
      <c r="AG28" s="280">
        <v>0</v>
      </c>
      <c r="AH28" s="277">
        <v>4</v>
      </c>
      <c r="AI28" s="282">
        <v>4</v>
      </c>
      <c r="AJ28" s="276">
        <v>0</v>
      </c>
      <c r="AK28" s="280">
        <v>0</v>
      </c>
      <c r="AL28" s="277">
        <v>0</v>
      </c>
      <c r="AM28" s="279">
        <v>0</v>
      </c>
      <c r="AN28" s="280">
        <v>0</v>
      </c>
      <c r="AO28" s="280">
        <v>0</v>
      </c>
      <c r="AP28" s="280">
        <v>0</v>
      </c>
      <c r="AQ28" s="280">
        <v>0</v>
      </c>
      <c r="AR28" s="280">
        <v>0</v>
      </c>
      <c r="AS28" s="277">
        <v>0</v>
      </c>
      <c r="AT28" s="282">
        <v>0</v>
      </c>
      <c r="AU28" s="276">
        <v>0</v>
      </c>
      <c r="AV28" s="280">
        <v>0</v>
      </c>
      <c r="AW28" s="277">
        <v>0</v>
      </c>
      <c r="AX28" s="279">
        <v>0</v>
      </c>
      <c r="AY28" s="280">
        <v>1</v>
      </c>
      <c r="AZ28" s="280">
        <v>0</v>
      </c>
      <c r="BA28" s="280">
        <v>0</v>
      </c>
      <c r="BB28" s="280">
        <v>0</v>
      </c>
      <c r="BC28" s="280">
        <v>0</v>
      </c>
      <c r="BD28" s="277">
        <v>1</v>
      </c>
      <c r="BE28" s="282">
        <v>1</v>
      </c>
      <c r="BF28" s="276">
        <v>0</v>
      </c>
      <c r="BG28" s="280">
        <v>0</v>
      </c>
      <c r="BH28" s="277">
        <v>0</v>
      </c>
      <c r="BI28" s="279">
        <v>0</v>
      </c>
      <c r="BJ28" s="280">
        <v>0</v>
      </c>
      <c r="BK28" s="280">
        <v>0</v>
      </c>
      <c r="BL28" s="280">
        <v>1</v>
      </c>
      <c r="BM28" s="280">
        <v>2</v>
      </c>
      <c r="BN28" s="280">
        <v>2</v>
      </c>
      <c r="BO28" s="281">
        <v>5</v>
      </c>
      <c r="BP28" s="282">
        <v>5</v>
      </c>
      <c r="BQ28" s="276">
        <v>0</v>
      </c>
      <c r="BR28" s="280">
        <v>0</v>
      </c>
      <c r="BS28" s="277">
        <v>0</v>
      </c>
      <c r="BT28" s="279">
        <v>0</v>
      </c>
      <c r="BU28" s="280">
        <v>0</v>
      </c>
      <c r="BV28" s="280">
        <v>0</v>
      </c>
      <c r="BW28" s="280">
        <v>0</v>
      </c>
      <c r="BX28" s="280">
        <v>0</v>
      </c>
      <c r="BY28" s="280">
        <v>0</v>
      </c>
      <c r="BZ28" s="277">
        <v>0</v>
      </c>
      <c r="CA28" s="282">
        <v>0</v>
      </c>
      <c r="CB28" s="276">
        <v>0</v>
      </c>
      <c r="CC28" s="280">
        <v>0</v>
      </c>
      <c r="CD28" s="277">
        <v>0</v>
      </c>
      <c r="CE28" s="279">
        <v>0</v>
      </c>
      <c r="CF28" s="280">
        <v>0</v>
      </c>
      <c r="CG28" s="280">
        <v>0</v>
      </c>
      <c r="CH28" s="280">
        <v>0</v>
      </c>
      <c r="CI28" s="280">
        <v>0</v>
      </c>
      <c r="CJ28" s="280">
        <v>0</v>
      </c>
      <c r="CK28" s="277">
        <v>0</v>
      </c>
      <c r="CL28" s="282">
        <v>0</v>
      </c>
      <c r="CM28" s="276">
        <v>0</v>
      </c>
      <c r="CN28" s="280">
        <v>0</v>
      </c>
      <c r="CO28" s="277">
        <v>0</v>
      </c>
      <c r="CP28" s="279">
        <v>0</v>
      </c>
      <c r="CQ28" s="280">
        <v>0</v>
      </c>
      <c r="CR28" s="280">
        <v>0</v>
      </c>
      <c r="CS28" s="280">
        <v>0</v>
      </c>
      <c r="CT28" s="280">
        <v>0</v>
      </c>
      <c r="CU28" s="280">
        <v>0</v>
      </c>
      <c r="CV28" s="277">
        <v>0</v>
      </c>
      <c r="CW28" s="282">
        <v>0</v>
      </c>
    </row>
    <row r="29" spans="2:101" ht="21" customHeight="1" x14ac:dyDescent="0.2">
      <c r="B29" s="261" t="s">
        <v>27</v>
      </c>
      <c r="C29" s="276">
        <v>0</v>
      </c>
      <c r="D29" s="277">
        <v>0</v>
      </c>
      <c r="E29" s="278">
        <v>0</v>
      </c>
      <c r="F29" s="279">
        <v>0</v>
      </c>
      <c r="G29" s="280">
        <v>0</v>
      </c>
      <c r="H29" s="280">
        <v>0</v>
      </c>
      <c r="I29" s="280">
        <v>0</v>
      </c>
      <c r="J29" s="280">
        <v>0</v>
      </c>
      <c r="K29" s="280">
        <v>0</v>
      </c>
      <c r="L29" s="281">
        <v>0</v>
      </c>
      <c r="M29" s="282">
        <v>0</v>
      </c>
      <c r="N29" s="276">
        <v>0</v>
      </c>
      <c r="O29" s="280">
        <v>0</v>
      </c>
      <c r="P29" s="277">
        <v>0</v>
      </c>
      <c r="Q29" s="279">
        <v>0</v>
      </c>
      <c r="R29" s="280">
        <v>0</v>
      </c>
      <c r="S29" s="280">
        <v>0</v>
      </c>
      <c r="T29" s="280">
        <v>0</v>
      </c>
      <c r="U29" s="280">
        <v>0</v>
      </c>
      <c r="V29" s="280">
        <v>0</v>
      </c>
      <c r="W29" s="277">
        <v>0</v>
      </c>
      <c r="X29" s="282">
        <v>0</v>
      </c>
      <c r="Y29" s="276">
        <v>0</v>
      </c>
      <c r="Z29" s="280">
        <v>0</v>
      </c>
      <c r="AA29" s="277">
        <v>0</v>
      </c>
      <c r="AB29" s="279">
        <v>0</v>
      </c>
      <c r="AC29" s="280">
        <v>2</v>
      </c>
      <c r="AD29" s="280">
        <v>1</v>
      </c>
      <c r="AE29" s="280">
        <v>0</v>
      </c>
      <c r="AF29" s="280">
        <v>0</v>
      </c>
      <c r="AG29" s="280">
        <v>0</v>
      </c>
      <c r="AH29" s="277">
        <v>3</v>
      </c>
      <c r="AI29" s="282">
        <v>3</v>
      </c>
      <c r="AJ29" s="276">
        <v>0</v>
      </c>
      <c r="AK29" s="280">
        <v>0</v>
      </c>
      <c r="AL29" s="277">
        <v>0</v>
      </c>
      <c r="AM29" s="279">
        <v>0</v>
      </c>
      <c r="AN29" s="280">
        <v>0</v>
      </c>
      <c r="AO29" s="280">
        <v>0</v>
      </c>
      <c r="AP29" s="280">
        <v>1</v>
      </c>
      <c r="AQ29" s="280">
        <v>0</v>
      </c>
      <c r="AR29" s="280">
        <v>0</v>
      </c>
      <c r="AS29" s="277">
        <v>1</v>
      </c>
      <c r="AT29" s="282">
        <v>1</v>
      </c>
      <c r="AU29" s="276">
        <v>0</v>
      </c>
      <c r="AV29" s="280">
        <v>0</v>
      </c>
      <c r="AW29" s="277">
        <v>0</v>
      </c>
      <c r="AX29" s="279">
        <v>0</v>
      </c>
      <c r="AY29" s="280">
        <v>0</v>
      </c>
      <c r="AZ29" s="280">
        <v>0</v>
      </c>
      <c r="BA29" s="280">
        <v>0</v>
      </c>
      <c r="BB29" s="280">
        <v>0</v>
      </c>
      <c r="BC29" s="280">
        <v>0</v>
      </c>
      <c r="BD29" s="277">
        <v>0</v>
      </c>
      <c r="BE29" s="282">
        <v>0</v>
      </c>
      <c r="BF29" s="276">
        <v>0</v>
      </c>
      <c r="BG29" s="280">
        <v>0</v>
      </c>
      <c r="BH29" s="277">
        <v>0</v>
      </c>
      <c r="BI29" s="279">
        <v>0</v>
      </c>
      <c r="BJ29" s="280">
        <v>0</v>
      </c>
      <c r="BK29" s="280">
        <v>0</v>
      </c>
      <c r="BL29" s="280">
        <v>0</v>
      </c>
      <c r="BM29" s="280">
        <v>0</v>
      </c>
      <c r="BN29" s="280">
        <v>0</v>
      </c>
      <c r="BO29" s="281">
        <v>0</v>
      </c>
      <c r="BP29" s="282">
        <v>0</v>
      </c>
      <c r="BQ29" s="276">
        <v>0</v>
      </c>
      <c r="BR29" s="280">
        <v>0</v>
      </c>
      <c r="BS29" s="277">
        <v>0</v>
      </c>
      <c r="BT29" s="279">
        <v>0</v>
      </c>
      <c r="BU29" s="280">
        <v>0</v>
      </c>
      <c r="BV29" s="280">
        <v>0</v>
      </c>
      <c r="BW29" s="280">
        <v>0</v>
      </c>
      <c r="BX29" s="280">
        <v>0</v>
      </c>
      <c r="BY29" s="280">
        <v>0</v>
      </c>
      <c r="BZ29" s="277">
        <v>0</v>
      </c>
      <c r="CA29" s="282">
        <v>0</v>
      </c>
      <c r="CB29" s="276">
        <v>0</v>
      </c>
      <c r="CC29" s="280">
        <v>0</v>
      </c>
      <c r="CD29" s="277">
        <v>0</v>
      </c>
      <c r="CE29" s="279">
        <v>0</v>
      </c>
      <c r="CF29" s="280">
        <v>0</v>
      </c>
      <c r="CG29" s="280">
        <v>0</v>
      </c>
      <c r="CH29" s="280">
        <v>0</v>
      </c>
      <c r="CI29" s="280">
        <v>0</v>
      </c>
      <c r="CJ29" s="280">
        <v>0</v>
      </c>
      <c r="CK29" s="277">
        <v>0</v>
      </c>
      <c r="CL29" s="282">
        <v>0</v>
      </c>
      <c r="CM29" s="276">
        <v>0</v>
      </c>
      <c r="CN29" s="280">
        <v>0</v>
      </c>
      <c r="CO29" s="277">
        <v>0</v>
      </c>
      <c r="CP29" s="279">
        <v>0</v>
      </c>
      <c r="CQ29" s="280">
        <v>0</v>
      </c>
      <c r="CR29" s="280">
        <v>0</v>
      </c>
      <c r="CS29" s="280">
        <v>0</v>
      </c>
      <c r="CT29" s="280">
        <v>0</v>
      </c>
      <c r="CU29" s="280">
        <v>0</v>
      </c>
      <c r="CV29" s="277">
        <v>0</v>
      </c>
      <c r="CW29" s="282">
        <v>0</v>
      </c>
    </row>
    <row r="30" spans="2:101" ht="21" customHeight="1" x14ac:dyDescent="0.2">
      <c r="B30" s="261" t="s">
        <v>28</v>
      </c>
      <c r="C30" s="276">
        <v>0</v>
      </c>
      <c r="D30" s="277">
        <v>0</v>
      </c>
      <c r="E30" s="278">
        <v>0</v>
      </c>
      <c r="F30" s="279">
        <v>0</v>
      </c>
      <c r="G30" s="280">
        <v>0</v>
      </c>
      <c r="H30" s="280">
        <v>0</v>
      </c>
      <c r="I30" s="280">
        <v>0</v>
      </c>
      <c r="J30" s="280">
        <v>0</v>
      </c>
      <c r="K30" s="280">
        <v>0</v>
      </c>
      <c r="L30" s="281">
        <v>0</v>
      </c>
      <c r="M30" s="282">
        <v>0</v>
      </c>
      <c r="N30" s="276">
        <v>0</v>
      </c>
      <c r="O30" s="280">
        <v>0</v>
      </c>
      <c r="P30" s="277">
        <v>0</v>
      </c>
      <c r="Q30" s="279">
        <v>0</v>
      </c>
      <c r="R30" s="280">
        <v>0</v>
      </c>
      <c r="S30" s="280">
        <v>0</v>
      </c>
      <c r="T30" s="280">
        <v>0</v>
      </c>
      <c r="U30" s="280">
        <v>0</v>
      </c>
      <c r="V30" s="280">
        <v>0</v>
      </c>
      <c r="W30" s="277">
        <v>0</v>
      </c>
      <c r="X30" s="282">
        <v>0</v>
      </c>
      <c r="Y30" s="276">
        <v>0</v>
      </c>
      <c r="Z30" s="280">
        <v>0</v>
      </c>
      <c r="AA30" s="277">
        <v>0</v>
      </c>
      <c r="AB30" s="279">
        <v>0</v>
      </c>
      <c r="AC30" s="280">
        <v>4</v>
      </c>
      <c r="AD30" s="280">
        <v>1</v>
      </c>
      <c r="AE30" s="280">
        <v>0</v>
      </c>
      <c r="AF30" s="280">
        <v>0</v>
      </c>
      <c r="AG30" s="280">
        <v>0</v>
      </c>
      <c r="AH30" s="277">
        <v>5</v>
      </c>
      <c r="AI30" s="282">
        <v>5</v>
      </c>
      <c r="AJ30" s="276">
        <v>0</v>
      </c>
      <c r="AK30" s="280">
        <v>0</v>
      </c>
      <c r="AL30" s="277">
        <v>0</v>
      </c>
      <c r="AM30" s="279">
        <v>0</v>
      </c>
      <c r="AN30" s="280">
        <v>0</v>
      </c>
      <c r="AO30" s="280">
        <v>0</v>
      </c>
      <c r="AP30" s="280">
        <v>0</v>
      </c>
      <c r="AQ30" s="280">
        <v>0</v>
      </c>
      <c r="AR30" s="280">
        <v>0</v>
      </c>
      <c r="AS30" s="277">
        <v>0</v>
      </c>
      <c r="AT30" s="282">
        <v>0</v>
      </c>
      <c r="AU30" s="276">
        <v>0</v>
      </c>
      <c r="AV30" s="280">
        <v>0</v>
      </c>
      <c r="AW30" s="277">
        <v>0</v>
      </c>
      <c r="AX30" s="279">
        <v>0</v>
      </c>
      <c r="AY30" s="280">
        <v>0</v>
      </c>
      <c r="AZ30" s="280">
        <v>0</v>
      </c>
      <c r="BA30" s="280">
        <v>0</v>
      </c>
      <c r="BB30" s="280">
        <v>0</v>
      </c>
      <c r="BC30" s="280">
        <v>0</v>
      </c>
      <c r="BD30" s="277">
        <v>0</v>
      </c>
      <c r="BE30" s="282">
        <v>0</v>
      </c>
      <c r="BF30" s="276">
        <v>0</v>
      </c>
      <c r="BG30" s="280">
        <v>0</v>
      </c>
      <c r="BH30" s="277">
        <v>0</v>
      </c>
      <c r="BI30" s="279">
        <v>0</v>
      </c>
      <c r="BJ30" s="280">
        <v>0</v>
      </c>
      <c r="BK30" s="280">
        <v>0</v>
      </c>
      <c r="BL30" s="280">
        <v>0</v>
      </c>
      <c r="BM30" s="280">
        <v>0</v>
      </c>
      <c r="BN30" s="280">
        <v>0</v>
      </c>
      <c r="BO30" s="281">
        <v>0</v>
      </c>
      <c r="BP30" s="282">
        <v>0</v>
      </c>
      <c r="BQ30" s="276">
        <v>0</v>
      </c>
      <c r="BR30" s="280">
        <v>0</v>
      </c>
      <c r="BS30" s="277">
        <v>0</v>
      </c>
      <c r="BT30" s="279">
        <v>0</v>
      </c>
      <c r="BU30" s="280">
        <v>0</v>
      </c>
      <c r="BV30" s="280">
        <v>0</v>
      </c>
      <c r="BW30" s="280">
        <v>0</v>
      </c>
      <c r="BX30" s="280">
        <v>0</v>
      </c>
      <c r="BY30" s="280">
        <v>0</v>
      </c>
      <c r="BZ30" s="277">
        <v>0</v>
      </c>
      <c r="CA30" s="282">
        <v>0</v>
      </c>
      <c r="CB30" s="276">
        <v>0</v>
      </c>
      <c r="CC30" s="280">
        <v>0</v>
      </c>
      <c r="CD30" s="277">
        <v>0</v>
      </c>
      <c r="CE30" s="279">
        <v>0</v>
      </c>
      <c r="CF30" s="280">
        <v>0</v>
      </c>
      <c r="CG30" s="280">
        <v>0</v>
      </c>
      <c r="CH30" s="280">
        <v>0</v>
      </c>
      <c r="CI30" s="280">
        <v>0</v>
      </c>
      <c r="CJ30" s="280">
        <v>0</v>
      </c>
      <c r="CK30" s="277">
        <v>0</v>
      </c>
      <c r="CL30" s="282">
        <v>0</v>
      </c>
      <c r="CM30" s="276">
        <v>0</v>
      </c>
      <c r="CN30" s="280">
        <v>0</v>
      </c>
      <c r="CO30" s="277">
        <v>0</v>
      </c>
      <c r="CP30" s="279">
        <v>0</v>
      </c>
      <c r="CQ30" s="280">
        <v>0</v>
      </c>
      <c r="CR30" s="280">
        <v>0</v>
      </c>
      <c r="CS30" s="280">
        <v>0</v>
      </c>
      <c r="CT30" s="280">
        <v>0</v>
      </c>
      <c r="CU30" s="280">
        <v>0</v>
      </c>
      <c r="CV30" s="277">
        <v>0</v>
      </c>
      <c r="CW30" s="282">
        <v>0</v>
      </c>
    </row>
    <row r="31" spans="2:101" ht="21" customHeight="1" x14ac:dyDescent="0.2">
      <c r="B31" s="261" t="s">
        <v>29</v>
      </c>
      <c r="C31" s="276">
        <v>0</v>
      </c>
      <c r="D31" s="277">
        <v>0</v>
      </c>
      <c r="E31" s="278">
        <v>0</v>
      </c>
      <c r="F31" s="279">
        <v>0</v>
      </c>
      <c r="G31" s="280">
        <v>0</v>
      </c>
      <c r="H31" s="280">
        <v>0</v>
      </c>
      <c r="I31" s="280">
        <v>1</v>
      </c>
      <c r="J31" s="280">
        <v>0</v>
      </c>
      <c r="K31" s="280">
        <v>0</v>
      </c>
      <c r="L31" s="281">
        <v>1</v>
      </c>
      <c r="M31" s="282">
        <v>1</v>
      </c>
      <c r="N31" s="276">
        <v>0</v>
      </c>
      <c r="O31" s="280">
        <v>0</v>
      </c>
      <c r="P31" s="277">
        <v>0</v>
      </c>
      <c r="Q31" s="279">
        <v>0</v>
      </c>
      <c r="R31" s="280">
        <v>0</v>
      </c>
      <c r="S31" s="280">
        <v>0</v>
      </c>
      <c r="T31" s="280">
        <v>0</v>
      </c>
      <c r="U31" s="280">
        <v>0</v>
      </c>
      <c r="V31" s="280">
        <v>0</v>
      </c>
      <c r="W31" s="277">
        <v>0</v>
      </c>
      <c r="X31" s="282">
        <v>0</v>
      </c>
      <c r="Y31" s="276">
        <v>0</v>
      </c>
      <c r="Z31" s="280">
        <v>0</v>
      </c>
      <c r="AA31" s="277">
        <v>0</v>
      </c>
      <c r="AB31" s="279">
        <v>0</v>
      </c>
      <c r="AC31" s="280">
        <v>0</v>
      </c>
      <c r="AD31" s="280">
        <v>1</v>
      </c>
      <c r="AE31" s="280">
        <v>0</v>
      </c>
      <c r="AF31" s="280">
        <v>0</v>
      </c>
      <c r="AG31" s="280">
        <v>0</v>
      </c>
      <c r="AH31" s="277">
        <v>1</v>
      </c>
      <c r="AI31" s="282">
        <v>1</v>
      </c>
      <c r="AJ31" s="276">
        <v>0</v>
      </c>
      <c r="AK31" s="280">
        <v>0</v>
      </c>
      <c r="AL31" s="277">
        <v>0</v>
      </c>
      <c r="AM31" s="279">
        <v>0</v>
      </c>
      <c r="AN31" s="280">
        <v>0</v>
      </c>
      <c r="AO31" s="280">
        <v>0</v>
      </c>
      <c r="AP31" s="280">
        <v>1</v>
      </c>
      <c r="AQ31" s="280">
        <v>0</v>
      </c>
      <c r="AR31" s="280">
        <v>0</v>
      </c>
      <c r="AS31" s="277">
        <v>1</v>
      </c>
      <c r="AT31" s="282">
        <v>1</v>
      </c>
      <c r="AU31" s="276">
        <v>0</v>
      </c>
      <c r="AV31" s="280">
        <v>0</v>
      </c>
      <c r="AW31" s="277">
        <v>0</v>
      </c>
      <c r="AX31" s="279">
        <v>0</v>
      </c>
      <c r="AY31" s="280">
        <v>3</v>
      </c>
      <c r="AZ31" s="280">
        <v>0</v>
      </c>
      <c r="BA31" s="280">
        <v>1</v>
      </c>
      <c r="BB31" s="280">
        <v>0</v>
      </c>
      <c r="BC31" s="280">
        <v>0</v>
      </c>
      <c r="BD31" s="277">
        <v>4</v>
      </c>
      <c r="BE31" s="282">
        <v>4</v>
      </c>
      <c r="BF31" s="276">
        <v>0</v>
      </c>
      <c r="BG31" s="280">
        <v>0</v>
      </c>
      <c r="BH31" s="277">
        <v>0</v>
      </c>
      <c r="BI31" s="279">
        <v>0</v>
      </c>
      <c r="BJ31" s="280">
        <v>0</v>
      </c>
      <c r="BK31" s="280">
        <v>0</v>
      </c>
      <c r="BL31" s="280">
        <v>0</v>
      </c>
      <c r="BM31" s="280">
        <v>0</v>
      </c>
      <c r="BN31" s="280">
        <v>0</v>
      </c>
      <c r="BO31" s="281">
        <v>0</v>
      </c>
      <c r="BP31" s="282">
        <v>0</v>
      </c>
      <c r="BQ31" s="276">
        <v>0</v>
      </c>
      <c r="BR31" s="280">
        <v>0</v>
      </c>
      <c r="BS31" s="277">
        <v>0</v>
      </c>
      <c r="BT31" s="279">
        <v>0</v>
      </c>
      <c r="BU31" s="280">
        <v>0</v>
      </c>
      <c r="BV31" s="280">
        <v>0</v>
      </c>
      <c r="BW31" s="280">
        <v>0</v>
      </c>
      <c r="BX31" s="280">
        <v>0</v>
      </c>
      <c r="BY31" s="280">
        <v>0</v>
      </c>
      <c r="BZ31" s="277">
        <v>0</v>
      </c>
      <c r="CA31" s="282">
        <v>0</v>
      </c>
      <c r="CB31" s="276">
        <v>0</v>
      </c>
      <c r="CC31" s="280">
        <v>0</v>
      </c>
      <c r="CD31" s="277">
        <v>0</v>
      </c>
      <c r="CE31" s="279">
        <v>0</v>
      </c>
      <c r="CF31" s="280">
        <v>0</v>
      </c>
      <c r="CG31" s="280">
        <v>0</v>
      </c>
      <c r="CH31" s="280">
        <v>0</v>
      </c>
      <c r="CI31" s="280">
        <v>1</v>
      </c>
      <c r="CJ31" s="280">
        <v>0</v>
      </c>
      <c r="CK31" s="277">
        <v>1</v>
      </c>
      <c r="CL31" s="282">
        <v>1</v>
      </c>
      <c r="CM31" s="276">
        <v>0</v>
      </c>
      <c r="CN31" s="280">
        <v>0</v>
      </c>
      <c r="CO31" s="277">
        <v>0</v>
      </c>
      <c r="CP31" s="279">
        <v>0</v>
      </c>
      <c r="CQ31" s="280">
        <v>0</v>
      </c>
      <c r="CR31" s="280">
        <v>0</v>
      </c>
      <c r="CS31" s="280">
        <v>0</v>
      </c>
      <c r="CT31" s="280">
        <v>0</v>
      </c>
      <c r="CU31" s="280">
        <v>0</v>
      </c>
      <c r="CV31" s="277">
        <v>0</v>
      </c>
      <c r="CW31" s="282">
        <v>0</v>
      </c>
    </row>
    <row r="32" spans="2:101" ht="21" customHeight="1" x14ac:dyDescent="0.2">
      <c r="B32" s="261" t="s">
        <v>30</v>
      </c>
      <c r="C32" s="276">
        <v>0</v>
      </c>
      <c r="D32" s="277">
        <v>0</v>
      </c>
      <c r="E32" s="278">
        <v>0</v>
      </c>
      <c r="F32" s="279">
        <v>0</v>
      </c>
      <c r="G32" s="280">
        <v>0</v>
      </c>
      <c r="H32" s="280">
        <v>0</v>
      </c>
      <c r="I32" s="280">
        <v>0</v>
      </c>
      <c r="J32" s="280">
        <v>0</v>
      </c>
      <c r="K32" s="280">
        <v>0</v>
      </c>
      <c r="L32" s="281">
        <v>0</v>
      </c>
      <c r="M32" s="282">
        <v>0</v>
      </c>
      <c r="N32" s="276">
        <v>0</v>
      </c>
      <c r="O32" s="280">
        <v>0</v>
      </c>
      <c r="P32" s="277">
        <v>0</v>
      </c>
      <c r="Q32" s="279">
        <v>0</v>
      </c>
      <c r="R32" s="280">
        <v>0</v>
      </c>
      <c r="S32" s="280">
        <v>0</v>
      </c>
      <c r="T32" s="280">
        <v>0</v>
      </c>
      <c r="U32" s="280">
        <v>0</v>
      </c>
      <c r="V32" s="280">
        <v>0</v>
      </c>
      <c r="W32" s="277">
        <v>0</v>
      </c>
      <c r="X32" s="282">
        <v>0</v>
      </c>
      <c r="Y32" s="276">
        <v>0</v>
      </c>
      <c r="Z32" s="280">
        <v>0</v>
      </c>
      <c r="AA32" s="277">
        <v>0</v>
      </c>
      <c r="AB32" s="279">
        <v>0</v>
      </c>
      <c r="AC32" s="280">
        <v>1</v>
      </c>
      <c r="AD32" s="280">
        <v>0</v>
      </c>
      <c r="AE32" s="280">
        <v>0</v>
      </c>
      <c r="AF32" s="280">
        <v>1</v>
      </c>
      <c r="AG32" s="280">
        <v>0</v>
      </c>
      <c r="AH32" s="277">
        <v>2</v>
      </c>
      <c r="AI32" s="282">
        <v>2</v>
      </c>
      <c r="AJ32" s="276">
        <v>0</v>
      </c>
      <c r="AK32" s="280">
        <v>0</v>
      </c>
      <c r="AL32" s="277">
        <v>0</v>
      </c>
      <c r="AM32" s="279">
        <v>0</v>
      </c>
      <c r="AN32" s="280">
        <v>0</v>
      </c>
      <c r="AO32" s="280">
        <v>1</v>
      </c>
      <c r="AP32" s="280">
        <v>0</v>
      </c>
      <c r="AQ32" s="280">
        <v>0</v>
      </c>
      <c r="AR32" s="280">
        <v>0</v>
      </c>
      <c r="AS32" s="277">
        <v>1</v>
      </c>
      <c r="AT32" s="282">
        <v>1</v>
      </c>
      <c r="AU32" s="276">
        <v>0</v>
      </c>
      <c r="AV32" s="280">
        <v>0</v>
      </c>
      <c r="AW32" s="277">
        <v>0</v>
      </c>
      <c r="AX32" s="279">
        <v>0</v>
      </c>
      <c r="AY32" s="280">
        <v>0</v>
      </c>
      <c r="AZ32" s="280">
        <v>0</v>
      </c>
      <c r="BA32" s="280">
        <v>0</v>
      </c>
      <c r="BB32" s="280">
        <v>0</v>
      </c>
      <c r="BC32" s="280">
        <v>0</v>
      </c>
      <c r="BD32" s="277">
        <v>0</v>
      </c>
      <c r="BE32" s="282">
        <v>0</v>
      </c>
      <c r="BF32" s="276">
        <v>0</v>
      </c>
      <c r="BG32" s="280">
        <v>0</v>
      </c>
      <c r="BH32" s="277">
        <v>0</v>
      </c>
      <c r="BI32" s="279">
        <v>0</v>
      </c>
      <c r="BJ32" s="280">
        <v>0</v>
      </c>
      <c r="BK32" s="280">
        <v>0</v>
      </c>
      <c r="BL32" s="280">
        <v>0</v>
      </c>
      <c r="BM32" s="280">
        <v>0</v>
      </c>
      <c r="BN32" s="280">
        <v>0</v>
      </c>
      <c r="BO32" s="281">
        <v>0</v>
      </c>
      <c r="BP32" s="282">
        <v>0</v>
      </c>
      <c r="BQ32" s="276">
        <v>0</v>
      </c>
      <c r="BR32" s="280">
        <v>0</v>
      </c>
      <c r="BS32" s="277">
        <v>0</v>
      </c>
      <c r="BT32" s="279">
        <v>0</v>
      </c>
      <c r="BU32" s="280">
        <v>0</v>
      </c>
      <c r="BV32" s="280">
        <v>0</v>
      </c>
      <c r="BW32" s="280">
        <v>0</v>
      </c>
      <c r="BX32" s="280">
        <v>0</v>
      </c>
      <c r="BY32" s="280">
        <v>0</v>
      </c>
      <c r="BZ32" s="277">
        <v>0</v>
      </c>
      <c r="CA32" s="282">
        <v>0</v>
      </c>
      <c r="CB32" s="276">
        <v>0</v>
      </c>
      <c r="CC32" s="280">
        <v>0</v>
      </c>
      <c r="CD32" s="277">
        <v>0</v>
      </c>
      <c r="CE32" s="279">
        <v>0</v>
      </c>
      <c r="CF32" s="280">
        <v>0</v>
      </c>
      <c r="CG32" s="280">
        <v>0</v>
      </c>
      <c r="CH32" s="280">
        <v>0</v>
      </c>
      <c r="CI32" s="280">
        <v>0</v>
      </c>
      <c r="CJ32" s="280">
        <v>0</v>
      </c>
      <c r="CK32" s="277">
        <v>0</v>
      </c>
      <c r="CL32" s="282">
        <v>0</v>
      </c>
      <c r="CM32" s="276">
        <v>0</v>
      </c>
      <c r="CN32" s="280">
        <v>0</v>
      </c>
      <c r="CO32" s="277">
        <v>0</v>
      </c>
      <c r="CP32" s="279">
        <v>0</v>
      </c>
      <c r="CQ32" s="280">
        <v>0</v>
      </c>
      <c r="CR32" s="280">
        <v>0</v>
      </c>
      <c r="CS32" s="280">
        <v>0</v>
      </c>
      <c r="CT32" s="280">
        <v>0</v>
      </c>
      <c r="CU32" s="280">
        <v>0</v>
      </c>
      <c r="CV32" s="277">
        <v>0</v>
      </c>
      <c r="CW32" s="282">
        <v>0</v>
      </c>
    </row>
    <row r="33" spans="2:101" ht="21" customHeight="1" x14ac:dyDescent="0.2">
      <c r="B33" s="261" t="s">
        <v>31</v>
      </c>
      <c r="C33" s="276">
        <v>0</v>
      </c>
      <c r="D33" s="277">
        <v>0</v>
      </c>
      <c r="E33" s="278">
        <v>0</v>
      </c>
      <c r="F33" s="279">
        <v>0</v>
      </c>
      <c r="G33" s="280">
        <v>0</v>
      </c>
      <c r="H33" s="280">
        <v>1</v>
      </c>
      <c r="I33" s="280">
        <v>0</v>
      </c>
      <c r="J33" s="280">
        <v>0</v>
      </c>
      <c r="K33" s="280">
        <v>0</v>
      </c>
      <c r="L33" s="281">
        <v>1</v>
      </c>
      <c r="M33" s="282">
        <v>1</v>
      </c>
      <c r="N33" s="276">
        <v>0</v>
      </c>
      <c r="O33" s="280">
        <v>0</v>
      </c>
      <c r="P33" s="277">
        <v>0</v>
      </c>
      <c r="Q33" s="279">
        <v>0</v>
      </c>
      <c r="R33" s="280">
        <v>0</v>
      </c>
      <c r="S33" s="280">
        <v>0</v>
      </c>
      <c r="T33" s="280">
        <v>0</v>
      </c>
      <c r="U33" s="280">
        <v>0</v>
      </c>
      <c r="V33" s="280">
        <v>0</v>
      </c>
      <c r="W33" s="277">
        <v>0</v>
      </c>
      <c r="X33" s="282">
        <v>0</v>
      </c>
      <c r="Y33" s="276">
        <v>0</v>
      </c>
      <c r="Z33" s="280">
        <v>0</v>
      </c>
      <c r="AA33" s="277">
        <v>0</v>
      </c>
      <c r="AB33" s="279">
        <v>0</v>
      </c>
      <c r="AC33" s="280">
        <v>2</v>
      </c>
      <c r="AD33" s="280">
        <v>1</v>
      </c>
      <c r="AE33" s="280">
        <v>1</v>
      </c>
      <c r="AF33" s="280">
        <v>0</v>
      </c>
      <c r="AG33" s="280">
        <v>0</v>
      </c>
      <c r="AH33" s="277">
        <v>4</v>
      </c>
      <c r="AI33" s="282">
        <v>4</v>
      </c>
      <c r="AJ33" s="276">
        <v>0</v>
      </c>
      <c r="AK33" s="280">
        <v>0</v>
      </c>
      <c r="AL33" s="277">
        <v>0</v>
      </c>
      <c r="AM33" s="279">
        <v>0</v>
      </c>
      <c r="AN33" s="280">
        <v>0</v>
      </c>
      <c r="AO33" s="280">
        <v>0</v>
      </c>
      <c r="AP33" s="280">
        <v>0</v>
      </c>
      <c r="AQ33" s="280">
        <v>0</v>
      </c>
      <c r="AR33" s="280">
        <v>0</v>
      </c>
      <c r="AS33" s="277">
        <v>0</v>
      </c>
      <c r="AT33" s="282">
        <v>0</v>
      </c>
      <c r="AU33" s="276">
        <v>0</v>
      </c>
      <c r="AV33" s="280">
        <v>0</v>
      </c>
      <c r="AW33" s="277">
        <v>0</v>
      </c>
      <c r="AX33" s="279">
        <v>0</v>
      </c>
      <c r="AY33" s="280">
        <v>0</v>
      </c>
      <c r="AZ33" s="280">
        <v>1</v>
      </c>
      <c r="BA33" s="280">
        <v>0</v>
      </c>
      <c r="BB33" s="280">
        <v>0</v>
      </c>
      <c r="BC33" s="280">
        <v>0</v>
      </c>
      <c r="BD33" s="277">
        <v>1</v>
      </c>
      <c r="BE33" s="282">
        <v>1</v>
      </c>
      <c r="BF33" s="276">
        <v>0</v>
      </c>
      <c r="BG33" s="280">
        <v>0</v>
      </c>
      <c r="BH33" s="277">
        <v>0</v>
      </c>
      <c r="BI33" s="279">
        <v>0</v>
      </c>
      <c r="BJ33" s="280">
        <v>0</v>
      </c>
      <c r="BK33" s="280">
        <v>0</v>
      </c>
      <c r="BL33" s="280">
        <v>0</v>
      </c>
      <c r="BM33" s="280">
        <v>0</v>
      </c>
      <c r="BN33" s="280">
        <v>1</v>
      </c>
      <c r="BO33" s="281">
        <v>1</v>
      </c>
      <c r="BP33" s="282">
        <v>1</v>
      </c>
      <c r="BQ33" s="276">
        <v>0</v>
      </c>
      <c r="BR33" s="280">
        <v>0</v>
      </c>
      <c r="BS33" s="277">
        <v>0</v>
      </c>
      <c r="BT33" s="279">
        <v>0</v>
      </c>
      <c r="BU33" s="280">
        <v>0</v>
      </c>
      <c r="BV33" s="280">
        <v>0</v>
      </c>
      <c r="BW33" s="280">
        <v>0</v>
      </c>
      <c r="BX33" s="280">
        <v>0</v>
      </c>
      <c r="BY33" s="280">
        <v>0</v>
      </c>
      <c r="BZ33" s="277">
        <v>0</v>
      </c>
      <c r="CA33" s="282">
        <v>0</v>
      </c>
      <c r="CB33" s="276">
        <v>0</v>
      </c>
      <c r="CC33" s="280">
        <v>0</v>
      </c>
      <c r="CD33" s="277">
        <v>0</v>
      </c>
      <c r="CE33" s="279">
        <v>0</v>
      </c>
      <c r="CF33" s="280">
        <v>0</v>
      </c>
      <c r="CG33" s="280">
        <v>0</v>
      </c>
      <c r="CH33" s="280">
        <v>0</v>
      </c>
      <c r="CI33" s="280">
        <v>0</v>
      </c>
      <c r="CJ33" s="280">
        <v>0</v>
      </c>
      <c r="CK33" s="277">
        <v>0</v>
      </c>
      <c r="CL33" s="282">
        <v>0</v>
      </c>
      <c r="CM33" s="276">
        <v>0</v>
      </c>
      <c r="CN33" s="280">
        <v>0</v>
      </c>
      <c r="CO33" s="277">
        <v>0</v>
      </c>
      <c r="CP33" s="279">
        <v>0</v>
      </c>
      <c r="CQ33" s="280">
        <v>0</v>
      </c>
      <c r="CR33" s="280">
        <v>0</v>
      </c>
      <c r="CS33" s="280">
        <v>0</v>
      </c>
      <c r="CT33" s="280">
        <v>0</v>
      </c>
      <c r="CU33" s="280">
        <v>0</v>
      </c>
      <c r="CV33" s="277">
        <v>0</v>
      </c>
      <c r="CW33" s="282">
        <v>0</v>
      </c>
    </row>
    <row r="34" spans="2:101" ht="21" customHeight="1" x14ac:dyDescent="0.2">
      <c r="B34" s="261" t="s">
        <v>32</v>
      </c>
      <c r="C34" s="276">
        <v>0</v>
      </c>
      <c r="D34" s="277">
        <v>0</v>
      </c>
      <c r="E34" s="278">
        <v>0</v>
      </c>
      <c r="F34" s="279">
        <v>0</v>
      </c>
      <c r="G34" s="280">
        <v>0</v>
      </c>
      <c r="H34" s="280">
        <v>1</v>
      </c>
      <c r="I34" s="280">
        <v>0</v>
      </c>
      <c r="J34" s="280">
        <v>0</v>
      </c>
      <c r="K34" s="280">
        <v>0</v>
      </c>
      <c r="L34" s="281">
        <v>1</v>
      </c>
      <c r="M34" s="282">
        <v>1</v>
      </c>
      <c r="N34" s="276">
        <v>0</v>
      </c>
      <c r="O34" s="280">
        <v>0</v>
      </c>
      <c r="P34" s="277">
        <v>0</v>
      </c>
      <c r="Q34" s="279">
        <v>0</v>
      </c>
      <c r="R34" s="280">
        <v>0</v>
      </c>
      <c r="S34" s="280">
        <v>0</v>
      </c>
      <c r="T34" s="280">
        <v>0</v>
      </c>
      <c r="U34" s="280">
        <v>0</v>
      </c>
      <c r="V34" s="280">
        <v>0</v>
      </c>
      <c r="W34" s="277">
        <v>0</v>
      </c>
      <c r="X34" s="282">
        <v>0</v>
      </c>
      <c r="Y34" s="276">
        <v>0</v>
      </c>
      <c r="Z34" s="280">
        <v>0</v>
      </c>
      <c r="AA34" s="277">
        <v>0</v>
      </c>
      <c r="AB34" s="279">
        <v>0</v>
      </c>
      <c r="AC34" s="280">
        <v>0</v>
      </c>
      <c r="AD34" s="280">
        <v>1</v>
      </c>
      <c r="AE34" s="280">
        <v>1</v>
      </c>
      <c r="AF34" s="280">
        <v>0</v>
      </c>
      <c r="AG34" s="280">
        <v>0</v>
      </c>
      <c r="AH34" s="277">
        <v>2</v>
      </c>
      <c r="AI34" s="282">
        <v>2</v>
      </c>
      <c r="AJ34" s="276">
        <v>0</v>
      </c>
      <c r="AK34" s="280">
        <v>0</v>
      </c>
      <c r="AL34" s="277">
        <v>0</v>
      </c>
      <c r="AM34" s="279">
        <v>0</v>
      </c>
      <c r="AN34" s="280">
        <v>1</v>
      </c>
      <c r="AO34" s="280">
        <v>0</v>
      </c>
      <c r="AP34" s="280">
        <v>0</v>
      </c>
      <c r="AQ34" s="280">
        <v>0</v>
      </c>
      <c r="AR34" s="280">
        <v>0</v>
      </c>
      <c r="AS34" s="277">
        <v>1</v>
      </c>
      <c r="AT34" s="282">
        <v>1</v>
      </c>
      <c r="AU34" s="276">
        <v>0</v>
      </c>
      <c r="AV34" s="280">
        <v>0</v>
      </c>
      <c r="AW34" s="277">
        <v>0</v>
      </c>
      <c r="AX34" s="279">
        <v>0</v>
      </c>
      <c r="AY34" s="280">
        <v>0</v>
      </c>
      <c r="AZ34" s="280">
        <v>1</v>
      </c>
      <c r="BA34" s="280">
        <v>0</v>
      </c>
      <c r="BB34" s="280">
        <v>0</v>
      </c>
      <c r="BC34" s="280">
        <v>0</v>
      </c>
      <c r="BD34" s="277">
        <v>1</v>
      </c>
      <c r="BE34" s="282">
        <v>1</v>
      </c>
      <c r="BF34" s="276">
        <v>0</v>
      </c>
      <c r="BG34" s="280">
        <v>0</v>
      </c>
      <c r="BH34" s="277">
        <v>0</v>
      </c>
      <c r="BI34" s="279">
        <v>0</v>
      </c>
      <c r="BJ34" s="280">
        <v>0</v>
      </c>
      <c r="BK34" s="280">
        <v>0</v>
      </c>
      <c r="BL34" s="280">
        <v>2</v>
      </c>
      <c r="BM34" s="280">
        <v>0</v>
      </c>
      <c r="BN34" s="280">
        <v>1</v>
      </c>
      <c r="BO34" s="281">
        <v>3</v>
      </c>
      <c r="BP34" s="282">
        <v>3</v>
      </c>
      <c r="BQ34" s="276">
        <v>0</v>
      </c>
      <c r="BR34" s="280">
        <v>0</v>
      </c>
      <c r="BS34" s="277">
        <v>0</v>
      </c>
      <c r="BT34" s="279">
        <v>0</v>
      </c>
      <c r="BU34" s="280">
        <v>0</v>
      </c>
      <c r="BV34" s="280">
        <v>0</v>
      </c>
      <c r="BW34" s="280">
        <v>0</v>
      </c>
      <c r="BX34" s="280">
        <v>0</v>
      </c>
      <c r="BY34" s="280">
        <v>0</v>
      </c>
      <c r="BZ34" s="277">
        <v>0</v>
      </c>
      <c r="CA34" s="282">
        <v>0</v>
      </c>
      <c r="CB34" s="276">
        <v>0</v>
      </c>
      <c r="CC34" s="280">
        <v>0</v>
      </c>
      <c r="CD34" s="277">
        <v>0</v>
      </c>
      <c r="CE34" s="279">
        <v>0</v>
      </c>
      <c r="CF34" s="280">
        <v>0</v>
      </c>
      <c r="CG34" s="280">
        <v>1</v>
      </c>
      <c r="CH34" s="280">
        <v>0</v>
      </c>
      <c r="CI34" s="280">
        <v>2</v>
      </c>
      <c r="CJ34" s="280">
        <v>0</v>
      </c>
      <c r="CK34" s="277">
        <v>3</v>
      </c>
      <c r="CL34" s="282">
        <v>3</v>
      </c>
      <c r="CM34" s="276">
        <v>0</v>
      </c>
      <c r="CN34" s="280">
        <v>0</v>
      </c>
      <c r="CO34" s="277">
        <v>0</v>
      </c>
      <c r="CP34" s="279">
        <v>0</v>
      </c>
      <c r="CQ34" s="280">
        <v>0</v>
      </c>
      <c r="CR34" s="280">
        <v>0</v>
      </c>
      <c r="CS34" s="280">
        <v>0</v>
      </c>
      <c r="CT34" s="280">
        <v>0</v>
      </c>
      <c r="CU34" s="280">
        <v>0</v>
      </c>
      <c r="CV34" s="277">
        <v>0</v>
      </c>
      <c r="CW34" s="282">
        <v>0</v>
      </c>
    </row>
    <row r="35" spans="2:101" ht="21" customHeight="1" x14ac:dyDescent="0.2">
      <c r="B35" s="261" t="s">
        <v>33</v>
      </c>
      <c r="C35" s="276">
        <v>0</v>
      </c>
      <c r="D35" s="277">
        <v>0</v>
      </c>
      <c r="E35" s="278">
        <v>0</v>
      </c>
      <c r="F35" s="279">
        <v>0</v>
      </c>
      <c r="G35" s="280">
        <v>0</v>
      </c>
      <c r="H35" s="280">
        <v>0</v>
      </c>
      <c r="I35" s="280">
        <v>0</v>
      </c>
      <c r="J35" s="280">
        <v>0</v>
      </c>
      <c r="K35" s="280">
        <v>0</v>
      </c>
      <c r="L35" s="281">
        <v>0</v>
      </c>
      <c r="M35" s="282">
        <v>0</v>
      </c>
      <c r="N35" s="276">
        <v>0</v>
      </c>
      <c r="O35" s="280">
        <v>0</v>
      </c>
      <c r="P35" s="277">
        <v>0</v>
      </c>
      <c r="Q35" s="279">
        <v>0</v>
      </c>
      <c r="R35" s="280">
        <v>0</v>
      </c>
      <c r="S35" s="280">
        <v>0</v>
      </c>
      <c r="T35" s="280">
        <v>0</v>
      </c>
      <c r="U35" s="280">
        <v>0</v>
      </c>
      <c r="V35" s="280">
        <v>0</v>
      </c>
      <c r="W35" s="277">
        <v>0</v>
      </c>
      <c r="X35" s="282">
        <v>0</v>
      </c>
      <c r="Y35" s="276">
        <v>0</v>
      </c>
      <c r="Z35" s="280">
        <v>0</v>
      </c>
      <c r="AA35" s="277">
        <v>0</v>
      </c>
      <c r="AB35" s="279">
        <v>0</v>
      </c>
      <c r="AC35" s="280">
        <v>1</v>
      </c>
      <c r="AD35" s="280">
        <v>0</v>
      </c>
      <c r="AE35" s="280">
        <v>2</v>
      </c>
      <c r="AF35" s="280">
        <v>0</v>
      </c>
      <c r="AG35" s="280">
        <v>0</v>
      </c>
      <c r="AH35" s="277">
        <v>3</v>
      </c>
      <c r="AI35" s="282">
        <v>3</v>
      </c>
      <c r="AJ35" s="276">
        <v>0</v>
      </c>
      <c r="AK35" s="280">
        <v>0</v>
      </c>
      <c r="AL35" s="277">
        <v>0</v>
      </c>
      <c r="AM35" s="279">
        <v>0</v>
      </c>
      <c r="AN35" s="280">
        <v>0</v>
      </c>
      <c r="AO35" s="280">
        <v>0</v>
      </c>
      <c r="AP35" s="280">
        <v>0</v>
      </c>
      <c r="AQ35" s="280">
        <v>0</v>
      </c>
      <c r="AR35" s="280">
        <v>0</v>
      </c>
      <c r="AS35" s="277">
        <v>0</v>
      </c>
      <c r="AT35" s="282">
        <v>0</v>
      </c>
      <c r="AU35" s="276">
        <v>0</v>
      </c>
      <c r="AV35" s="280">
        <v>0</v>
      </c>
      <c r="AW35" s="277">
        <v>0</v>
      </c>
      <c r="AX35" s="279">
        <v>0</v>
      </c>
      <c r="AY35" s="280">
        <v>0</v>
      </c>
      <c r="AZ35" s="280">
        <v>0</v>
      </c>
      <c r="BA35" s="280">
        <v>0</v>
      </c>
      <c r="BB35" s="280">
        <v>0</v>
      </c>
      <c r="BC35" s="280">
        <v>0</v>
      </c>
      <c r="BD35" s="277">
        <v>0</v>
      </c>
      <c r="BE35" s="282">
        <v>0</v>
      </c>
      <c r="BF35" s="276">
        <v>0</v>
      </c>
      <c r="BG35" s="280">
        <v>0</v>
      </c>
      <c r="BH35" s="277">
        <v>0</v>
      </c>
      <c r="BI35" s="279">
        <v>0</v>
      </c>
      <c r="BJ35" s="280">
        <v>0</v>
      </c>
      <c r="BK35" s="280">
        <v>0</v>
      </c>
      <c r="BL35" s="280">
        <v>0</v>
      </c>
      <c r="BM35" s="280">
        <v>0</v>
      </c>
      <c r="BN35" s="280">
        <v>0</v>
      </c>
      <c r="BO35" s="281">
        <v>0</v>
      </c>
      <c r="BP35" s="282">
        <v>0</v>
      </c>
      <c r="BQ35" s="276">
        <v>0</v>
      </c>
      <c r="BR35" s="280">
        <v>0</v>
      </c>
      <c r="BS35" s="277">
        <v>0</v>
      </c>
      <c r="BT35" s="279">
        <v>0</v>
      </c>
      <c r="BU35" s="280">
        <v>0</v>
      </c>
      <c r="BV35" s="280">
        <v>0</v>
      </c>
      <c r="BW35" s="280">
        <v>0</v>
      </c>
      <c r="BX35" s="280">
        <v>0</v>
      </c>
      <c r="BY35" s="280">
        <v>0</v>
      </c>
      <c r="BZ35" s="277">
        <v>0</v>
      </c>
      <c r="CA35" s="282">
        <v>0</v>
      </c>
      <c r="CB35" s="276">
        <v>0</v>
      </c>
      <c r="CC35" s="280">
        <v>0</v>
      </c>
      <c r="CD35" s="277">
        <v>0</v>
      </c>
      <c r="CE35" s="279">
        <v>0</v>
      </c>
      <c r="CF35" s="280">
        <v>0</v>
      </c>
      <c r="CG35" s="280">
        <v>0</v>
      </c>
      <c r="CH35" s="280">
        <v>0</v>
      </c>
      <c r="CI35" s="280">
        <v>0</v>
      </c>
      <c r="CJ35" s="280">
        <v>0</v>
      </c>
      <c r="CK35" s="277">
        <v>0</v>
      </c>
      <c r="CL35" s="282">
        <v>0</v>
      </c>
      <c r="CM35" s="276">
        <v>0</v>
      </c>
      <c r="CN35" s="280">
        <v>0</v>
      </c>
      <c r="CO35" s="277">
        <v>0</v>
      </c>
      <c r="CP35" s="279">
        <v>0</v>
      </c>
      <c r="CQ35" s="280">
        <v>0</v>
      </c>
      <c r="CR35" s="280">
        <v>0</v>
      </c>
      <c r="CS35" s="280">
        <v>0</v>
      </c>
      <c r="CT35" s="280">
        <v>0</v>
      </c>
      <c r="CU35" s="280">
        <v>1</v>
      </c>
      <c r="CV35" s="277">
        <v>1</v>
      </c>
      <c r="CW35" s="282">
        <v>1</v>
      </c>
    </row>
    <row r="36" spans="2:101" ht="21" customHeight="1" x14ac:dyDescent="0.2">
      <c r="B36" s="261" t="s">
        <v>34</v>
      </c>
      <c r="C36" s="276">
        <v>0</v>
      </c>
      <c r="D36" s="277">
        <v>0</v>
      </c>
      <c r="E36" s="278">
        <v>0</v>
      </c>
      <c r="F36" s="279">
        <v>0</v>
      </c>
      <c r="G36" s="280">
        <v>0</v>
      </c>
      <c r="H36" s="280">
        <v>0</v>
      </c>
      <c r="I36" s="280">
        <v>0</v>
      </c>
      <c r="J36" s="280">
        <v>0</v>
      </c>
      <c r="K36" s="280">
        <v>0</v>
      </c>
      <c r="L36" s="281">
        <v>0</v>
      </c>
      <c r="M36" s="282">
        <v>0</v>
      </c>
      <c r="N36" s="276">
        <v>0</v>
      </c>
      <c r="O36" s="280">
        <v>0</v>
      </c>
      <c r="P36" s="277">
        <v>0</v>
      </c>
      <c r="Q36" s="279">
        <v>0</v>
      </c>
      <c r="R36" s="280">
        <v>0</v>
      </c>
      <c r="S36" s="280">
        <v>0</v>
      </c>
      <c r="T36" s="280">
        <v>0</v>
      </c>
      <c r="U36" s="280">
        <v>0</v>
      </c>
      <c r="V36" s="280">
        <v>0</v>
      </c>
      <c r="W36" s="277">
        <v>0</v>
      </c>
      <c r="X36" s="282">
        <v>0</v>
      </c>
      <c r="Y36" s="276">
        <v>0</v>
      </c>
      <c r="Z36" s="280">
        <v>0</v>
      </c>
      <c r="AA36" s="277">
        <v>0</v>
      </c>
      <c r="AB36" s="279">
        <v>0</v>
      </c>
      <c r="AC36" s="280">
        <v>0</v>
      </c>
      <c r="AD36" s="280">
        <v>0</v>
      </c>
      <c r="AE36" s="280">
        <v>0</v>
      </c>
      <c r="AF36" s="280">
        <v>0</v>
      </c>
      <c r="AG36" s="280">
        <v>0</v>
      </c>
      <c r="AH36" s="277">
        <v>0</v>
      </c>
      <c r="AI36" s="282">
        <v>0</v>
      </c>
      <c r="AJ36" s="276">
        <v>0</v>
      </c>
      <c r="AK36" s="280">
        <v>0</v>
      </c>
      <c r="AL36" s="277">
        <v>0</v>
      </c>
      <c r="AM36" s="279">
        <v>0</v>
      </c>
      <c r="AN36" s="280">
        <v>0</v>
      </c>
      <c r="AO36" s="280">
        <v>0</v>
      </c>
      <c r="AP36" s="280">
        <v>0</v>
      </c>
      <c r="AQ36" s="280">
        <v>0</v>
      </c>
      <c r="AR36" s="280">
        <v>0</v>
      </c>
      <c r="AS36" s="277">
        <v>0</v>
      </c>
      <c r="AT36" s="282">
        <v>0</v>
      </c>
      <c r="AU36" s="276">
        <v>0</v>
      </c>
      <c r="AV36" s="280">
        <v>0</v>
      </c>
      <c r="AW36" s="277">
        <v>0</v>
      </c>
      <c r="AX36" s="279">
        <v>0</v>
      </c>
      <c r="AY36" s="280">
        <v>1</v>
      </c>
      <c r="AZ36" s="280">
        <v>0</v>
      </c>
      <c r="BA36" s="280">
        <v>0</v>
      </c>
      <c r="BB36" s="280">
        <v>0</v>
      </c>
      <c r="BC36" s="280">
        <v>0</v>
      </c>
      <c r="BD36" s="277">
        <v>1</v>
      </c>
      <c r="BE36" s="282">
        <v>1</v>
      </c>
      <c r="BF36" s="276">
        <v>0</v>
      </c>
      <c r="BG36" s="280">
        <v>0</v>
      </c>
      <c r="BH36" s="277">
        <v>0</v>
      </c>
      <c r="BI36" s="279">
        <v>0</v>
      </c>
      <c r="BJ36" s="280">
        <v>0</v>
      </c>
      <c r="BK36" s="280">
        <v>0</v>
      </c>
      <c r="BL36" s="280">
        <v>0</v>
      </c>
      <c r="BM36" s="280">
        <v>0</v>
      </c>
      <c r="BN36" s="280">
        <v>0</v>
      </c>
      <c r="BO36" s="281">
        <v>0</v>
      </c>
      <c r="BP36" s="282">
        <v>0</v>
      </c>
      <c r="BQ36" s="276">
        <v>0</v>
      </c>
      <c r="BR36" s="280">
        <v>0</v>
      </c>
      <c r="BS36" s="277">
        <v>0</v>
      </c>
      <c r="BT36" s="279">
        <v>0</v>
      </c>
      <c r="BU36" s="280">
        <v>0</v>
      </c>
      <c r="BV36" s="280">
        <v>0</v>
      </c>
      <c r="BW36" s="280">
        <v>0</v>
      </c>
      <c r="BX36" s="280">
        <v>0</v>
      </c>
      <c r="BY36" s="280">
        <v>0</v>
      </c>
      <c r="BZ36" s="277">
        <v>0</v>
      </c>
      <c r="CA36" s="282">
        <v>0</v>
      </c>
      <c r="CB36" s="276">
        <v>0</v>
      </c>
      <c r="CC36" s="280">
        <v>0</v>
      </c>
      <c r="CD36" s="277">
        <v>0</v>
      </c>
      <c r="CE36" s="279">
        <v>0</v>
      </c>
      <c r="CF36" s="280">
        <v>0</v>
      </c>
      <c r="CG36" s="280">
        <v>0</v>
      </c>
      <c r="CH36" s="280">
        <v>0</v>
      </c>
      <c r="CI36" s="280">
        <v>0</v>
      </c>
      <c r="CJ36" s="280">
        <v>0</v>
      </c>
      <c r="CK36" s="277">
        <v>0</v>
      </c>
      <c r="CL36" s="282">
        <v>0</v>
      </c>
      <c r="CM36" s="276">
        <v>0</v>
      </c>
      <c r="CN36" s="280">
        <v>0</v>
      </c>
      <c r="CO36" s="277">
        <v>0</v>
      </c>
      <c r="CP36" s="279">
        <v>0</v>
      </c>
      <c r="CQ36" s="280">
        <v>0</v>
      </c>
      <c r="CR36" s="280">
        <v>1</v>
      </c>
      <c r="CS36" s="280">
        <v>0</v>
      </c>
      <c r="CT36" s="280">
        <v>0</v>
      </c>
      <c r="CU36" s="280">
        <v>1</v>
      </c>
      <c r="CV36" s="277">
        <v>2</v>
      </c>
      <c r="CW36" s="282">
        <v>2</v>
      </c>
    </row>
    <row r="37" spans="2:101" ht="21" customHeight="1" x14ac:dyDescent="0.2">
      <c r="B37" s="261" t="s">
        <v>35</v>
      </c>
      <c r="C37" s="276">
        <v>0</v>
      </c>
      <c r="D37" s="277">
        <v>0</v>
      </c>
      <c r="E37" s="278">
        <v>0</v>
      </c>
      <c r="F37" s="279">
        <v>0</v>
      </c>
      <c r="G37" s="280">
        <v>0</v>
      </c>
      <c r="H37" s="280">
        <v>0</v>
      </c>
      <c r="I37" s="280">
        <v>0</v>
      </c>
      <c r="J37" s="280">
        <v>0</v>
      </c>
      <c r="K37" s="280">
        <v>0</v>
      </c>
      <c r="L37" s="281">
        <v>0</v>
      </c>
      <c r="M37" s="282">
        <v>0</v>
      </c>
      <c r="N37" s="276">
        <v>0</v>
      </c>
      <c r="O37" s="280">
        <v>0</v>
      </c>
      <c r="P37" s="277">
        <v>0</v>
      </c>
      <c r="Q37" s="279">
        <v>0</v>
      </c>
      <c r="R37" s="280">
        <v>0</v>
      </c>
      <c r="S37" s="280">
        <v>0</v>
      </c>
      <c r="T37" s="280">
        <v>0</v>
      </c>
      <c r="U37" s="280">
        <v>0</v>
      </c>
      <c r="V37" s="280">
        <v>0</v>
      </c>
      <c r="W37" s="277">
        <v>0</v>
      </c>
      <c r="X37" s="282">
        <v>0</v>
      </c>
      <c r="Y37" s="276">
        <v>0</v>
      </c>
      <c r="Z37" s="280">
        <v>0</v>
      </c>
      <c r="AA37" s="277">
        <v>0</v>
      </c>
      <c r="AB37" s="279">
        <v>0</v>
      </c>
      <c r="AC37" s="280">
        <v>1</v>
      </c>
      <c r="AD37" s="280">
        <v>0</v>
      </c>
      <c r="AE37" s="280">
        <v>0</v>
      </c>
      <c r="AF37" s="280">
        <v>0</v>
      </c>
      <c r="AG37" s="280">
        <v>0</v>
      </c>
      <c r="AH37" s="277">
        <v>1</v>
      </c>
      <c r="AI37" s="282">
        <v>1</v>
      </c>
      <c r="AJ37" s="276">
        <v>0</v>
      </c>
      <c r="AK37" s="280">
        <v>0</v>
      </c>
      <c r="AL37" s="277">
        <v>0</v>
      </c>
      <c r="AM37" s="279">
        <v>0</v>
      </c>
      <c r="AN37" s="280">
        <v>0</v>
      </c>
      <c r="AO37" s="280">
        <v>0</v>
      </c>
      <c r="AP37" s="280">
        <v>0</v>
      </c>
      <c r="AQ37" s="280">
        <v>0</v>
      </c>
      <c r="AR37" s="280">
        <v>0</v>
      </c>
      <c r="AS37" s="277">
        <v>0</v>
      </c>
      <c r="AT37" s="282">
        <v>0</v>
      </c>
      <c r="AU37" s="276">
        <v>0</v>
      </c>
      <c r="AV37" s="280">
        <v>0</v>
      </c>
      <c r="AW37" s="277">
        <v>0</v>
      </c>
      <c r="AX37" s="279">
        <v>0</v>
      </c>
      <c r="AY37" s="280">
        <v>0</v>
      </c>
      <c r="AZ37" s="280">
        <v>0</v>
      </c>
      <c r="BA37" s="280">
        <v>0</v>
      </c>
      <c r="BB37" s="280">
        <v>1</v>
      </c>
      <c r="BC37" s="280">
        <v>0</v>
      </c>
      <c r="BD37" s="277">
        <v>1</v>
      </c>
      <c r="BE37" s="282">
        <v>1</v>
      </c>
      <c r="BF37" s="276">
        <v>0</v>
      </c>
      <c r="BG37" s="280">
        <v>0</v>
      </c>
      <c r="BH37" s="277">
        <v>0</v>
      </c>
      <c r="BI37" s="279">
        <v>0</v>
      </c>
      <c r="BJ37" s="280">
        <v>0</v>
      </c>
      <c r="BK37" s="280">
        <v>0</v>
      </c>
      <c r="BL37" s="280">
        <v>0</v>
      </c>
      <c r="BM37" s="280">
        <v>1</v>
      </c>
      <c r="BN37" s="280">
        <v>0</v>
      </c>
      <c r="BO37" s="281">
        <v>1</v>
      </c>
      <c r="BP37" s="282">
        <v>1</v>
      </c>
      <c r="BQ37" s="276">
        <v>0</v>
      </c>
      <c r="BR37" s="280">
        <v>0</v>
      </c>
      <c r="BS37" s="277">
        <v>0</v>
      </c>
      <c r="BT37" s="279">
        <v>0</v>
      </c>
      <c r="BU37" s="280">
        <v>0</v>
      </c>
      <c r="BV37" s="280">
        <v>0</v>
      </c>
      <c r="BW37" s="280">
        <v>0</v>
      </c>
      <c r="BX37" s="280">
        <v>0</v>
      </c>
      <c r="BY37" s="280">
        <v>0</v>
      </c>
      <c r="BZ37" s="277">
        <v>0</v>
      </c>
      <c r="CA37" s="282">
        <v>0</v>
      </c>
      <c r="CB37" s="276">
        <v>0</v>
      </c>
      <c r="CC37" s="280">
        <v>0</v>
      </c>
      <c r="CD37" s="277">
        <v>0</v>
      </c>
      <c r="CE37" s="279">
        <v>0</v>
      </c>
      <c r="CF37" s="280">
        <v>0</v>
      </c>
      <c r="CG37" s="280">
        <v>0</v>
      </c>
      <c r="CH37" s="280">
        <v>0</v>
      </c>
      <c r="CI37" s="280">
        <v>0</v>
      </c>
      <c r="CJ37" s="280">
        <v>0</v>
      </c>
      <c r="CK37" s="277">
        <v>0</v>
      </c>
      <c r="CL37" s="282">
        <v>0</v>
      </c>
      <c r="CM37" s="276">
        <v>0</v>
      </c>
      <c r="CN37" s="280">
        <v>0</v>
      </c>
      <c r="CO37" s="277">
        <v>0</v>
      </c>
      <c r="CP37" s="279">
        <v>0</v>
      </c>
      <c r="CQ37" s="280">
        <v>0</v>
      </c>
      <c r="CR37" s="280">
        <v>0</v>
      </c>
      <c r="CS37" s="280">
        <v>0</v>
      </c>
      <c r="CT37" s="280">
        <v>0</v>
      </c>
      <c r="CU37" s="280">
        <v>0</v>
      </c>
      <c r="CV37" s="277">
        <v>0</v>
      </c>
      <c r="CW37" s="282">
        <v>0</v>
      </c>
    </row>
    <row r="38" spans="2:101" ht="21" customHeight="1" x14ac:dyDescent="0.2">
      <c r="B38" s="261" t="s">
        <v>36</v>
      </c>
      <c r="C38" s="276">
        <v>0</v>
      </c>
      <c r="D38" s="277">
        <v>0</v>
      </c>
      <c r="E38" s="278">
        <v>0</v>
      </c>
      <c r="F38" s="279">
        <v>0</v>
      </c>
      <c r="G38" s="280">
        <v>0</v>
      </c>
      <c r="H38" s="280">
        <v>0</v>
      </c>
      <c r="I38" s="280">
        <v>0</v>
      </c>
      <c r="J38" s="280">
        <v>0</v>
      </c>
      <c r="K38" s="280">
        <v>0</v>
      </c>
      <c r="L38" s="281">
        <v>0</v>
      </c>
      <c r="M38" s="282">
        <v>0</v>
      </c>
      <c r="N38" s="276">
        <v>0</v>
      </c>
      <c r="O38" s="280">
        <v>0</v>
      </c>
      <c r="P38" s="277">
        <v>0</v>
      </c>
      <c r="Q38" s="279">
        <v>0</v>
      </c>
      <c r="R38" s="280">
        <v>0</v>
      </c>
      <c r="S38" s="280">
        <v>0</v>
      </c>
      <c r="T38" s="280">
        <v>0</v>
      </c>
      <c r="U38" s="280">
        <v>0</v>
      </c>
      <c r="V38" s="280">
        <v>0</v>
      </c>
      <c r="W38" s="277">
        <v>0</v>
      </c>
      <c r="X38" s="282">
        <v>0</v>
      </c>
      <c r="Y38" s="276">
        <v>0</v>
      </c>
      <c r="Z38" s="280">
        <v>0</v>
      </c>
      <c r="AA38" s="277">
        <v>0</v>
      </c>
      <c r="AB38" s="279">
        <v>0</v>
      </c>
      <c r="AC38" s="280">
        <v>1</v>
      </c>
      <c r="AD38" s="280">
        <v>1</v>
      </c>
      <c r="AE38" s="280">
        <v>0</v>
      </c>
      <c r="AF38" s="280">
        <v>1</v>
      </c>
      <c r="AG38" s="280">
        <v>0</v>
      </c>
      <c r="AH38" s="277">
        <v>3</v>
      </c>
      <c r="AI38" s="282">
        <v>3</v>
      </c>
      <c r="AJ38" s="276">
        <v>0</v>
      </c>
      <c r="AK38" s="280">
        <v>0</v>
      </c>
      <c r="AL38" s="277">
        <v>0</v>
      </c>
      <c r="AM38" s="279">
        <v>0</v>
      </c>
      <c r="AN38" s="280">
        <v>0</v>
      </c>
      <c r="AO38" s="280">
        <v>0</v>
      </c>
      <c r="AP38" s="280">
        <v>0</v>
      </c>
      <c r="AQ38" s="280">
        <v>0</v>
      </c>
      <c r="AR38" s="280">
        <v>0</v>
      </c>
      <c r="AS38" s="277">
        <v>0</v>
      </c>
      <c r="AT38" s="282">
        <v>0</v>
      </c>
      <c r="AU38" s="276">
        <v>0</v>
      </c>
      <c r="AV38" s="280">
        <v>0</v>
      </c>
      <c r="AW38" s="277">
        <v>0</v>
      </c>
      <c r="AX38" s="279">
        <v>0</v>
      </c>
      <c r="AY38" s="280">
        <v>0</v>
      </c>
      <c r="AZ38" s="280">
        <v>0</v>
      </c>
      <c r="BA38" s="280">
        <v>0</v>
      </c>
      <c r="BB38" s="280">
        <v>0</v>
      </c>
      <c r="BC38" s="280">
        <v>0</v>
      </c>
      <c r="BD38" s="277">
        <v>0</v>
      </c>
      <c r="BE38" s="282">
        <v>0</v>
      </c>
      <c r="BF38" s="276">
        <v>0</v>
      </c>
      <c r="BG38" s="280">
        <v>0</v>
      </c>
      <c r="BH38" s="277">
        <v>0</v>
      </c>
      <c r="BI38" s="279">
        <v>0</v>
      </c>
      <c r="BJ38" s="280">
        <v>2</v>
      </c>
      <c r="BK38" s="280">
        <v>0</v>
      </c>
      <c r="BL38" s="280">
        <v>1</v>
      </c>
      <c r="BM38" s="280">
        <v>0</v>
      </c>
      <c r="BN38" s="280">
        <v>1</v>
      </c>
      <c r="BO38" s="281">
        <v>4</v>
      </c>
      <c r="BP38" s="282">
        <v>4</v>
      </c>
      <c r="BQ38" s="276">
        <v>0</v>
      </c>
      <c r="BR38" s="280">
        <v>0</v>
      </c>
      <c r="BS38" s="277">
        <v>0</v>
      </c>
      <c r="BT38" s="279">
        <v>0</v>
      </c>
      <c r="BU38" s="280">
        <v>0</v>
      </c>
      <c r="BV38" s="280">
        <v>0</v>
      </c>
      <c r="BW38" s="280">
        <v>0</v>
      </c>
      <c r="BX38" s="280">
        <v>0</v>
      </c>
      <c r="BY38" s="280">
        <v>0</v>
      </c>
      <c r="BZ38" s="277">
        <v>0</v>
      </c>
      <c r="CA38" s="282">
        <v>0</v>
      </c>
      <c r="CB38" s="276">
        <v>0</v>
      </c>
      <c r="CC38" s="280">
        <v>0</v>
      </c>
      <c r="CD38" s="277">
        <v>0</v>
      </c>
      <c r="CE38" s="279">
        <v>0</v>
      </c>
      <c r="CF38" s="280">
        <v>0</v>
      </c>
      <c r="CG38" s="280">
        <v>0</v>
      </c>
      <c r="CH38" s="280">
        <v>0</v>
      </c>
      <c r="CI38" s="280">
        <v>0</v>
      </c>
      <c r="CJ38" s="280">
        <v>0</v>
      </c>
      <c r="CK38" s="277">
        <v>0</v>
      </c>
      <c r="CL38" s="282">
        <v>0</v>
      </c>
      <c r="CM38" s="276">
        <v>0</v>
      </c>
      <c r="CN38" s="280">
        <v>0</v>
      </c>
      <c r="CO38" s="277">
        <v>0</v>
      </c>
      <c r="CP38" s="279">
        <v>0</v>
      </c>
      <c r="CQ38" s="280">
        <v>0</v>
      </c>
      <c r="CR38" s="280">
        <v>0</v>
      </c>
      <c r="CS38" s="280">
        <v>0</v>
      </c>
      <c r="CT38" s="280">
        <v>0</v>
      </c>
      <c r="CU38" s="280">
        <v>0</v>
      </c>
      <c r="CV38" s="277">
        <v>0</v>
      </c>
      <c r="CW38" s="282">
        <v>0</v>
      </c>
    </row>
    <row r="39" spans="2:101" ht="21" customHeight="1" thickBot="1" x14ac:dyDescent="0.25">
      <c r="B39" s="262" t="s">
        <v>37</v>
      </c>
      <c r="C39" s="283">
        <v>0</v>
      </c>
      <c r="D39" s="284">
        <v>0</v>
      </c>
      <c r="E39" s="285">
        <v>0</v>
      </c>
      <c r="F39" s="286">
        <v>0</v>
      </c>
      <c r="G39" s="287">
        <v>0</v>
      </c>
      <c r="H39" s="287">
        <v>0</v>
      </c>
      <c r="I39" s="287">
        <v>0</v>
      </c>
      <c r="J39" s="287">
        <v>0</v>
      </c>
      <c r="K39" s="287">
        <v>0</v>
      </c>
      <c r="L39" s="288">
        <v>0</v>
      </c>
      <c r="M39" s="289">
        <v>0</v>
      </c>
      <c r="N39" s="283">
        <v>0</v>
      </c>
      <c r="O39" s="287">
        <v>0</v>
      </c>
      <c r="P39" s="284">
        <v>0</v>
      </c>
      <c r="Q39" s="286">
        <v>0</v>
      </c>
      <c r="R39" s="287">
        <v>0</v>
      </c>
      <c r="S39" s="287">
        <v>0</v>
      </c>
      <c r="T39" s="287">
        <v>0</v>
      </c>
      <c r="U39" s="287">
        <v>0</v>
      </c>
      <c r="V39" s="287">
        <v>0</v>
      </c>
      <c r="W39" s="284">
        <v>0</v>
      </c>
      <c r="X39" s="289">
        <v>0</v>
      </c>
      <c r="Y39" s="283">
        <v>0</v>
      </c>
      <c r="Z39" s="287">
        <v>0</v>
      </c>
      <c r="AA39" s="284">
        <v>0</v>
      </c>
      <c r="AB39" s="286">
        <v>0</v>
      </c>
      <c r="AC39" s="287">
        <v>0</v>
      </c>
      <c r="AD39" s="287">
        <v>0</v>
      </c>
      <c r="AE39" s="287">
        <v>0</v>
      </c>
      <c r="AF39" s="287">
        <v>0</v>
      </c>
      <c r="AG39" s="287">
        <v>1</v>
      </c>
      <c r="AH39" s="284">
        <v>1</v>
      </c>
      <c r="AI39" s="289">
        <v>1</v>
      </c>
      <c r="AJ39" s="283">
        <v>0</v>
      </c>
      <c r="AK39" s="287">
        <v>0</v>
      </c>
      <c r="AL39" s="284">
        <v>0</v>
      </c>
      <c r="AM39" s="286">
        <v>0</v>
      </c>
      <c r="AN39" s="287">
        <v>0</v>
      </c>
      <c r="AO39" s="287">
        <v>0</v>
      </c>
      <c r="AP39" s="287">
        <v>0</v>
      </c>
      <c r="AQ39" s="287">
        <v>0</v>
      </c>
      <c r="AR39" s="287">
        <v>0</v>
      </c>
      <c r="AS39" s="284">
        <v>0</v>
      </c>
      <c r="AT39" s="289">
        <v>0</v>
      </c>
      <c r="AU39" s="283">
        <v>0</v>
      </c>
      <c r="AV39" s="287">
        <v>0</v>
      </c>
      <c r="AW39" s="284">
        <v>0</v>
      </c>
      <c r="AX39" s="286">
        <v>0</v>
      </c>
      <c r="AY39" s="287">
        <v>0</v>
      </c>
      <c r="AZ39" s="287">
        <v>0</v>
      </c>
      <c r="BA39" s="287">
        <v>0</v>
      </c>
      <c r="BB39" s="287">
        <v>0</v>
      </c>
      <c r="BC39" s="287">
        <v>0</v>
      </c>
      <c r="BD39" s="284">
        <v>0</v>
      </c>
      <c r="BE39" s="289">
        <v>0</v>
      </c>
      <c r="BF39" s="283">
        <v>0</v>
      </c>
      <c r="BG39" s="287">
        <v>0</v>
      </c>
      <c r="BH39" s="284">
        <v>0</v>
      </c>
      <c r="BI39" s="286">
        <v>0</v>
      </c>
      <c r="BJ39" s="287">
        <v>0</v>
      </c>
      <c r="BK39" s="287">
        <v>0</v>
      </c>
      <c r="BL39" s="287">
        <v>0</v>
      </c>
      <c r="BM39" s="287">
        <v>0</v>
      </c>
      <c r="BN39" s="287">
        <v>0</v>
      </c>
      <c r="BO39" s="288">
        <v>0</v>
      </c>
      <c r="BP39" s="289">
        <v>0</v>
      </c>
      <c r="BQ39" s="283">
        <v>0</v>
      </c>
      <c r="BR39" s="287">
        <v>0</v>
      </c>
      <c r="BS39" s="284">
        <v>0</v>
      </c>
      <c r="BT39" s="286">
        <v>0</v>
      </c>
      <c r="BU39" s="287">
        <v>0</v>
      </c>
      <c r="BV39" s="287">
        <v>0</v>
      </c>
      <c r="BW39" s="287">
        <v>0</v>
      </c>
      <c r="BX39" s="287">
        <v>0</v>
      </c>
      <c r="BY39" s="287">
        <v>0</v>
      </c>
      <c r="BZ39" s="284">
        <v>0</v>
      </c>
      <c r="CA39" s="289">
        <v>0</v>
      </c>
      <c r="CB39" s="283">
        <v>0</v>
      </c>
      <c r="CC39" s="287">
        <v>0</v>
      </c>
      <c r="CD39" s="284">
        <v>0</v>
      </c>
      <c r="CE39" s="286">
        <v>0</v>
      </c>
      <c r="CF39" s="287">
        <v>0</v>
      </c>
      <c r="CG39" s="287">
        <v>0</v>
      </c>
      <c r="CH39" s="287">
        <v>0</v>
      </c>
      <c r="CI39" s="287">
        <v>0</v>
      </c>
      <c r="CJ39" s="287">
        <v>0</v>
      </c>
      <c r="CK39" s="284">
        <v>0</v>
      </c>
      <c r="CL39" s="289">
        <v>0</v>
      </c>
      <c r="CM39" s="283">
        <v>0</v>
      </c>
      <c r="CN39" s="287">
        <v>0</v>
      </c>
      <c r="CO39" s="284">
        <v>0</v>
      </c>
      <c r="CP39" s="286">
        <v>0</v>
      </c>
      <c r="CQ39" s="287">
        <v>0</v>
      </c>
      <c r="CR39" s="287">
        <v>0</v>
      </c>
      <c r="CS39" s="287">
        <v>0</v>
      </c>
      <c r="CT39" s="287">
        <v>0</v>
      </c>
      <c r="CU39" s="287">
        <v>0</v>
      </c>
      <c r="CV39" s="284">
        <v>0</v>
      </c>
      <c r="CW39" s="289">
        <v>0</v>
      </c>
    </row>
  </sheetData>
  <mergeCells count="39">
    <mergeCell ref="CW4:CW5"/>
    <mergeCell ref="CB3:CL3"/>
    <mergeCell ref="CM3:CW3"/>
    <mergeCell ref="I1:J1"/>
    <mergeCell ref="L1:M1"/>
    <mergeCell ref="BE4:BE5"/>
    <mergeCell ref="BF3:BP3"/>
    <mergeCell ref="BP4:BP5"/>
    <mergeCell ref="BQ3:CA3"/>
    <mergeCell ref="AJ4:AL4"/>
    <mergeCell ref="AJ3:AT3"/>
    <mergeCell ref="AU3:BE3"/>
    <mergeCell ref="CP4:CV4"/>
    <mergeCell ref="AM4:AS4"/>
    <mergeCell ref="AT4:AT5"/>
    <mergeCell ref="AU4:AW4"/>
    <mergeCell ref="B3:B5"/>
    <mergeCell ref="C3:M3"/>
    <mergeCell ref="N3:X3"/>
    <mergeCell ref="Y3:AI3"/>
    <mergeCell ref="C4:E4"/>
    <mergeCell ref="F4:L4"/>
    <mergeCell ref="M4:M5"/>
    <mergeCell ref="N4:P4"/>
    <mergeCell ref="Q4:W4"/>
    <mergeCell ref="X4:X5"/>
    <mergeCell ref="Y4:AA4"/>
    <mergeCell ref="AB4:AH4"/>
    <mergeCell ref="AI4:AI5"/>
    <mergeCell ref="CM4:CO4"/>
    <mergeCell ref="AX4:BD4"/>
    <mergeCell ref="BF4:BH4"/>
    <mergeCell ref="BI4:BO4"/>
    <mergeCell ref="CA4:CA5"/>
    <mergeCell ref="CL4:CL5"/>
    <mergeCell ref="BQ4:BS4"/>
    <mergeCell ref="BT4:BZ4"/>
    <mergeCell ref="CB4:CD4"/>
    <mergeCell ref="CE4:CK4"/>
  </mergeCells>
  <phoneticPr fontId="4"/>
  <pageMargins left="0.70866141732283472" right="0.70866141732283472" top="0.74803149606299213" bottom="0.74803149606299213" header="0.31496062992125984" footer="0.31496062992125984"/>
  <pageSetup paperSize="9" scale="60" orientation="landscape" r:id="rId1"/>
  <headerFooter>
    <oddFooter>&amp;L&amp;20&amp;A&amp;C&amp;P/&amp;N</oddFooter>
  </headerFooter>
  <colBreaks count="3" manualBreakCount="3">
    <brk id="24" max="1048575" man="1"/>
    <brk id="46" max="1048575" man="1"/>
    <brk id="68" max="1048575" man="1"/>
  </colBreaks>
</worksheet>
</file>

<file path=xl/worksheets/sheet1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sheetPr>
  <dimension ref="A1:X39"/>
  <sheetViews>
    <sheetView zoomScaleNormal="100" workbookViewId="0">
      <pane xSplit="2" ySplit="6" topLeftCell="C7" activePane="bottomRight" state="frozen"/>
      <selection pane="topRight" activeCell="B1" sqref="B1"/>
      <selection pane="bottomLeft" activeCell="A7" sqref="A7"/>
      <selection pane="bottomRight" activeCell="B1" sqref="B1"/>
    </sheetView>
  </sheetViews>
  <sheetFormatPr defaultColWidth="9" defaultRowHeight="13.2" x14ac:dyDescent="0.2"/>
  <cols>
    <col min="1" max="1" width="2.77734375" style="44" customWidth="1"/>
    <col min="2" max="4" width="9" style="255"/>
    <col min="5" max="5" width="10" style="255" customWidth="1"/>
    <col min="6" max="6" width="7.77734375" style="255" customWidth="1"/>
    <col min="7" max="7" width="10.77734375" style="255" customWidth="1"/>
    <col min="8" max="16" width="9" style="255"/>
    <col min="17" max="17" width="8" style="255" customWidth="1"/>
    <col min="18" max="16384" width="9" style="255"/>
  </cols>
  <sheetData>
    <row r="1" spans="2:24" ht="24" customHeight="1" x14ac:dyDescent="0.2">
      <c r="B1" s="290" t="s">
        <v>125</v>
      </c>
      <c r="H1" s="524">
        <f>第１表!F2</f>
        <v>5</v>
      </c>
      <c r="I1" s="524"/>
      <c r="J1" s="248">
        <f>第１表!G2</f>
        <v>2</v>
      </c>
      <c r="K1" s="529">
        <f>IF(J1&lt;3,J1+12-2,J1-2)</f>
        <v>12</v>
      </c>
      <c r="L1" s="529"/>
    </row>
    <row r="2" spans="2:24" ht="24" customHeight="1" thickBot="1" x14ac:dyDescent="0.25">
      <c r="B2" s="290" t="s">
        <v>133</v>
      </c>
    </row>
    <row r="3" spans="2:24" ht="21" customHeight="1" x14ac:dyDescent="0.2">
      <c r="B3" s="532"/>
      <c r="C3" s="533" t="s">
        <v>143</v>
      </c>
      <c r="D3" s="533"/>
      <c r="E3" s="533"/>
      <c r="F3" s="533"/>
      <c r="G3" s="533"/>
      <c r="H3" s="533"/>
      <c r="I3" s="533"/>
      <c r="J3" s="533"/>
      <c r="K3" s="533"/>
      <c r="L3" s="533"/>
      <c r="M3" s="565"/>
      <c r="N3" s="533" t="s">
        <v>113</v>
      </c>
      <c r="O3" s="533"/>
      <c r="P3" s="533"/>
      <c r="Q3" s="533"/>
      <c r="R3" s="533"/>
      <c r="S3" s="533"/>
      <c r="T3" s="533"/>
      <c r="U3" s="533"/>
      <c r="V3" s="533"/>
      <c r="W3" s="533"/>
      <c r="X3" s="565"/>
    </row>
    <row r="4" spans="2:24" ht="21" customHeight="1" x14ac:dyDescent="0.2">
      <c r="B4" s="571"/>
      <c r="C4" s="566" t="s">
        <v>61</v>
      </c>
      <c r="D4" s="566"/>
      <c r="E4" s="567"/>
      <c r="F4" s="568" t="s">
        <v>62</v>
      </c>
      <c r="G4" s="566"/>
      <c r="H4" s="566"/>
      <c r="I4" s="566"/>
      <c r="J4" s="566"/>
      <c r="K4" s="566"/>
      <c r="L4" s="569"/>
      <c r="M4" s="570" t="s">
        <v>52</v>
      </c>
      <c r="N4" s="566" t="s">
        <v>61</v>
      </c>
      <c r="O4" s="566"/>
      <c r="P4" s="567"/>
      <c r="Q4" s="568" t="s">
        <v>62</v>
      </c>
      <c r="R4" s="566"/>
      <c r="S4" s="566"/>
      <c r="T4" s="566"/>
      <c r="U4" s="566"/>
      <c r="V4" s="566"/>
      <c r="W4" s="569"/>
      <c r="X4" s="570" t="s">
        <v>52</v>
      </c>
    </row>
    <row r="5" spans="2:24" ht="30" customHeight="1" thickBot="1" x14ac:dyDescent="0.25">
      <c r="B5" s="572"/>
      <c r="C5" s="259" t="s">
        <v>43</v>
      </c>
      <c r="D5" s="259" t="s">
        <v>44</v>
      </c>
      <c r="E5" s="265" t="s">
        <v>45</v>
      </c>
      <c r="F5" s="267" t="s">
        <v>83</v>
      </c>
      <c r="G5" s="259" t="s">
        <v>47</v>
      </c>
      <c r="H5" s="259" t="s">
        <v>48</v>
      </c>
      <c r="I5" s="259" t="s">
        <v>49</v>
      </c>
      <c r="J5" s="259" t="s">
        <v>50</v>
      </c>
      <c r="K5" s="259" t="s">
        <v>51</v>
      </c>
      <c r="L5" s="265" t="s">
        <v>45</v>
      </c>
      <c r="M5" s="531"/>
      <c r="N5" s="259" t="s">
        <v>43</v>
      </c>
      <c r="O5" s="259" t="s">
        <v>44</v>
      </c>
      <c r="P5" s="265" t="s">
        <v>45</v>
      </c>
      <c r="Q5" s="267" t="s">
        <v>83</v>
      </c>
      <c r="R5" s="259" t="s">
        <v>47</v>
      </c>
      <c r="S5" s="259" t="s">
        <v>48</v>
      </c>
      <c r="T5" s="259" t="s">
        <v>49</v>
      </c>
      <c r="U5" s="259" t="s">
        <v>50</v>
      </c>
      <c r="V5" s="259" t="s">
        <v>51</v>
      </c>
      <c r="W5" s="265" t="s">
        <v>45</v>
      </c>
      <c r="X5" s="531"/>
    </row>
    <row r="6" spans="2:24" ht="21" customHeight="1" x14ac:dyDescent="0.2">
      <c r="B6" s="258" t="s">
        <v>4</v>
      </c>
      <c r="C6" s="273">
        <v>0</v>
      </c>
      <c r="D6" s="273">
        <v>12</v>
      </c>
      <c r="E6" s="270">
        <v>12</v>
      </c>
      <c r="F6" s="272">
        <v>0</v>
      </c>
      <c r="G6" s="273">
        <v>96053</v>
      </c>
      <c r="H6" s="273">
        <v>95158</v>
      </c>
      <c r="I6" s="273">
        <v>59061</v>
      </c>
      <c r="J6" s="273">
        <v>32140</v>
      </c>
      <c r="K6" s="273">
        <v>13886</v>
      </c>
      <c r="L6" s="270">
        <v>296298</v>
      </c>
      <c r="M6" s="275">
        <v>296310</v>
      </c>
      <c r="N6" s="273">
        <v>39</v>
      </c>
      <c r="O6" s="273">
        <v>42</v>
      </c>
      <c r="P6" s="270">
        <v>81</v>
      </c>
      <c r="Q6" s="272">
        <v>0</v>
      </c>
      <c r="R6" s="273">
        <v>6573</v>
      </c>
      <c r="S6" s="273">
        <v>8788</v>
      </c>
      <c r="T6" s="273">
        <v>11896</v>
      </c>
      <c r="U6" s="273">
        <v>6429</v>
      </c>
      <c r="V6" s="273">
        <v>4923</v>
      </c>
      <c r="W6" s="270">
        <v>38609</v>
      </c>
      <c r="X6" s="275">
        <v>38690</v>
      </c>
    </row>
    <row r="7" spans="2:24" ht="21" customHeight="1" x14ac:dyDescent="0.2">
      <c r="B7" s="256" t="s">
        <v>5</v>
      </c>
      <c r="C7" s="280">
        <v>0</v>
      </c>
      <c r="D7" s="280">
        <v>0</v>
      </c>
      <c r="E7" s="277">
        <v>0</v>
      </c>
      <c r="F7" s="279">
        <v>0</v>
      </c>
      <c r="G7" s="280">
        <v>33084</v>
      </c>
      <c r="H7" s="280">
        <v>44330</v>
      </c>
      <c r="I7" s="280">
        <v>26507</v>
      </c>
      <c r="J7" s="280">
        <v>15144</v>
      </c>
      <c r="K7" s="280">
        <v>6340</v>
      </c>
      <c r="L7" s="277">
        <v>125405</v>
      </c>
      <c r="M7" s="282">
        <v>125405</v>
      </c>
      <c r="N7" s="280">
        <v>7</v>
      </c>
      <c r="O7" s="280">
        <v>24</v>
      </c>
      <c r="P7" s="277">
        <v>31</v>
      </c>
      <c r="Q7" s="279">
        <v>0</v>
      </c>
      <c r="R7" s="280">
        <v>2938</v>
      </c>
      <c r="S7" s="280">
        <v>4706</v>
      </c>
      <c r="T7" s="280">
        <v>6346</v>
      </c>
      <c r="U7" s="280">
        <v>3535</v>
      </c>
      <c r="V7" s="280">
        <v>2761</v>
      </c>
      <c r="W7" s="277">
        <v>20286</v>
      </c>
      <c r="X7" s="282">
        <v>20317</v>
      </c>
    </row>
    <row r="8" spans="2:24" ht="21" customHeight="1" x14ac:dyDescent="0.2">
      <c r="B8" s="256" t="s">
        <v>6</v>
      </c>
      <c r="C8" s="280">
        <v>0</v>
      </c>
      <c r="D8" s="280">
        <v>0</v>
      </c>
      <c r="E8" s="277">
        <v>0</v>
      </c>
      <c r="F8" s="279">
        <v>0</v>
      </c>
      <c r="G8" s="280">
        <v>13860</v>
      </c>
      <c r="H8" s="280">
        <v>10103</v>
      </c>
      <c r="I8" s="280">
        <v>6896</v>
      </c>
      <c r="J8" s="280">
        <v>4095</v>
      </c>
      <c r="K8" s="280">
        <v>1747</v>
      </c>
      <c r="L8" s="277">
        <v>36701</v>
      </c>
      <c r="M8" s="282">
        <v>36701</v>
      </c>
      <c r="N8" s="280">
        <v>12</v>
      </c>
      <c r="O8" s="280">
        <v>4</v>
      </c>
      <c r="P8" s="277">
        <v>16</v>
      </c>
      <c r="Q8" s="279">
        <v>0</v>
      </c>
      <c r="R8" s="280">
        <v>1767</v>
      </c>
      <c r="S8" s="280">
        <v>1899</v>
      </c>
      <c r="T8" s="280">
        <v>2299</v>
      </c>
      <c r="U8" s="280">
        <v>1428</v>
      </c>
      <c r="V8" s="280">
        <v>962</v>
      </c>
      <c r="W8" s="277">
        <v>8355</v>
      </c>
      <c r="X8" s="282">
        <v>8371</v>
      </c>
    </row>
    <row r="9" spans="2:24" ht="21" customHeight="1" x14ac:dyDescent="0.2">
      <c r="B9" s="256" t="s">
        <v>14</v>
      </c>
      <c r="C9" s="280">
        <v>0</v>
      </c>
      <c r="D9" s="280">
        <v>0</v>
      </c>
      <c r="E9" s="277">
        <v>0</v>
      </c>
      <c r="F9" s="279">
        <v>0</v>
      </c>
      <c r="G9" s="280">
        <v>7110</v>
      </c>
      <c r="H9" s="280">
        <v>8622</v>
      </c>
      <c r="I9" s="280">
        <v>5521</v>
      </c>
      <c r="J9" s="280">
        <v>2684</v>
      </c>
      <c r="K9" s="280">
        <v>1558</v>
      </c>
      <c r="L9" s="277">
        <v>25495</v>
      </c>
      <c r="M9" s="282">
        <v>25495</v>
      </c>
      <c r="N9" s="280">
        <v>8</v>
      </c>
      <c r="O9" s="280">
        <v>0</v>
      </c>
      <c r="P9" s="277">
        <v>8</v>
      </c>
      <c r="Q9" s="279">
        <v>0</v>
      </c>
      <c r="R9" s="280">
        <v>167</v>
      </c>
      <c r="S9" s="280">
        <v>217</v>
      </c>
      <c r="T9" s="280">
        <v>396</v>
      </c>
      <c r="U9" s="280">
        <v>280</v>
      </c>
      <c r="V9" s="280">
        <v>302</v>
      </c>
      <c r="W9" s="277">
        <v>1362</v>
      </c>
      <c r="X9" s="282">
        <v>1370</v>
      </c>
    </row>
    <row r="10" spans="2:24" ht="21" customHeight="1" x14ac:dyDescent="0.2">
      <c r="B10" s="256" t="s">
        <v>7</v>
      </c>
      <c r="C10" s="280">
        <v>0</v>
      </c>
      <c r="D10" s="280">
        <v>0</v>
      </c>
      <c r="E10" s="277">
        <v>0</v>
      </c>
      <c r="F10" s="279">
        <v>0</v>
      </c>
      <c r="G10" s="280">
        <v>7703</v>
      </c>
      <c r="H10" s="280">
        <v>4761</v>
      </c>
      <c r="I10" s="280">
        <v>2923</v>
      </c>
      <c r="J10" s="280">
        <v>1177</v>
      </c>
      <c r="K10" s="280">
        <v>448</v>
      </c>
      <c r="L10" s="277">
        <v>17012</v>
      </c>
      <c r="M10" s="282">
        <v>17012</v>
      </c>
      <c r="N10" s="280">
        <v>0</v>
      </c>
      <c r="O10" s="280">
        <v>0</v>
      </c>
      <c r="P10" s="277">
        <v>0</v>
      </c>
      <c r="Q10" s="279">
        <v>0</v>
      </c>
      <c r="R10" s="280">
        <v>694</v>
      </c>
      <c r="S10" s="280">
        <v>871</v>
      </c>
      <c r="T10" s="280">
        <v>1110</v>
      </c>
      <c r="U10" s="280">
        <v>397</v>
      </c>
      <c r="V10" s="280">
        <v>197</v>
      </c>
      <c r="W10" s="277">
        <v>3269</v>
      </c>
      <c r="X10" s="282">
        <v>3269</v>
      </c>
    </row>
    <row r="11" spans="2:24" ht="21" customHeight="1" x14ac:dyDescent="0.2">
      <c r="B11" s="256" t="s">
        <v>8</v>
      </c>
      <c r="C11" s="280">
        <v>0</v>
      </c>
      <c r="D11" s="280">
        <v>0</v>
      </c>
      <c r="E11" s="277">
        <v>0</v>
      </c>
      <c r="F11" s="279">
        <v>0</v>
      </c>
      <c r="G11" s="280">
        <v>4709</v>
      </c>
      <c r="H11" s="280">
        <v>4436</v>
      </c>
      <c r="I11" s="280">
        <v>2651</v>
      </c>
      <c r="J11" s="280">
        <v>1179</v>
      </c>
      <c r="K11" s="280">
        <v>427</v>
      </c>
      <c r="L11" s="277">
        <v>13402</v>
      </c>
      <c r="M11" s="282">
        <v>13402</v>
      </c>
      <c r="N11" s="280">
        <v>0</v>
      </c>
      <c r="O11" s="280">
        <v>0</v>
      </c>
      <c r="P11" s="277">
        <v>0</v>
      </c>
      <c r="Q11" s="279">
        <v>0</v>
      </c>
      <c r="R11" s="280">
        <v>58</v>
      </c>
      <c r="S11" s="280">
        <v>81</v>
      </c>
      <c r="T11" s="280">
        <v>118</v>
      </c>
      <c r="U11" s="280">
        <v>69</v>
      </c>
      <c r="V11" s="280">
        <v>89</v>
      </c>
      <c r="W11" s="277">
        <v>415</v>
      </c>
      <c r="X11" s="282">
        <v>415</v>
      </c>
    </row>
    <row r="12" spans="2:24" ht="21" customHeight="1" x14ac:dyDescent="0.2">
      <c r="B12" s="256" t="s">
        <v>9</v>
      </c>
      <c r="C12" s="280">
        <v>0</v>
      </c>
      <c r="D12" s="280">
        <v>0</v>
      </c>
      <c r="E12" s="277">
        <v>0</v>
      </c>
      <c r="F12" s="279">
        <v>0</v>
      </c>
      <c r="G12" s="280">
        <v>3058</v>
      </c>
      <c r="H12" s="280">
        <v>2108</v>
      </c>
      <c r="I12" s="280">
        <v>1818</v>
      </c>
      <c r="J12" s="280">
        <v>886</v>
      </c>
      <c r="K12" s="280">
        <v>321</v>
      </c>
      <c r="L12" s="277">
        <v>8191</v>
      </c>
      <c r="M12" s="282">
        <v>8191</v>
      </c>
      <c r="N12" s="280">
        <v>0</v>
      </c>
      <c r="O12" s="280">
        <v>0</v>
      </c>
      <c r="P12" s="277">
        <v>0</v>
      </c>
      <c r="Q12" s="279">
        <v>0</v>
      </c>
      <c r="R12" s="280">
        <v>26</v>
      </c>
      <c r="S12" s="280">
        <v>45</v>
      </c>
      <c r="T12" s="280">
        <v>81</v>
      </c>
      <c r="U12" s="280">
        <v>39</v>
      </c>
      <c r="V12" s="280">
        <v>43</v>
      </c>
      <c r="W12" s="277">
        <v>234</v>
      </c>
      <c r="X12" s="282">
        <v>234</v>
      </c>
    </row>
    <row r="13" spans="2:24" ht="21" customHeight="1" x14ac:dyDescent="0.2">
      <c r="B13" s="256" t="s">
        <v>10</v>
      </c>
      <c r="C13" s="280">
        <v>0</v>
      </c>
      <c r="D13" s="280">
        <v>12</v>
      </c>
      <c r="E13" s="277">
        <v>12</v>
      </c>
      <c r="F13" s="279">
        <v>0</v>
      </c>
      <c r="G13" s="280">
        <v>4173</v>
      </c>
      <c r="H13" s="280">
        <v>2184</v>
      </c>
      <c r="I13" s="280">
        <v>1136</v>
      </c>
      <c r="J13" s="280">
        <v>808</v>
      </c>
      <c r="K13" s="280">
        <v>222</v>
      </c>
      <c r="L13" s="277">
        <v>8523</v>
      </c>
      <c r="M13" s="282">
        <v>8535</v>
      </c>
      <c r="N13" s="280">
        <v>0</v>
      </c>
      <c r="O13" s="280">
        <v>3</v>
      </c>
      <c r="P13" s="277">
        <v>3</v>
      </c>
      <c r="Q13" s="279">
        <v>0</v>
      </c>
      <c r="R13" s="280">
        <v>102</v>
      </c>
      <c r="S13" s="280">
        <v>88</v>
      </c>
      <c r="T13" s="280">
        <v>251</v>
      </c>
      <c r="U13" s="280">
        <v>113</v>
      </c>
      <c r="V13" s="280">
        <v>150</v>
      </c>
      <c r="W13" s="277">
        <v>704</v>
      </c>
      <c r="X13" s="282">
        <v>707</v>
      </c>
    </row>
    <row r="14" spans="2:24" ht="21" customHeight="1" x14ac:dyDescent="0.2">
      <c r="B14" s="256" t="s">
        <v>11</v>
      </c>
      <c r="C14" s="280">
        <v>0</v>
      </c>
      <c r="D14" s="280">
        <v>0</v>
      </c>
      <c r="E14" s="277">
        <v>0</v>
      </c>
      <c r="F14" s="279">
        <v>0</v>
      </c>
      <c r="G14" s="280">
        <v>4253</v>
      </c>
      <c r="H14" s="280">
        <v>2265</v>
      </c>
      <c r="I14" s="280">
        <v>1728</v>
      </c>
      <c r="J14" s="280">
        <v>929</v>
      </c>
      <c r="K14" s="280">
        <v>234</v>
      </c>
      <c r="L14" s="277">
        <v>9409</v>
      </c>
      <c r="M14" s="282">
        <v>9409</v>
      </c>
      <c r="N14" s="280">
        <v>0</v>
      </c>
      <c r="O14" s="280">
        <v>0</v>
      </c>
      <c r="P14" s="277">
        <v>0</v>
      </c>
      <c r="Q14" s="279">
        <v>0</v>
      </c>
      <c r="R14" s="280">
        <v>128</v>
      </c>
      <c r="S14" s="280">
        <v>113</v>
      </c>
      <c r="T14" s="280">
        <v>165</v>
      </c>
      <c r="U14" s="280">
        <v>0</v>
      </c>
      <c r="V14" s="280">
        <v>14</v>
      </c>
      <c r="W14" s="277">
        <v>420</v>
      </c>
      <c r="X14" s="282">
        <v>420</v>
      </c>
    </row>
    <row r="15" spans="2:24" ht="21" customHeight="1" x14ac:dyDescent="0.2">
      <c r="B15" s="256" t="s">
        <v>12</v>
      </c>
      <c r="C15" s="280">
        <v>0</v>
      </c>
      <c r="D15" s="280">
        <v>0</v>
      </c>
      <c r="E15" s="277">
        <v>0</v>
      </c>
      <c r="F15" s="279">
        <v>0</v>
      </c>
      <c r="G15" s="280">
        <v>2516</v>
      </c>
      <c r="H15" s="280">
        <v>1933</v>
      </c>
      <c r="I15" s="280">
        <v>1316</v>
      </c>
      <c r="J15" s="280">
        <v>627</v>
      </c>
      <c r="K15" s="280">
        <v>260</v>
      </c>
      <c r="L15" s="277">
        <v>6652</v>
      </c>
      <c r="M15" s="282">
        <v>6652</v>
      </c>
      <c r="N15" s="280">
        <v>0</v>
      </c>
      <c r="O15" s="280">
        <v>0</v>
      </c>
      <c r="P15" s="277">
        <v>0</v>
      </c>
      <c r="Q15" s="279">
        <v>0</v>
      </c>
      <c r="R15" s="280">
        <v>30</v>
      </c>
      <c r="S15" s="280">
        <v>20</v>
      </c>
      <c r="T15" s="280">
        <v>12</v>
      </c>
      <c r="U15" s="280">
        <v>7</v>
      </c>
      <c r="V15" s="280">
        <v>12</v>
      </c>
      <c r="W15" s="277">
        <v>81</v>
      </c>
      <c r="X15" s="282">
        <v>81</v>
      </c>
    </row>
    <row r="16" spans="2:24" ht="21" customHeight="1" x14ac:dyDescent="0.2">
      <c r="B16" s="256" t="s">
        <v>13</v>
      </c>
      <c r="C16" s="280">
        <v>0</v>
      </c>
      <c r="D16" s="280">
        <v>0</v>
      </c>
      <c r="E16" s="277">
        <v>0</v>
      </c>
      <c r="F16" s="279">
        <v>0</v>
      </c>
      <c r="G16" s="280">
        <v>985</v>
      </c>
      <c r="H16" s="280">
        <v>958</v>
      </c>
      <c r="I16" s="280">
        <v>523</v>
      </c>
      <c r="J16" s="280">
        <v>302</v>
      </c>
      <c r="K16" s="280">
        <v>115</v>
      </c>
      <c r="L16" s="277">
        <v>2883</v>
      </c>
      <c r="M16" s="282">
        <v>2883</v>
      </c>
      <c r="N16" s="280">
        <v>0</v>
      </c>
      <c r="O16" s="280">
        <v>0</v>
      </c>
      <c r="P16" s="277">
        <v>0</v>
      </c>
      <c r="Q16" s="279">
        <v>0</v>
      </c>
      <c r="R16" s="280">
        <v>10</v>
      </c>
      <c r="S16" s="280">
        <v>22</v>
      </c>
      <c r="T16" s="280">
        <v>89</v>
      </c>
      <c r="U16" s="280">
        <v>27</v>
      </c>
      <c r="V16" s="280">
        <v>43</v>
      </c>
      <c r="W16" s="277">
        <v>191</v>
      </c>
      <c r="X16" s="282">
        <v>191</v>
      </c>
    </row>
    <row r="17" spans="2:24" ht="21" customHeight="1" x14ac:dyDescent="0.2">
      <c r="B17" s="256" t="s">
        <v>15</v>
      </c>
      <c r="C17" s="280">
        <v>0</v>
      </c>
      <c r="D17" s="280">
        <v>0</v>
      </c>
      <c r="E17" s="277">
        <v>0</v>
      </c>
      <c r="F17" s="279">
        <v>0</v>
      </c>
      <c r="G17" s="280">
        <v>1014</v>
      </c>
      <c r="H17" s="280">
        <v>1235</v>
      </c>
      <c r="I17" s="280">
        <v>691</v>
      </c>
      <c r="J17" s="280">
        <v>355</v>
      </c>
      <c r="K17" s="280">
        <v>71</v>
      </c>
      <c r="L17" s="277">
        <v>3366</v>
      </c>
      <c r="M17" s="282">
        <v>3366</v>
      </c>
      <c r="N17" s="280">
        <v>0</v>
      </c>
      <c r="O17" s="280">
        <v>0</v>
      </c>
      <c r="P17" s="277">
        <v>0</v>
      </c>
      <c r="Q17" s="279">
        <v>0</v>
      </c>
      <c r="R17" s="280">
        <v>25</v>
      </c>
      <c r="S17" s="280">
        <v>60</v>
      </c>
      <c r="T17" s="280">
        <v>63</v>
      </c>
      <c r="U17" s="280">
        <v>0</v>
      </c>
      <c r="V17" s="280">
        <v>13</v>
      </c>
      <c r="W17" s="277">
        <v>161</v>
      </c>
      <c r="X17" s="282">
        <v>161</v>
      </c>
    </row>
    <row r="18" spans="2:24" ht="21" customHeight="1" x14ac:dyDescent="0.2">
      <c r="B18" s="256" t="s">
        <v>16</v>
      </c>
      <c r="C18" s="280">
        <v>0</v>
      </c>
      <c r="D18" s="280">
        <v>0</v>
      </c>
      <c r="E18" s="277">
        <v>0</v>
      </c>
      <c r="F18" s="279">
        <v>0</v>
      </c>
      <c r="G18" s="280">
        <v>1213</v>
      </c>
      <c r="H18" s="280">
        <v>1327</v>
      </c>
      <c r="I18" s="280">
        <v>951</v>
      </c>
      <c r="J18" s="280">
        <v>434</v>
      </c>
      <c r="K18" s="280">
        <v>249</v>
      </c>
      <c r="L18" s="277">
        <v>4174</v>
      </c>
      <c r="M18" s="282">
        <v>4174</v>
      </c>
      <c r="N18" s="280">
        <v>0</v>
      </c>
      <c r="O18" s="280">
        <v>0</v>
      </c>
      <c r="P18" s="277">
        <v>0</v>
      </c>
      <c r="Q18" s="279">
        <v>0</v>
      </c>
      <c r="R18" s="280">
        <v>50</v>
      </c>
      <c r="S18" s="280">
        <v>60</v>
      </c>
      <c r="T18" s="280">
        <v>49</v>
      </c>
      <c r="U18" s="280">
        <v>29</v>
      </c>
      <c r="V18" s="280">
        <v>14</v>
      </c>
      <c r="W18" s="277">
        <v>202</v>
      </c>
      <c r="X18" s="282">
        <v>202</v>
      </c>
    </row>
    <row r="19" spans="2:24" ht="21" customHeight="1" x14ac:dyDescent="0.2">
      <c r="B19" s="256" t="s">
        <v>17</v>
      </c>
      <c r="C19" s="280">
        <v>0</v>
      </c>
      <c r="D19" s="280">
        <v>0</v>
      </c>
      <c r="E19" s="277">
        <v>0</v>
      </c>
      <c r="F19" s="279">
        <v>0</v>
      </c>
      <c r="G19" s="280">
        <v>1808</v>
      </c>
      <c r="H19" s="280">
        <v>2557</v>
      </c>
      <c r="I19" s="280">
        <v>1596</v>
      </c>
      <c r="J19" s="280">
        <v>1199</v>
      </c>
      <c r="K19" s="280">
        <v>795</v>
      </c>
      <c r="L19" s="277">
        <v>7955</v>
      </c>
      <c r="M19" s="282">
        <v>7955</v>
      </c>
      <c r="N19" s="280">
        <v>4</v>
      </c>
      <c r="O19" s="280">
        <v>11</v>
      </c>
      <c r="P19" s="277">
        <v>15</v>
      </c>
      <c r="Q19" s="279">
        <v>0</v>
      </c>
      <c r="R19" s="280">
        <v>165</v>
      </c>
      <c r="S19" s="280">
        <v>201</v>
      </c>
      <c r="T19" s="280">
        <v>164</v>
      </c>
      <c r="U19" s="280">
        <v>191</v>
      </c>
      <c r="V19" s="280">
        <v>24</v>
      </c>
      <c r="W19" s="277">
        <v>745</v>
      </c>
      <c r="X19" s="282">
        <v>760</v>
      </c>
    </row>
    <row r="20" spans="2:24" ht="21" customHeight="1" x14ac:dyDescent="0.2">
      <c r="B20" s="256" t="s">
        <v>18</v>
      </c>
      <c r="C20" s="280">
        <v>0</v>
      </c>
      <c r="D20" s="280">
        <v>0</v>
      </c>
      <c r="E20" s="277">
        <v>0</v>
      </c>
      <c r="F20" s="279">
        <v>0</v>
      </c>
      <c r="G20" s="280">
        <v>1987</v>
      </c>
      <c r="H20" s="280">
        <v>1657</v>
      </c>
      <c r="I20" s="280">
        <v>1236</v>
      </c>
      <c r="J20" s="280">
        <v>400</v>
      </c>
      <c r="K20" s="280">
        <v>162</v>
      </c>
      <c r="L20" s="277">
        <v>5442</v>
      </c>
      <c r="M20" s="282">
        <v>5442</v>
      </c>
      <c r="N20" s="280">
        <v>0</v>
      </c>
      <c r="O20" s="280">
        <v>0</v>
      </c>
      <c r="P20" s="277">
        <v>0</v>
      </c>
      <c r="Q20" s="279">
        <v>0</v>
      </c>
      <c r="R20" s="280">
        <v>118</v>
      </c>
      <c r="S20" s="280">
        <v>34</v>
      </c>
      <c r="T20" s="280">
        <v>249</v>
      </c>
      <c r="U20" s="280">
        <v>97</v>
      </c>
      <c r="V20" s="280">
        <v>130</v>
      </c>
      <c r="W20" s="277">
        <v>628</v>
      </c>
      <c r="X20" s="282">
        <v>628</v>
      </c>
    </row>
    <row r="21" spans="2:24" ht="21" customHeight="1" x14ac:dyDescent="0.2">
      <c r="B21" s="256" t="s">
        <v>19</v>
      </c>
      <c r="C21" s="280">
        <v>0</v>
      </c>
      <c r="D21" s="280">
        <v>0</v>
      </c>
      <c r="E21" s="277">
        <v>0</v>
      </c>
      <c r="F21" s="279">
        <v>0</v>
      </c>
      <c r="G21" s="280">
        <v>1028</v>
      </c>
      <c r="H21" s="280">
        <v>811</v>
      </c>
      <c r="I21" s="280">
        <v>441</v>
      </c>
      <c r="J21" s="280">
        <v>305</v>
      </c>
      <c r="K21" s="280">
        <v>121</v>
      </c>
      <c r="L21" s="277">
        <v>2706</v>
      </c>
      <c r="M21" s="282">
        <v>2706</v>
      </c>
      <c r="N21" s="280">
        <v>0</v>
      </c>
      <c r="O21" s="280">
        <v>0</v>
      </c>
      <c r="P21" s="277">
        <v>0</v>
      </c>
      <c r="Q21" s="279">
        <v>0</v>
      </c>
      <c r="R21" s="280">
        <v>87</v>
      </c>
      <c r="S21" s="280">
        <v>201</v>
      </c>
      <c r="T21" s="280">
        <v>170</v>
      </c>
      <c r="U21" s="280">
        <v>35</v>
      </c>
      <c r="V21" s="280">
        <v>16</v>
      </c>
      <c r="W21" s="277">
        <v>509</v>
      </c>
      <c r="X21" s="282">
        <v>509</v>
      </c>
    </row>
    <row r="22" spans="2:24" ht="21" customHeight="1" x14ac:dyDescent="0.2">
      <c r="B22" s="256" t="s">
        <v>20</v>
      </c>
      <c r="C22" s="280">
        <v>0</v>
      </c>
      <c r="D22" s="280">
        <v>0</v>
      </c>
      <c r="E22" s="277">
        <v>0</v>
      </c>
      <c r="F22" s="279">
        <v>0</v>
      </c>
      <c r="G22" s="280">
        <v>1188</v>
      </c>
      <c r="H22" s="280">
        <v>702</v>
      </c>
      <c r="I22" s="280">
        <v>493</v>
      </c>
      <c r="J22" s="280">
        <v>203</v>
      </c>
      <c r="K22" s="280">
        <v>19</v>
      </c>
      <c r="L22" s="277">
        <v>2605</v>
      </c>
      <c r="M22" s="282">
        <v>2605</v>
      </c>
      <c r="N22" s="280">
        <v>0</v>
      </c>
      <c r="O22" s="280">
        <v>0</v>
      </c>
      <c r="P22" s="277">
        <v>0</v>
      </c>
      <c r="Q22" s="279">
        <v>0</v>
      </c>
      <c r="R22" s="280">
        <v>8</v>
      </c>
      <c r="S22" s="280">
        <v>22</v>
      </c>
      <c r="T22" s="280">
        <v>17</v>
      </c>
      <c r="U22" s="280">
        <v>0</v>
      </c>
      <c r="V22" s="280">
        <v>25</v>
      </c>
      <c r="W22" s="277">
        <v>72</v>
      </c>
      <c r="X22" s="282">
        <v>72</v>
      </c>
    </row>
    <row r="23" spans="2:24" ht="21" customHeight="1" x14ac:dyDescent="0.2">
      <c r="B23" s="256" t="s">
        <v>21</v>
      </c>
      <c r="C23" s="280">
        <v>0</v>
      </c>
      <c r="D23" s="280">
        <v>0</v>
      </c>
      <c r="E23" s="277">
        <v>0</v>
      </c>
      <c r="F23" s="279">
        <v>0</v>
      </c>
      <c r="G23" s="280">
        <v>1292</v>
      </c>
      <c r="H23" s="280">
        <v>1501</v>
      </c>
      <c r="I23" s="280">
        <v>674</v>
      </c>
      <c r="J23" s="280">
        <v>347</v>
      </c>
      <c r="K23" s="280">
        <v>152</v>
      </c>
      <c r="L23" s="277">
        <v>3966</v>
      </c>
      <c r="M23" s="282">
        <v>3966</v>
      </c>
      <c r="N23" s="280">
        <v>0</v>
      </c>
      <c r="O23" s="280">
        <v>0</v>
      </c>
      <c r="P23" s="277">
        <v>0</v>
      </c>
      <c r="Q23" s="279">
        <v>0</v>
      </c>
      <c r="R23" s="280">
        <v>0</v>
      </c>
      <c r="S23" s="280">
        <v>0</v>
      </c>
      <c r="T23" s="280">
        <v>7</v>
      </c>
      <c r="U23" s="280">
        <v>0</v>
      </c>
      <c r="V23" s="280">
        <v>11</v>
      </c>
      <c r="W23" s="277">
        <v>18</v>
      </c>
      <c r="X23" s="282">
        <v>18</v>
      </c>
    </row>
    <row r="24" spans="2:24" ht="21" customHeight="1" x14ac:dyDescent="0.2">
      <c r="B24" s="256" t="s">
        <v>22</v>
      </c>
      <c r="C24" s="280">
        <v>0</v>
      </c>
      <c r="D24" s="280">
        <v>0</v>
      </c>
      <c r="E24" s="277">
        <v>0</v>
      </c>
      <c r="F24" s="279">
        <v>0</v>
      </c>
      <c r="G24" s="280">
        <v>981</v>
      </c>
      <c r="H24" s="280">
        <v>758</v>
      </c>
      <c r="I24" s="280">
        <v>260</v>
      </c>
      <c r="J24" s="280">
        <v>138</v>
      </c>
      <c r="K24" s="280">
        <v>54</v>
      </c>
      <c r="L24" s="277">
        <v>2191</v>
      </c>
      <c r="M24" s="282">
        <v>2191</v>
      </c>
      <c r="N24" s="280">
        <v>4</v>
      </c>
      <c r="O24" s="280">
        <v>0</v>
      </c>
      <c r="P24" s="277">
        <v>4</v>
      </c>
      <c r="Q24" s="279">
        <v>0</v>
      </c>
      <c r="R24" s="280">
        <v>43</v>
      </c>
      <c r="S24" s="280">
        <v>49</v>
      </c>
      <c r="T24" s="280">
        <v>29</v>
      </c>
      <c r="U24" s="280">
        <v>43</v>
      </c>
      <c r="V24" s="280">
        <v>11</v>
      </c>
      <c r="W24" s="277">
        <v>175</v>
      </c>
      <c r="X24" s="282">
        <v>179</v>
      </c>
    </row>
    <row r="25" spans="2:24" ht="21" customHeight="1" x14ac:dyDescent="0.2">
      <c r="B25" s="256" t="s">
        <v>23</v>
      </c>
      <c r="C25" s="280">
        <v>0</v>
      </c>
      <c r="D25" s="280">
        <v>0</v>
      </c>
      <c r="E25" s="277">
        <v>0</v>
      </c>
      <c r="F25" s="279">
        <v>0</v>
      </c>
      <c r="G25" s="280">
        <v>479</v>
      </c>
      <c r="H25" s="280">
        <v>401</v>
      </c>
      <c r="I25" s="280">
        <v>151</v>
      </c>
      <c r="J25" s="280">
        <v>125</v>
      </c>
      <c r="K25" s="280">
        <v>110</v>
      </c>
      <c r="L25" s="277">
        <v>1266</v>
      </c>
      <c r="M25" s="282">
        <v>1266</v>
      </c>
      <c r="N25" s="280">
        <v>0</v>
      </c>
      <c r="O25" s="280">
        <v>0</v>
      </c>
      <c r="P25" s="277">
        <v>0</v>
      </c>
      <c r="Q25" s="279">
        <v>0</v>
      </c>
      <c r="R25" s="280">
        <v>0</v>
      </c>
      <c r="S25" s="280">
        <v>5</v>
      </c>
      <c r="T25" s="280">
        <v>21</v>
      </c>
      <c r="U25" s="280">
        <v>20</v>
      </c>
      <c r="V25" s="280">
        <v>0</v>
      </c>
      <c r="W25" s="277">
        <v>46</v>
      </c>
      <c r="X25" s="282">
        <v>46</v>
      </c>
    </row>
    <row r="26" spans="2:24" ht="21" customHeight="1" x14ac:dyDescent="0.2">
      <c r="B26" s="256" t="s">
        <v>24</v>
      </c>
      <c r="C26" s="280">
        <v>0</v>
      </c>
      <c r="D26" s="280">
        <v>0</v>
      </c>
      <c r="E26" s="277">
        <v>0</v>
      </c>
      <c r="F26" s="279">
        <v>0</v>
      </c>
      <c r="G26" s="280">
        <v>196</v>
      </c>
      <c r="H26" s="280">
        <v>121</v>
      </c>
      <c r="I26" s="280">
        <v>135</v>
      </c>
      <c r="J26" s="280">
        <v>49</v>
      </c>
      <c r="K26" s="280">
        <v>9</v>
      </c>
      <c r="L26" s="277">
        <v>510</v>
      </c>
      <c r="M26" s="282">
        <v>510</v>
      </c>
      <c r="N26" s="280">
        <v>0</v>
      </c>
      <c r="O26" s="280">
        <v>0</v>
      </c>
      <c r="P26" s="277">
        <v>0</v>
      </c>
      <c r="Q26" s="279">
        <v>0</v>
      </c>
      <c r="R26" s="280">
        <v>61</v>
      </c>
      <c r="S26" s="280">
        <v>29</v>
      </c>
      <c r="T26" s="280">
        <v>55</v>
      </c>
      <c r="U26" s="280">
        <v>14</v>
      </c>
      <c r="V26" s="280">
        <v>10</v>
      </c>
      <c r="W26" s="277">
        <v>169</v>
      </c>
      <c r="X26" s="282">
        <v>169</v>
      </c>
    </row>
    <row r="27" spans="2:24" ht="21" customHeight="1" x14ac:dyDescent="0.2">
      <c r="B27" s="256" t="s">
        <v>25</v>
      </c>
      <c r="C27" s="280">
        <v>0</v>
      </c>
      <c r="D27" s="280">
        <v>0</v>
      </c>
      <c r="E27" s="277">
        <v>0</v>
      </c>
      <c r="F27" s="279">
        <v>0</v>
      </c>
      <c r="G27" s="280">
        <v>652</v>
      </c>
      <c r="H27" s="280">
        <v>296</v>
      </c>
      <c r="I27" s="280">
        <v>140</v>
      </c>
      <c r="J27" s="280">
        <v>49</v>
      </c>
      <c r="K27" s="280">
        <v>13</v>
      </c>
      <c r="L27" s="277">
        <v>1150</v>
      </c>
      <c r="M27" s="282">
        <v>1150</v>
      </c>
      <c r="N27" s="280">
        <v>0</v>
      </c>
      <c r="O27" s="280">
        <v>0</v>
      </c>
      <c r="P27" s="277">
        <v>0</v>
      </c>
      <c r="Q27" s="279">
        <v>0</v>
      </c>
      <c r="R27" s="280">
        <v>0</v>
      </c>
      <c r="S27" s="280">
        <v>0</v>
      </c>
      <c r="T27" s="280">
        <v>0</v>
      </c>
      <c r="U27" s="280">
        <v>0</v>
      </c>
      <c r="V27" s="280">
        <v>0</v>
      </c>
      <c r="W27" s="277">
        <v>0</v>
      </c>
      <c r="X27" s="282">
        <v>0</v>
      </c>
    </row>
    <row r="28" spans="2:24" ht="21" customHeight="1" x14ac:dyDescent="0.2">
      <c r="B28" s="256" t="s">
        <v>26</v>
      </c>
      <c r="C28" s="280">
        <v>0</v>
      </c>
      <c r="D28" s="280">
        <v>0</v>
      </c>
      <c r="E28" s="277">
        <v>0</v>
      </c>
      <c r="F28" s="279">
        <v>0</v>
      </c>
      <c r="G28" s="280">
        <v>344</v>
      </c>
      <c r="H28" s="280">
        <v>369</v>
      </c>
      <c r="I28" s="280">
        <v>224</v>
      </c>
      <c r="J28" s="280">
        <v>62</v>
      </c>
      <c r="K28" s="280">
        <v>108</v>
      </c>
      <c r="L28" s="277">
        <v>1107</v>
      </c>
      <c r="M28" s="282">
        <v>1107</v>
      </c>
      <c r="N28" s="280">
        <v>0</v>
      </c>
      <c r="O28" s="280">
        <v>0</v>
      </c>
      <c r="P28" s="277">
        <v>0</v>
      </c>
      <c r="Q28" s="279">
        <v>0</v>
      </c>
      <c r="R28" s="280">
        <v>7</v>
      </c>
      <c r="S28" s="280">
        <v>19</v>
      </c>
      <c r="T28" s="280">
        <v>90</v>
      </c>
      <c r="U28" s="280">
        <v>46</v>
      </c>
      <c r="V28" s="280">
        <v>23</v>
      </c>
      <c r="W28" s="277">
        <v>185</v>
      </c>
      <c r="X28" s="282">
        <v>185</v>
      </c>
    </row>
    <row r="29" spans="2:24" ht="21" customHeight="1" x14ac:dyDescent="0.2">
      <c r="B29" s="256" t="s">
        <v>27</v>
      </c>
      <c r="C29" s="280">
        <v>0</v>
      </c>
      <c r="D29" s="280">
        <v>0</v>
      </c>
      <c r="E29" s="277">
        <v>0</v>
      </c>
      <c r="F29" s="279">
        <v>0</v>
      </c>
      <c r="G29" s="280">
        <v>273</v>
      </c>
      <c r="H29" s="280">
        <v>96</v>
      </c>
      <c r="I29" s="280">
        <v>67</v>
      </c>
      <c r="J29" s="280">
        <v>26</v>
      </c>
      <c r="K29" s="280">
        <v>2</v>
      </c>
      <c r="L29" s="277">
        <v>464</v>
      </c>
      <c r="M29" s="282">
        <v>464</v>
      </c>
      <c r="N29" s="280">
        <v>0</v>
      </c>
      <c r="O29" s="280">
        <v>0</v>
      </c>
      <c r="P29" s="277">
        <v>0</v>
      </c>
      <c r="Q29" s="279">
        <v>0</v>
      </c>
      <c r="R29" s="280">
        <v>23</v>
      </c>
      <c r="S29" s="280">
        <v>4</v>
      </c>
      <c r="T29" s="280">
        <v>8</v>
      </c>
      <c r="U29" s="280">
        <v>27</v>
      </c>
      <c r="V29" s="280">
        <v>23</v>
      </c>
      <c r="W29" s="277">
        <v>85</v>
      </c>
      <c r="X29" s="282">
        <v>85</v>
      </c>
    </row>
    <row r="30" spans="2:24" ht="21" customHeight="1" x14ac:dyDescent="0.2">
      <c r="B30" s="256" t="s">
        <v>28</v>
      </c>
      <c r="C30" s="280">
        <v>0</v>
      </c>
      <c r="D30" s="280">
        <v>0</v>
      </c>
      <c r="E30" s="277">
        <v>0</v>
      </c>
      <c r="F30" s="279">
        <v>0</v>
      </c>
      <c r="G30" s="280">
        <v>148</v>
      </c>
      <c r="H30" s="280">
        <v>105</v>
      </c>
      <c r="I30" s="280">
        <v>21</v>
      </c>
      <c r="J30" s="280">
        <v>17</v>
      </c>
      <c r="K30" s="280">
        <v>9</v>
      </c>
      <c r="L30" s="277">
        <v>300</v>
      </c>
      <c r="M30" s="282">
        <v>300</v>
      </c>
      <c r="N30" s="280">
        <v>0</v>
      </c>
      <c r="O30" s="280">
        <v>0</v>
      </c>
      <c r="P30" s="277">
        <v>0</v>
      </c>
      <c r="Q30" s="279">
        <v>0</v>
      </c>
      <c r="R30" s="280">
        <v>12</v>
      </c>
      <c r="S30" s="280">
        <v>8</v>
      </c>
      <c r="T30" s="280">
        <v>18</v>
      </c>
      <c r="U30" s="280">
        <v>0</v>
      </c>
      <c r="V30" s="280">
        <v>0</v>
      </c>
      <c r="W30" s="277">
        <v>38</v>
      </c>
      <c r="X30" s="282">
        <v>38</v>
      </c>
    </row>
    <row r="31" spans="2:24" ht="21" customHeight="1" x14ac:dyDescent="0.2">
      <c r="B31" s="256" t="s">
        <v>29</v>
      </c>
      <c r="C31" s="280">
        <v>0</v>
      </c>
      <c r="D31" s="280">
        <v>0</v>
      </c>
      <c r="E31" s="277">
        <v>0</v>
      </c>
      <c r="F31" s="279">
        <v>0</v>
      </c>
      <c r="G31" s="280">
        <v>147</v>
      </c>
      <c r="H31" s="280">
        <v>133</v>
      </c>
      <c r="I31" s="280">
        <v>19</v>
      </c>
      <c r="J31" s="280">
        <v>33</v>
      </c>
      <c r="K31" s="280">
        <v>0</v>
      </c>
      <c r="L31" s="277">
        <v>332</v>
      </c>
      <c r="M31" s="282">
        <v>332</v>
      </c>
      <c r="N31" s="280">
        <v>0</v>
      </c>
      <c r="O31" s="280">
        <v>0</v>
      </c>
      <c r="P31" s="277">
        <v>0</v>
      </c>
      <c r="Q31" s="279">
        <v>0</v>
      </c>
      <c r="R31" s="280">
        <v>5</v>
      </c>
      <c r="S31" s="280">
        <v>0</v>
      </c>
      <c r="T31" s="280">
        <v>18</v>
      </c>
      <c r="U31" s="280">
        <v>7</v>
      </c>
      <c r="V31" s="280">
        <v>0</v>
      </c>
      <c r="W31" s="277">
        <v>30</v>
      </c>
      <c r="X31" s="282">
        <v>30</v>
      </c>
    </row>
    <row r="32" spans="2:24" ht="21" customHeight="1" x14ac:dyDescent="0.2">
      <c r="B32" s="256" t="s">
        <v>30</v>
      </c>
      <c r="C32" s="280">
        <v>0</v>
      </c>
      <c r="D32" s="280">
        <v>0</v>
      </c>
      <c r="E32" s="277">
        <v>0</v>
      </c>
      <c r="F32" s="279">
        <v>0</v>
      </c>
      <c r="G32" s="280">
        <v>208</v>
      </c>
      <c r="H32" s="280">
        <v>85</v>
      </c>
      <c r="I32" s="280">
        <v>71</v>
      </c>
      <c r="J32" s="280">
        <v>45</v>
      </c>
      <c r="K32" s="280">
        <v>0</v>
      </c>
      <c r="L32" s="277">
        <v>409</v>
      </c>
      <c r="M32" s="282">
        <v>409</v>
      </c>
      <c r="N32" s="280">
        <v>4</v>
      </c>
      <c r="O32" s="280">
        <v>0</v>
      </c>
      <c r="P32" s="277">
        <v>4</v>
      </c>
      <c r="Q32" s="279">
        <v>0</v>
      </c>
      <c r="R32" s="280">
        <v>19</v>
      </c>
      <c r="S32" s="280">
        <v>25</v>
      </c>
      <c r="T32" s="280">
        <v>12</v>
      </c>
      <c r="U32" s="280">
        <v>0</v>
      </c>
      <c r="V32" s="280">
        <v>0</v>
      </c>
      <c r="W32" s="277">
        <v>56</v>
      </c>
      <c r="X32" s="282">
        <v>60</v>
      </c>
    </row>
    <row r="33" spans="2:24" ht="21" customHeight="1" x14ac:dyDescent="0.2">
      <c r="B33" s="256" t="s">
        <v>31</v>
      </c>
      <c r="C33" s="280">
        <v>0</v>
      </c>
      <c r="D33" s="280">
        <v>0</v>
      </c>
      <c r="E33" s="277">
        <v>0</v>
      </c>
      <c r="F33" s="279">
        <v>0</v>
      </c>
      <c r="G33" s="280">
        <v>276</v>
      </c>
      <c r="H33" s="280">
        <v>101</v>
      </c>
      <c r="I33" s="280">
        <v>77</v>
      </c>
      <c r="J33" s="280">
        <v>24</v>
      </c>
      <c r="K33" s="280">
        <v>62</v>
      </c>
      <c r="L33" s="277">
        <v>540</v>
      </c>
      <c r="M33" s="282">
        <v>540</v>
      </c>
      <c r="N33" s="280">
        <v>0</v>
      </c>
      <c r="O33" s="280">
        <v>0</v>
      </c>
      <c r="P33" s="277">
        <v>0</v>
      </c>
      <c r="Q33" s="279">
        <v>0</v>
      </c>
      <c r="R33" s="280">
        <v>0</v>
      </c>
      <c r="S33" s="280">
        <v>0</v>
      </c>
      <c r="T33" s="280">
        <v>17</v>
      </c>
      <c r="U33" s="280">
        <v>0</v>
      </c>
      <c r="V33" s="280">
        <v>18</v>
      </c>
      <c r="W33" s="277">
        <v>35</v>
      </c>
      <c r="X33" s="282">
        <v>35</v>
      </c>
    </row>
    <row r="34" spans="2:24" ht="21" customHeight="1" x14ac:dyDescent="0.2">
      <c r="B34" s="256" t="s">
        <v>32</v>
      </c>
      <c r="C34" s="280">
        <v>0</v>
      </c>
      <c r="D34" s="280">
        <v>0</v>
      </c>
      <c r="E34" s="277">
        <v>0</v>
      </c>
      <c r="F34" s="279">
        <v>0</v>
      </c>
      <c r="G34" s="280">
        <v>304</v>
      </c>
      <c r="H34" s="280">
        <v>266</v>
      </c>
      <c r="I34" s="280">
        <v>84</v>
      </c>
      <c r="J34" s="280">
        <v>0</v>
      </c>
      <c r="K34" s="280">
        <v>20</v>
      </c>
      <c r="L34" s="277">
        <v>674</v>
      </c>
      <c r="M34" s="282">
        <v>674</v>
      </c>
      <c r="N34" s="280">
        <v>0</v>
      </c>
      <c r="O34" s="280">
        <v>0</v>
      </c>
      <c r="P34" s="277">
        <v>0</v>
      </c>
      <c r="Q34" s="279">
        <v>0</v>
      </c>
      <c r="R34" s="280">
        <v>26</v>
      </c>
      <c r="S34" s="280">
        <v>9</v>
      </c>
      <c r="T34" s="280">
        <v>26</v>
      </c>
      <c r="U34" s="280">
        <v>0</v>
      </c>
      <c r="V34" s="280">
        <v>11</v>
      </c>
      <c r="W34" s="277">
        <v>72</v>
      </c>
      <c r="X34" s="282">
        <v>72</v>
      </c>
    </row>
    <row r="35" spans="2:24" ht="21" customHeight="1" x14ac:dyDescent="0.2">
      <c r="B35" s="256" t="s">
        <v>33</v>
      </c>
      <c r="C35" s="280">
        <v>0</v>
      </c>
      <c r="D35" s="280">
        <v>0</v>
      </c>
      <c r="E35" s="277">
        <v>0</v>
      </c>
      <c r="F35" s="279">
        <v>0</v>
      </c>
      <c r="G35" s="280">
        <v>208</v>
      </c>
      <c r="H35" s="280">
        <v>103</v>
      </c>
      <c r="I35" s="280">
        <v>61</v>
      </c>
      <c r="J35" s="280">
        <v>23</v>
      </c>
      <c r="K35" s="280">
        <v>0</v>
      </c>
      <c r="L35" s="277">
        <v>395</v>
      </c>
      <c r="M35" s="282">
        <v>395</v>
      </c>
      <c r="N35" s="280">
        <v>0</v>
      </c>
      <c r="O35" s="280">
        <v>0</v>
      </c>
      <c r="P35" s="277">
        <v>0</v>
      </c>
      <c r="Q35" s="279">
        <v>0</v>
      </c>
      <c r="R35" s="280">
        <v>0</v>
      </c>
      <c r="S35" s="280">
        <v>0</v>
      </c>
      <c r="T35" s="280">
        <v>16</v>
      </c>
      <c r="U35" s="280">
        <v>0</v>
      </c>
      <c r="V35" s="280">
        <v>0</v>
      </c>
      <c r="W35" s="277">
        <v>16</v>
      </c>
      <c r="X35" s="282">
        <v>16</v>
      </c>
    </row>
    <row r="36" spans="2:24" ht="21" customHeight="1" x14ac:dyDescent="0.2">
      <c r="B36" s="256" t="s">
        <v>34</v>
      </c>
      <c r="C36" s="280">
        <v>0</v>
      </c>
      <c r="D36" s="280">
        <v>0</v>
      </c>
      <c r="E36" s="277">
        <v>0</v>
      </c>
      <c r="F36" s="279">
        <v>0</v>
      </c>
      <c r="G36" s="280">
        <v>135</v>
      </c>
      <c r="H36" s="280">
        <v>46</v>
      </c>
      <c r="I36" s="280">
        <v>30</v>
      </c>
      <c r="J36" s="280">
        <v>11</v>
      </c>
      <c r="K36" s="280">
        <v>3</v>
      </c>
      <c r="L36" s="277">
        <v>225</v>
      </c>
      <c r="M36" s="282">
        <v>225</v>
      </c>
      <c r="N36" s="280">
        <v>0</v>
      </c>
      <c r="O36" s="280">
        <v>0</v>
      </c>
      <c r="P36" s="277">
        <v>0</v>
      </c>
      <c r="Q36" s="279">
        <v>0</v>
      </c>
      <c r="R36" s="280">
        <v>0</v>
      </c>
      <c r="S36" s="280">
        <v>0</v>
      </c>
      <c r="T36" s="280">
        <v>0</v>
      </c>
      <c r="U36" s="280">
        <v>0</v>
      </c>
      <c r="V36" s="280">
        <v>6</v>
      </c>
      <c r="W36" s="277">
        <v>6</v>
      </c>
      <c r="X36" s="282">
        <v>6</v>
      </c>
    </row>
    <row r="37" spans="2:24" ht="21" customHeight="1" x14ac:dyDescent="0.2">
      <c r="B37" s="256" t="s">
        <v>35</v>
      </c>
      <c r="C37" s="280">
        <v>0</v>
      </c>
      <c r="D37" s="280">
        <v>0</v>
      </c>
      <c r="E37" s="277">
        <v>0</v>
      </c>
      <c r="F37" s="279">
        <v>0</v>
      </c>
      <c r="G37" s="280">
        <v>183</v>
      </c>
      <c r="H37" s="280">
        <v>222</v>
      </c>
      <c r="I37" s="280">
        <v>118</v>
      </c>
      <c r="J37" s="280">
        <v>206</v>
      </c>
      <c r="K37" s="280">
        <v>47</v>
      </c>
      <c r="L37" s="277">
        <v>776</v>
      </c>
      <c r="M37" s="282">
        <v>776</v>
      </c>
      <c r="N37" s="280">
        <v>0</v>
      </c>
      <c r="O37" s="280">
        <v>0</v>
      </c>
      <c r="P37" s="277">
        <v>0</v>
      </c>
      <c r="Q37" s="279">
        <v>0</v>
      </c>
      <c r="R37" s="280">
        <v>0</v>
      </c>
      <c r="S37" s="280">
        <v>0</v>
      </c>
      <c r="T37" s="280">
        <v>0</v>
      </c>
      <c r="U37" s="280">
        <v>0</v>
      </c>
      <c r="V37" s="280">
        <v>0</v>
      </c>
      <c r="W37" s="277">
        <v>0</v>
      </c>
      <c r="X37" s="282">
        <v>0</v>
      </c>
    </row>
    <row r="38" spans="2:24" ht="21" customHeight="1" x14ac:dyDescent="0.2">
      <c r="B38" s="256" t="s">
        <v>36</v>
      </c>
      <c r="C38" s="280">
        <v>0</v>
      </c>
      <c r="D38" s="280">
        <v>0</v>
      </c>
      <c r="E38" s="277">
        <v>0</v>
      </c>
      <c r="F38" s="279">
        <v>0</v>
      </c>
      <c r="G38" s="280">
        <v>426</v>
      </c>
      <c r="H38" s="280">
        <v>504</v>
      </c>
      <c r="I38" s="280">
        <v>399</v>
      </c>
      <c r="J38" s="280">
        <v>258</v>
      </c>
      <c r="K38" s="280">
        <v>186</v>
      </c>
      <c r="L38" s="277">
        <v>1773</v>
      </c>
      <c r="M38" s="282">
        <v>1773</v>
      </c>
      <c r="N38" s="280">
        <v>0</v>
      </c>
      <c r="O38" s="280">
        <v>0</v>
      </c>
      <c r="P38" s="277">
        <v>0</v>
      </c>
      <c r="Q38" s="279">
        <v>0</v>
      </c>
      <c r="R38" s="280">
        <v>0</v>
      </c>
      <c r="S38" s="280">
        <v>0</v>
      </c>
      <c r="T38" s="280">
        <v>0</v>
      </c>
      <c r="U38" s="280">
        <v>0</v>
      </c>
      <c r="V38" s="280">
        <v>0</v>
      </c>
      <c r="W38" s="277">
        <v>0</v>
      </c>
      <c r="X38" s="282">
        <v>0</v>
      </c>
    </row>
    <row r="39" spans="2:24" ht="21" customHeight="1" thickBot="1" x14ac:dyDescent="0.25">
      <c r="B39" s="257" t="s">
        <v>37</v>
      </c>
      <c r="C39" s="287">
        <v>0</v>
      </c>
      <c r="D39" s="287">
        <v>0</v>
      </c>
      <c r="E39" s="284">
        <v>0</v>
      </c>
      <c r="F39" s="286">
        <v>0</v>
      </c>
      <c r="G39" s="287">
        <v>112</v>
      </c>
      <c r="H39" s="287">
        <v>62</v>
      </c>
      <c r="I39" s="287">
        <v>103</v>
      </c>
      <c r="J39" s="287">
        <v>0</v>
      </c>
      <c r="K39" s="287">
        <v>22</v>
      </c>
      <c r="L39" s="284">
        <v>299</v>
      </c>
      <c r="M39" s="289">
        <v>299</v>
      </c>
      <c r="N39" s="287">
        <v>0</v>
      </c>
      <c r="O39" s="287">
        <v>0</v>
      </c>
      <c r="P39" s="284">
        <v>0</v>
      </c>
      <c r="Q39" s="286">
        <v>0</v>
      </c>
      <c r="R39" s="287">
        <v>4</v>
      </c>
      <c r="S39" s="287">
        <v>0</v>
      </c>
      <c r="T39" s="287">
        <v>0</v>
      </c>
      <c r="U39" s="287">
        <v>25</v>
      </c>
      <c r="V39" s="287">
        <v>15</v>
      </c>
      <c r="W39" s="284">
        <v>44</v>
      </c>
      <c r="X39" s="289">
        <v>44</v>
      </c>
    </row>
  </sheetData>
  <mergeCells count="11">
    <mergeCell ref="B3:B5"/>
    <mergeCell ref="C3:M3"/>
    <mergeCell ref="C4:E4"/>
    <mergeCell ref="F4:L4"/>
    <mergeCell ref="M4:M5"/>
    <mergeCell ref="N3:X3"/>
    <mergeCell ref="N4:P4"/>
    <mergeCell ref="Q4:W4"/>
    <mergeCell ref="X4:X5"/>
    <mergeCell ref="H1:I1"/>
    <mergeCell ref="K1:L1"/>
  </mergeCells>
  <phoneticPr fontId="4"/>
  <pageMargins left="0.70866141732283472" right="0.70866141732283472" top="0.74803149606299213" bottom="0.74803149606299213" header="0.31496062992125984" footer="0.31496062992125984"/>
  <pageSetup paperSize="9" scale="80" orientation="portrait" r:id="rId1"/>
  <headerFooter>
    <oddFooter>&amp;L&amp;20&amp;A&amp;C&amp;P/&amp;N</oddFooter>
  </headerFooter>
</worksheet>
</file>

<file path=xl/worksheets/sheet1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sheetPr>
  <dimension ref="A1:X39"/>
  <sheetViews>
    <sheetView zoomScaleNormal="100" workbookViewId="0">
      <pane xSplit="2" ySplit="6" topLeftCell="C7" activePane="bottomRight" state="frozen"/>
      <selection pane="topRight" activeCell="B1" sqref="B1"/>
      <selection pane="bottomLeft" activeCell="A7" sqref="A7"/>
      <selection pane="bottomRight" activeCell="B1" sqref="B1"/>
    </sheetView>
  </sheetViews>
  <sheetFormatPr defaultColWidth="9" defaultRowHeight="13.2" x14ac:dyDescent="0.2"/>
  <cols>
    <col min="1" max="1" width="2.77734375" style="44" customWidth="1"/>
    <col min="2" max="4" width="9" style="255"/>
    <col min="5" max="5" width="10" style="255" customWidth="1"/>
    <col min="6" max="6" width="7.77734375" style="255" customWidth="1"/>
    <col min="7" max="7" width="10.77734375" style="255" customWidth="1"/>
    <col min="8" max="16" width="9" style="255"/>
    <col min="17" max="17" width="7.6640625" style="255" customWidth="1"/>
    <col min="18" max="16384" width="9" style="255"/>
  </cols>
  <sheetData>
    <row r="1" spans="2:24" ht="24" customHeight="1" x14ac:dyDescent="0.2">
      <c r="B1" s="290" t="s">
        <v>125</v>
      </c>
      <c r="H1" s="524">
        <f>第１表!F2</f>
        <v>5</v>
      </c>
      <c r="I1" s="524"/>
      <c r="J1" s="248">
        <f>第１表!G2</f>
        <v>2</v>
      </c>
      <c r="K1" s="529">
        <f>IF(J1&lt;3,J1+12-2,J1-2)</f>
        <v>12</v>
      </c>
      <c r="L1" s="529"/>
    </row>
    <row r="2" spans="2:24" ht="24" customHeight="1" thickBot="1" x14ac:dyDescent="0.25">
      <c r="B2" s="290" t="s">
        <v>135</v>
      </c>
    </row>
    <row r="3" spans="2:24" ht="21" customHeight="1" x14ac:dyDescent="0.2">
      <c r="B3" s="532"/>
      <c r="C3" s="533" t="s">
        <v>143</v>
      </c>
      <c r="D3" s="533"/>
      <c r="E3" s="533"/>
      <c r="F3" s="533"/>
      <c r="G3" s="533"/>
      <c r="H3" s="533"/>
      <c r="I3" s="533"/>
      <c r="J3" s="533"/>
      <c r="K3" s="533"/>
      <c r="L3" s="533"/>
      <c r="M3" s="565"/>
      <c r="N3" s="533" t="s">
        <v>113</v>
      </c>
      <c r="O3" s="533"/>
      <c r="P3" s="533"/>
      <c r="Q3" s="533"/>
      <c r="R3" s="533"/>
      <c r="S3" s="533"/>
      <c r="T3" s="533"/>
      <c r="U3" s="533"/>
      <c r="V3" s="533"/>
      <c r="W3" s="533"/>
      <c r="X3" s="565"/>
    </row>
    <row r="4" spans="2:24" ht="21" customHeight="1" x14ac:dyDescent="0.2">
      <c r="B4" s="571"/>
      <c r="C4" s="566" t="s">
        <v>61</v>
      </c>
      <c r="D4" s="566"/>
      <c r="E4" s="567"/>
      <c r="F4" s="568" t="s">
        <v>62</v>
      </c>
      <c r="G4" s="566"/>
      <c r="H4" s="566"/>
      <c r="I4" s="566"/>
      <c r="J4" s="566"/>
      <c r="K4" s="566"/>
      <c r="L4" s="569"/>
      <c r="M4" s="570" t="s">
        <v>52</v>
      </c>
      <c r="N4" s="566" t="s">
        <v>61</v>
      </c>
      <c r="O4" s="566"/>
      <c r="P4" s="567"/>
      <c r="Q4" s="568" t="s">
        <v>62</v>
      </c>
      <c r="R4" s="566"/>
      <c r="S4" s="566"/>
      <c r="T4" s="566"/>
      <c r="U4" s="566"/>
      <c r="V4" s="566"/>
      <c r="W4" s="569"/>
      <c r="X4" s="570" t="s">
        <v>52</v>
      </c>
    </row>
    <row r="5" spans="2:24" ht="30" customHeight="1" thickBot="1" x14ac:dyDescent="0.25">
      <c r="B5" s="572"/>
      <c r="C5" s="259" t="s">
        <v>43</v>
      </c>
      <c r="D5" s="259" t="s">
        <v>44</v>
      </c>
      <c r="E5" s="265" t="s">
        <v>45</v>
      </c>
      <c r="F5" s="267" t="s">
        <v>83</v>
      </c>
      <c r="G5" s="259" t="s">
        <v>47</v>
      </c>
      <c r="H5" s="259" t="s">
        <v>48</v>
      </c>
      <c r="I5" s="259" t="s">
        <v>49</v>
      </c>
      <c r="J5" s="259" t="s">
        <v>50</v>
      </c>
      <c r="K5" s="259" t="s">
        <v>51</v>
      </c>
      <c r="L5" s="265" t="s">
        <v>45</v>
      </c>
      <c r="M5" s="531"/>
      <c r="N5" s="259" t="s">
        <v>43</v>
      </c>
      <c r="O5" s="259" t="s">
        <v>44</v>
      </c>
      <c r="P5" s="265" t="s">
        <v>45</v>
      </c>
      <c r="Q5" s="267" t="s">
        <v>83</v>
      </c>
      <c r="R5" s="259" t="s">
        <v>47</v>
      </c>
      <c r="S5" s="259" t="s">
        <v>48</v>
      </c>
      <c r="T5" s="259" t="s">
        <v>49</v>
      </c>
      <c r="U5" s="259" t="s">
        <v>50</v>
      </c>
      <c r="V5" s="259" t="s">
        <v>51</v>
      </c>
      <c r="W5" s="265" t="s">
        <v>45</v>
      </c>
      <c r="X5" s="531"/>
    </row>
    <row r="6" spans="2:24" ht="21" customHeight="1" x14ac:dyDescent="0.2">
      <c r="B6" s="258" t="s">
        <v>4</v>
      </c>
      <c r="C6" s="273">
        <v>0</v>
      </c>
      <c r="D6" s="273">
        <v>0</v>
      </c>
      <c r="E6" s="270">
        <v>0</v>
      </c>
      <c r="F6" s="272">
        <v>0</v>
      </c>
      <c r="G6" s="273">
        <v>6627</v>
      </c>
      <c r="H6" s="273">
        <v>5449</v>
      </c>
      <c r="I6" s="273">
        <v>3187</v>
      </c>
      <c r="J6" s="273">
        <v>1598</v>
      </c>
      <c r="K6" s="273">
        <v>631</v>
      </c>
      <c r="L6" s="270">
        <v>17492</v>
      </c>
      <c r="M6" s="275">
        <v>17492</v>
      </c>
      <c r="N6" s="273">
        <v>4</v>
      </c>
      <c r="O6" s="273">
        <v>0</v>
      </c>
      <c r="P6" s="270">
        <v>4</v>
      </c>
      <c r="Q6" s="272">
        <v>0</v>
      </c>
      <c r="R6" s="273">
        <v>634</v>
      </c>
      <c r="S6" s="273">
        <v>749</v>
      </c>
      <c r="T6" s="273">
        <v>767</v>
      </c>
      <c r="U6" s="273">
        <v>308</v>
      </c>
      <c r="V6" s="273">
        <v>187</v>
      </c>
      <c r="W6" s="270">
        <v>2645</v>
      </c>
      <c r="X6" s="275">
        <v>2649</v>
      </c>
    </row>
    <row r="7" spans="2:24" ht="21" customHeight="1" x14ac:dyDescent="0.2">
      <c r="B7" s="256" t="s">
        <v>5</v>
      </c>
      <c r="C7" s="280">
        <v>0</v>
      </c>
      <c r="D7" s="280">
        <v>0</v>
      </c>
      <c r="E7" s="277">
        <v>0</v>
      </c>
      <c r="F7" s="279">
        <v>0</v>
      </c>
      <c r="G7" s="280">
        <v>2693</v>
      </c>
      <c r="H7" s="280">
        <v>2675</v>
      </c>
      <c r="I7" s="280">
        <v>1517</v>
      </c>
      <c r="J7" s="280">
        <v>852</v>
      </c>
      <c r="K7" s="280">
        <v>253</v>
      </c>
      <c r="L7" s="277">
        <v>7990</v>
      </c>
      <c r="M7" s="282">
        <v>7990</v>
      </c>
      <c r="N7" s="280">
        <v>0</v>
      </c>
      <c r="O7" s="280">
        <v>0</v>
      </c>
      <c r="P7" s="277">
        <v>0</v>
      </c>
      <c r="Q7" s="279">
        <v>0</v>
      </c>
      <c r="R7" s="280">
        <v>289</v>
      </c>
      <c r="S7" s="280">
        <v>366</v>
      </c>
      <c r="T7" s="280">
        <v>485</v>
      </c>
      <c r="U7" s="280">
        <v>186</v>
      </c>
      <c r="V7" s="280">
        <v>97</v>
      </c>
      <c r="W7" s="277">
        <v>1423</v>
      </c>
      <c r="X7" s="282">
        <v>1423</v>
      </c>
    </row>
    <row r="8" spans="2:24" ht="21" customHeight="1" x14ac:dyDescent="0.2">
      <c r="B8" s="256" t="s">
        <v>6</v>
      </c>
      <c r="C8" s="280">
        <v>0</v>
      </c>
      <c r="D8" s="280">
        <v>0</v>
      </c>
      <c r="E8" s="277">
        <v>0</v>
      </c>
      <c r="F8" s="279">
        <v>0</v>
      </c>
      <c r="G8" s="280">
        <v>712</v>
      </c>
      <c r="H8" s="280">
        <v>459</v>
      </c>
      <c r="I8" s="280">
        <v>285</v>
      </c>
      <c r="J8" s="280">
        <v>204</v>
      </c>
      <c r="K8" s="280">
        <v>44</v>
      </c>
      <c r="L8" s="277">
        <v>1704</v>
      </c>
      <c r="M8" s="282">
        <v>1704</v>
      </c>
      <c r="N8" s="280">
        <v>0</v>
      </c>
      <c r="O8" s="280">
        <v>0</v>
      </c>
      <c r="P8" s="277">
        <v>0</v>
      </c>
      <c r="Q8" s="279">
        <v>0</v>
      </c>
      <c r="R8" s="280">
        <v>156</v>
      </c>
      <c r="S8" s="280">
        <v>127</v>
      </c>
      <c r="T8" s="280">
        <v>58</v>
      </c>
      <c r="U8" s="280">
        <v>50</v>
      </c>
      <c r="V8" s="280">
        <v>52</v>
      </c>
      <c r="W8" s="277">
        <v>443</v>
      </c>
      <c r="X8" s="282">
        <v>443</v>
      </c>
    </row>
    <row r="9" spans="2:24" ht="21" customHeight="1" x14ac:dyDescent="0.2">
      <c r="B9" s="256" t="s">
        <v>14</v>
      </c>
      <c r="C9" s="280">
        <v>0</v>
      </c>
      <c r="D9" s="280">
        <v>0</v>
      </c>
      <c r="E9" s="277">
        <v>0</v>
      </c>
      <c r="F9" s="279">
        <v>0</v>
      </c>
      <c r="G9" s="280">
        <v>506</v>
      </c>
      <c r="H9" s="280">
        <v>571</v>
      </c>
      <c r="I9" s="280">
        <v>357</v>
      </c>
      <c r="J9" s="280">
        <v>54</v>
      </c>
      <c r="K9" s="280">
        <v>149</v>
      </c>
      <c r="L9" s="277">
        <v>1637</v>
      </c>
      <c r="M9" s="282">
        <v>1637</v>
      </c>
      <c r="N9" s="280">
        <v>0</v>
      </c>
      <c r="O9" s="280">
        <v>0</v>
      </c>
      <c r="P9" s="277">
        <v>0</v>
      </c>
      <c r="Q9" s="279">
        <v>0</v>
      </c>
      <c r="R9" s="280">
        <v>13</v>
      </c>
      <c r="S9" s="280">
        <v>46</v>
      </c>
      <c r="T9" s="280">
        <v>19</v>
      </c>
      <c r="U9" s="280">
        <v>0</v>
      </c>
      <c r="V9" s="280">
        <v>0</v>
      </c>
      <c r="W9" s="277">
        <v>78</v>
      </c>
      <c r="X9" s="282">
        <v>78</v>
      </c>
    </row>
    <row r="10" spans="2:24" ht="21" customHeight="1" x14ac:dyDescent="0.2">
      <c r="B10" s="256" t="s">
        <v>7</v>
      </c>
      <c r="C10" s="280">
        <v>0</v>
      </c>
      <c r="D10" s="280">
        <v>0</v>
      </c>
      <c r="E10" s="277">
        <v>0</v>
      </c>
      <c r="F10" s="279">
        <v>0</v>
      </c>
      <c r="G10" s="280">
        <v>625</v>
      </c>
      <c r="H10" s="280">
        <v>311</v>
      </c>
      <c r="I10" s="280">
        <v>166</v>
      </c>
      <c r="J10" s="280">
        <v>34</v>
      </c>
      <c r="K10" s="280">
        <v>24</v>
      </c>
      <c r="L10" s="277">
        <v>1160</v>
      </c>
      <c r="M10" s="282">
        <v>1160</v>
      </c>
      <c r="N10" s="280">
        <v>0</v>
      </c>
      <c r="O10" s="280">
        <v>0</v>
      </c>
      <c r="P10" s="277">
        <v>0</v>
      </c>
      <c r="Q10" s="279">
        <v>0</v>
      </c>
      <c r="R10" s="280">
        <v>74</v>
      </c>
      <c r="S10" s="280">
        <v>115</v>
      </c>
      <c r="T10" s="280">
        <v>61</v>
      </c>
      <c r="U10" s="280">
        <v>19</v>
      </c>
      <c r="V10" s="280">
        <v>12</v>
      </c>
      <c r="W10" s="277">
        <v>281</v>
      </c>
      <c r="X10" s="282">
        <v>281</v>
      </c>
    </row>
    <row r="11" spans="2:24" ht="21" customHeight="1" x14ac:dyDescent="0.2">
      <c r="B11" s="256" t="s">
        <v>8</v>
      </c>
      <c r="C11" s="280">
        <v>0</v>
      </c>
      <c r="D11" s="280">
        <v>0</v>
      </c>
      <c r="E11" s="277">
        <v>0</v>
      </c>
      <c r="F11" s="279">
        <v>0</v>
      </c>
      <c r="G11" s="280">
        <v>273</v>
      </c>
      <c r="H11" s="280">
        <v>212</v>
      </c>
      <c r="I11" s="280">
        <v>128</v>
      </c>
      <c r="J11" s="280">
        <v>29</v>
      </c>
      <c r="K11" s="280">
        <v>24</v>
      </c>
      <c r="L11" s="277">
        <v>666</v>
      </c>
      <c r="M11" s="282">
        <v>666</v>
      </c>
      <c r="N11" s="280">
        <v>0</v>
      </c>
      <c r="O11" s="280">
        <v>0</v>
      </c>
      <c r="P11" s="277">
        <v>0</v>
      </c>
      <c r="Q11" s="279">
        <v>0</v>
      </c>
      <c r="R11" s="280">
        <v>0</v>
      </c>
      <c r="S11" s="280">
        <v>0</v>
      </c>
      <c r="T11" s="280">
        <v>0</v>
      </c>
      <c r="U11" s="280">
        <v>0</v>
      </c>
      <c r="V11" s="280">
        <v>4</v>
      </c>
      <c r="W11" s="277">
        <v>4</v>
      </c>
      <c r="X11" s="282">
        <v>4</v>
      </c>
    </row>
    <row r="12" spans="2:24" ht="21" customHeight="1" x14ac:dyDescent="0.2">
      <c r="B12" s="256" t="s">
        <v>9</v>
      </c>
      <c r="C12" s="280">
        <v>0</v>
      </c>
      <c r="D12" s="280">
        <v>0</v>
      </c>
      <c r="E12" s="277">
        <v>0</v>
      </c>
      <c r="F12" s="279">
        <v>0</v>
      </c>
      <c r="G12" s="280">
        <v>353</v>
      </c>
      <c r="H12" s="280">
        <v>142</v>
      </c>
      <c r="I12" s="280">
        <v>135</v>
      </c>
      <c r="J12" s="280">
        <v>70</v>
      </c>
      <c r="K12" s="280">
        <v>32</v>
      </c>
      <c r="L12" s="277">
        <v>732</v>
      </c>
      <c r="M12" s="282">
        <v>732</v>
      </c>
      <c r="N12" s="280">
        <v>0</v>
      </c>
      <c r="O12" s="280">
        <v>0</v>
      </c>
      <c r="P12" s="277">
        <v>0</v>
      </c>
      <c r="Q12" s="279">
        <v>0</v>
      </c>
      <c r="R12" s="280">
        <v>0</v>
      </c>
      <c r="S12" s="280">
        <v>7</v>
      </c>
      <c r="T12" s="280">
        <v>10</v>
      </c>
      <c r="U12" s="280">
        <v>3</v>
      </c>
      <c r="V12" s="280">
        <v>0</v>
      </c>
      <c r="W12" s="277">
        <v>20</v>
      </c>
      <c r="X12" s="282">
        <v>20</v>
      </c>
    </row>
    <row r="13" spans="2:24" ht="21" customHeight="1" x14ac:dyDescent="0.2">
      <c r="B13" s="256" t="s">
        <v>10</v>
      </c>
      <c r="C13" s="280">
        <v>0</v>
      </c>
      <c r="D13" s="280">
        <v>0</v>
      </c>
      <c r="E13" s="277">
        <v>0</v>
      </c>
      <c r="F13" s="279">
        <v>0</v>
      </c>
      <c r="G13" s="280">
        <v>298</v>
      </c>
      <c r="H13" s="280">
        <v>215</v>
      </c>
      <c r="I13" s="280">
        <v>64</v>
      </c>
      <c r="J13" s="280">
        <v>67</v>
      </c>
      <c r="K13" s="280">
        <v>4</v>
      </c>
      <c r="L13" s="277">
        <v>648</v>
      </c>
      <c r="M13" s="282">
        <v>648</v>
      </c>
      <c r="N13" s="280">
        <v>0</v>
      </c>
      <c r="O13" s="280">
        <v>0</v>
      </c>
      <c r="P13" s="277">
        <v>0</v>
      </c>
      <c r="Q13" s="279">
        <v>0</v>
      </c>
      <c r="R13" s="280">
        <v>31</v>
      </c>
      <c r="S13" s="280">
        <v>0</v>
      </c>
      <c r="T13" s="280">
        <v>33</v>
      </c>
      <c r="U13" s="280">
        <v>12</v>
      </c>
      <c r="V13" s="280">
        <v>14</v>
      </c>
      <c r="W13" s="277">
        <v>90</v>
      </c>
      <c r="X13" s="282">
        <v>90</v>
      </c>
    </row>
    <row r="14" spans="2:24" ht="21" customHeight="1" x14ac:dyDescent="0.2">
      <c r="B14" s="256" t="s">
        <v>11</v>
      </c>
      <c r="C14" s="280">
        <v>0</v>
      </c>
      <c r="D14" s="280">
        <v>0</v>
      </c>
      <c r="E14" s="277">
        <v>0</v>
      </c>
      <c r="F14" s="279">
        <v>0</v>
      </c>
      <c r="G14" s="280">
        <v>141</v>
      </c>
      <c r="H14" s="280">
        <v>56</v>
      </c>
      <c r="I14" s="280">
        <v>59</v>
      </c>
      <c r="J14" s="280">
        <v>58</v>
      </c>
      <c r="K14" s="280">
        <v>13</v>
      </c>
      <c r="L14" s="277">
        <v>327</v>
      </c>
      <c r="M14" s="282">
        <v>327</v>
      </c>
      <c r="N14" s="280">
        <v>0</v>
      </c>
      <c r="O14" s="280">
        <v>0</v>
      </c>
      <c r="P14" s="277">
        <v>0</v>
      </c>
      <c r="Q14" s="279">
        <v>0</v>
      </c>
      <c r="R14" s="280">
        <v>13</v>
      </c>
      <c r="S14" s="280">
        <v>30</v>
      </c>
      <c r="T14" s="280">
        <v>17</v>
      </c>
      <c r="U14" s="280">
        <v>0</v>
      </c>
      <c r="V14" s="280">
        <v>0</v>
      </c>
      <c r="W14" s="277">
        <v>60</v>
      </c>
      <c r="X14" s="282">
        <v>60</v>
      </c>
    </row>
    <row r="15" spans="2:24" ht="21" customHeight="1" x14ac:dyDescent="0.2">
      <c r="B15" s="256" t="s">
        <v>12</v>
      </c>
      <c r="C15" s="280">
        <v>0</v>
      </c>
      <c r="D15" s="280">
        <v>0</v>
      </c>
      <c r="E15" s="277">
        <v>0</v>
      </c>
      <c r="F15" s="279">
        <v>0</v>
      </c>
      <c r="G15" s="280">
        <v>217</v>
      </c>
      <c r="H15" s="280">
        <v>177</v>
      </c>
      <c r="I15" s="280">
        <v>95</v>
      </c>
      <c r="J15" s="280">
        <v>53</v>
      </c>
      <c r="K15" s="280">
        <v>8</v>
      </c>
      <c r="L15" s="277">
        <v>550</v>
      </c>
      <c r="M15" s="282">
        <v>550</v>
      </c>
      <c r="N15" s="280">
        <v>0</v>
      </c>
      <c r="O15" s="280">
        <v>0</v>
      </c>
      <c r="P15" s="277">
        <v>0</v>
      </c>
      <c r="Q15" s="279">
        <v>0</v>
      </c>
      <c r="R15" s="280">
        <v>0</v>
      </c>
      <c r="S15" s="280">
        <v>0</v>
      </c>
      <c r="T15" s="280">
        <v>0</v>
      </c>
      <c r="U15" s="280">
        <v>0</v>
      </c>
      <c r="V15" s="280">
        <v>0</v>
      </c>
      <c r="W15" s="277">
        <v>0</v>
      </c>
      <c r="X15" s="282">
        <v>0</v>
      </c>
    </row>
    <row r="16" spans="2:24" ht="21" customHeight="1" x14ac:dyDescent="0.2">
      <c r="B16" s="256" t="s">
        <v>13</v>
      </c>
      <c r="C16" s="280">
        <v>0</v>
      </c>
      <c r="D16" s="280">
        <v>0</v>
      </c>
      <c r="E16" s="277">
        <v>0</v>
      </c>
      <c r="F16" s="279">
        <v>0</v>
      </c>
      <c r="G16" s="280">
        <v>66</v>
      </c>
      <c r="H16" s="280">
        <v>55</v>
      </c>
      <c r="I16" s="280">
        <v>26</v>
      </c>
      <c r="J16" s="280">
        <v>14</v>
      </c>
      <c r="K16" s="280">
        <v>16</v>
      </c>
      <c r="L16" s="277">
        <v>177</v>
      </c>
      <c r="M16" s="282">
        <v>177</v>
      </c>
      <c r="N16" s="280">
        <v>0</v>
      </c>
      <c r="O16" s="280">
        <v>0</v>
      </c>
      <c r="P16" s="277">
        <v>0</v>
      </c>
      <c r="Q16" s="279">
        <v>0</v>
      </c>
      <c r="R16" s="280">
        <v>0</v>
      </c>
      <c r="S16" s="280">
        <v>11</v>
      </c>
      <c r="T16" s="280">
        <v>13</v>
      </c>
      <c r="U16" s="280">
        <v>3</v>
      </c>
      <c r="V16" s="280">
        <v>2</v>
      </c>
      <c r="W16" s="277">
        <v>29</v>
      </c>
      <c r="X16" s="282">
        <v>29</v>
      </c>
    </row>
    <row r="17" spans="2:24" ht="21" customHeight="1" x14ac:dyDescent="0.2">
      <c r="B17" s="256" t="s">
        <v>15</v>
      </c>
      <c r="C17" s="280">
        <v>0</v>
      </c>
      <c r="D17" s="280">
        <v>0</v>
      </c>
      <c r="E17" s="277">
        <v>0</v>
      </c>
      <c r="F17" s="279">
        <v>0</v>
      </c>
      <c r="G17" s="280">
        <v>27</v>
      </c>
      <c r="H17" s="280">
        <v>78</v>
      </c>
      <c r="I17" s="280">
        <v>12</v>
      </c>
      <c r="J17" s="280">
        <v>7</v>
      </c>
      <c r="K17" s="280">
        <v>0</v>
      </c>
      <c r="L17" s="277">
        <v>124</v>
      </c>
      <c r="M17" s="282">
        <v>124</v>
      </c>
      <c r="N17" s="280">
        <v>0</v>
      </c>
      <c r="O17" s="280">
        <v>0</v>
      </c>
      <c r="P17" s="277">
        <v>0</v>
      </c>
      <c r="Q17" s="279">
        <v>0</v>
      </c>
      <c r="R17" s="280">
        <v>0</v>
      </c>
      <c r="S17" s="280">
        <v>0</v>
      </c>
      <c r="T17" s="280">
        <v>0</v>
      </c>
      <c r="U17" s="280">
        <v>0</v>
      </c>
      <c r="V17" s="280">
        <v>0</v>
      </c>
      <c r="W17" s="277">
        <v>0</v>
      </c>
      <c r="X17" s="282">
        <v>0</v>
      </c>
    </row>
    <row r="18" spans="2:24" ht="21" customHeight="1" x14ac:dyDescent="0.2">
      <c r="B18" s="256" t="s">
        <v>16</v>
      </c>
      <c r="C18" s="280">
        <v>0</v>
      </c>
      <c r="D18" s="280">
        <v>0</v>
      </c>
      <c r="E18" s="277">
        <v>0</v>
      </c>
      <c r="F18" s="279">
        <v>0</v>
      </c>
      <c r="G18" s="280">
        <v>51</v>
      </c>
      <c r="H18" s="280">
        <v>72</v>
      </c>
      <c r="I18" s="280">
        <v>63</v>
      </c>
      <c r="J18" s="280">
        <v>5</v>
      </c>
      <c r="K18" s="280">
        <v>0</v>
      </c>
      <c r="L18" s="277">
        <v>191</v>
      </c>
      <c r="M18" s="282">
        <v>191</v>
      </c>
      <c r="N18" s="280">
        <v>0</v>
      </c>
      <c r="O18" s="280">
        <v>0</v>
      </c>
      <c r="P18" s="277">
        <v>0</v>
      </c>
      <c r="Q18" s="279">
        <v>0</v>
      </c>
      <c r="R18" s="280">
        <v>0</v>
      </c>
      <c r="S18" s="280">
        <v>0</v>
      </c>
      <c r="T18" s="280">
        <v>6</v>
      </c>
      <c r="U18" s="280">
        <v>0</v>
      </c>
      <c r="V18" s="280">
        <v>0</v>
      </c>
      <c r="W18" s="277">
        <v>6</v>
      </c>
      <c r="X18" s="282">
        <v>6</v>
      </c>
    </row>
    <row r="19" spans="2:24" ht="21" customHeight="1" x14ac:dyDescent="0.2">
      <c r="B19" s="256" t="s">
        <v>17</v>
      </c>
      <c r="C19" s="280">
        <v>0</v>
      </c>
      <c r="D19" s="280">
        <v>0</v>
      </c>
      <c r="E19" s="277">
        <v>0</v>
      </c>
      <c r="F19" s="279">
        <v>0</v>
      </c>
      <c r="G19" s="280">
        <v>87</v>
      </c>
      <c r="H19" s="280">
        <v>123</v>
      </c>
      <c r="I19" s="280">
        <v>109</v>
      </c>
      <c r="J19" s="280">
        <v>48</v>
      </c>
      <c r="K19" s="280">
        <v>55</v>
      </c>
      <c r="L19" s="277">
        <v>422</v>
      </c>
      <c r="M19" s="282">
        <v>422</v>
      </c>
      <c r="N19" s="280">
        <v>0</v>
      </c>
      <c r="O19" s="280">
        <v>0</v>
      </c>
      <c r="P19" s="277">
        <v>0</v>
      </c>
      <c r="Q19" s="279">
        <v>0</v>
      </c>
      <c r="R19" s="280">
        <v>23</v>
      </c>
      <c r="S19" s="280">
        <v>6</v>
      </c>
      <c r="T19" s="280">
        <v>9</v>
      </c>
      <c r="U19" s="280">
        <v>0</v>
      </c>
      <c r="V19" s="280">
        <v>0</v>
      </c>
      <c r="W19" s="277">
        <v>38</v>
      </c>
      <c r="X19" s="282">
        <v>38</v>
      </c>
    </row>
    <row r="20" spans="2:24" ht="21" customHeight="1" x14ac:dyDescent="0.2">
      <c r="B20" s="256" t="s">
        <v>18</v>
      </c>
      <c r="C20" s="280">
        <v>0</v>
      </c>
      <c r="D20" s="280">
        <v>0</v>
      </c>
      <c r="E20" s="277">
        <v>0</v>
      </c>
      <c r="F20" s="279">
        <v>0</v>
      </c>
      <c r="G20" s="280">
        <v>144</v>
      </c>
      <c r="H20" s="280">
        <v>77</v>
      </c>
      <c r="I20" s="280">
        <v>39</v>
      </c>
      <c r="J20" s="280">
        <v>17</v>
      </c>
      <c r="K20" s="280">
        <v>0</v>
      </c>
      <c r="L20" s="277">
        <v>277</v>
      </c>
      <c r="M20" s="282">
        <v>277</v>
      </c>
      <c r="N20" s="280">
        <v>0</v>
      </c>
      <c r="O20" s="280">
        <v>0</v>
      </c>
      <c r="P20" s="277">
        <v>0</v>
      </c>
      <c r="Q20" s="279">
        <v>0</v>
      </c>
      <c r="R20" s="280">
        <v>17</v>
      </c>
      <c r="S20" s="280">
        <v>0</v>
      </c>
      <c r="T20" s="280">
        <v>27</v>
      </c>
      <c r="U20" s="280">
        <v>3</v>
      </c>
      <c r="V20" s="280">
        <v>6</v>
      </c>
      <c r="W20" s="277">
        <v>53</v>
      </c>
      <c r="X20" s="282">
        <v>53</v>
      </c>
    </row>
    <row r="21" spans="2:24" ht="21" customHeight="1" x14ac:dyDescent="0.2">
      <c r="B21" s="256" t="s">
        <v>19</v>
      </c>
      <c r="C21" s="280">
        <v>0</v>
      </c>
      <c r="D21" s="280">
        <v>0</v>
      </c>
      <c r="E21" s="277">
        <v>0</v>
      </c>
      <c r="F21" s="279">
        <v>0</v>
      </c>
      <c r="G21" s="280">
        <v>16</v>
      </c>
      <c r="H21" s="280">
        <v>31</v>
      </c>
      <c r="I21" s="280">
        <v>0</v>
      </c>
      <c r="J21" s="280">
        <v>8</v>
      </c>
      <c r="K21" s="280">
        <v>4</v>
      </c>
      <c r="L21" s="277">
        <v>59</v>
      </c>
      <c r="M21" s="282">
        <v>59</v>
      </c>
      <c r="N21" s="280">
        <v>0</v>
      </c>
      <c r="O21" s="280">
        <v>0</v>
      </c>
      <c r="P21" s="277">
        <v>0</v>
      </c>
      <c r="Q21" s="279">
        <v>0</v>
      </c>
      <c r="R21" s="280">
        <v>3</v>
      </c>
      <c r="S21" s="280">
        <v>24</v>
      </c>
      <c r="T21" s="280">
        <v>0</v>
      </c>
      <c r="U21" s="280">
        <v>0</v>
      </c>
      <c r="V21" s="280">
        <v>0</v>
      </c>
      <c r="W21" s="277">
        <v>27</v>
      </c>
      <c r="X21" s="282">
        <v>27</v>
      </c>
    </row>
    <row r="22" spans="2:24" ht="21" customHeight="1" x14ac:dyDescent="0.2">
      <c r="B22" s="256" t="s">
        <v>20</v>
      </c>
      <c r="C22" s="280">
        <v>0</v>
      </c>
      <c r="D22" s="280">
        <v>0</v>
      </c>
      <c r="E22" s="277">
        <v>0</v>
      </c>
      <c r="F22" s="279">
        <v>0</v>
      </c>
      <c r="G22" s="280">
        <v>89</v>
      </c>
      <c r="H22" s="280">
        <v>34</v>
      </c>
      <c r="I22" s="280">
        <v>50</v>
      </c>
      <c r="J22" s="280">
        <v>25</v>
      </c>
      <c r="K22" s="280">
        <v>0</v>
      </c>
      <c r="L22" s="277">
        <v>198</v>
      </c>
      <c r="M22" s="282">
        <v>198</v>
      </c>
      <c r="N22" s="280">
        <v>0</v>
      </c>
      <c r="O22" s="280">
        <v>0</v>
      </c>
      <c r="P22" s="277">
        <v>0</v>
      </c>
      <c r="Q22" s="279">
        <v>0</v>
      </c>
      <c r="R22" s="280">
        <v>0</v>
      </c>
      <c r="S22" s="280">
        <v>0</v>
      </c>
      <c r="T22" s="280">
        <v>0</v>
      </c>
      <c r="U22" s="280">
        <v>0</v>
      </c>
      <c r="V22" s="280">
        <v>0</v>
      </c>
      <c r="W22" s="277">
        <v>0</v>
      </c>
      <c r="X22" s="282">
        <v>0</v>
      </c>
    </row>
    <row r="23" spans="2:24" ht="21" customHeight="1" x14ac:dyDescent="0.2">
      <c r="B23" s="256" t="s">
        <v>21</v>
      </c>
      <c r="C23" s="280">
        <v>0</v>
      </c>
      <c r="D23" s="280">
        <v>0</v>
      </c>
      <c r="E23" s="277">
        <v>0</v>
      </c>
      <c r="F23" s="279">
        <v>0</v>
      </c>
      <c r="G23" s="280">
        <v>63</v>
      </c>
      <c r="H23" s="280">
        <v>59</v>
      </c>
      <c r="I23" s="280">
        <v>8</v>
      </c>
      <c r="J23" s="280">
        <v>16</v>
      </c>
      <c r="K23" s="280">
        <v>0</v>
      </c>
      <c r="L23" s="277">
        <v>146</v>
      </c>
      <c r="M23" s="282">
        <v>146</v>
      </c>
      <c r="N23" s="280">
        <v>0</v>
      </c>
      <c r="O23" s="280">
        <v>0</v>
      </c>
      <c r="P23" s="277">
        <v>0</v>
      </c>
      <c r="Q23" s="279">
        <v>0</v>
      </c>
      <c r="R23" s="280">
        <v>0</v>
      </c>
      <c r="S23" s="280">
        <v>0</v>
      </c>
      <c r="T23" s="280">
        <v>0</v>
      </c>
      <c r="U23" s="280">
        <v>0</v>
      </c>
      <c r="V23" s="280">
        <v>0</v>
      </c>
      <c r="W23" s="277">
        <v>0</v>
      </c>
      <c r="X23" s="282">
        <v>0</v>
      </c>
    </row>
    <row r="24" spans="2:24" ht="21" customHeight="1" x14ac:dyDescent="0.2">
      <c r="B24" s="256" t="s">
        <v>22</v>
      </c>
      <c r="C24" s="280">
        <v>0</v>
      </c>
      <c r="D24" s="280">
        <v>0</v>
      </c>
      <c r="E24" s="277">
        <v>0</v>
      </c>
      <c r="F24" s="279">
        <v>0</v>
      </c>
      <c r="G24" s="280">
        <v>30</v>
      </c>
      <c r="H24" s="280">
        <v>22</v>
      </c>
      <c r="I24" s="280">
        <v>2</v>
      </c>
      <c r="J24" s="280">
        <v>14</v>
      </c>
      <c r="K24" s="280">
        <v>0</v>
      </c>
      <c r="L24" s="277">
        <v>68</v>
      </c>
      <c r="M24" s="282">
        <v>68</v>
      </c>
      <c r="N24" s="280">
        <v>0</v>
      </c>
      <c r="O24" s="280">
        <v>0</v>
      </c>
      <c r="P24" s="277">
        <v>0</v>
      </c>
      <c r="Q24" s="279">
        <v>0</v>
      </c>
      <c r="R24" s="280">
        <v>0</v>
      </c>
      <c r="S24" s="280">
        <v>0</v>
      </c>
      <c r="T24" s="280">
        <v>1</v>
      </c>
      <c r="U24" s="280">
        <v>13</v>
      </c>
      <c r="V24" s="280">
        <v>0</v>
      </c>
      <c r="W24" s="277">
        <v>14</v>
      </c>
      <c r="X24" s="282">
        <v>14</v>
      </c>
    </row>
    <row r="25" spans="2:24" ht="21" customHeight="1" x14ac:dyDescent="0.2">
      <c r="B25" s="256" t="s">
        <v>23</v>
      </c>
      <c r="C25" s="280">
        <v>0</v>
      </c>
      <c r="D25" s="280">
        <v>0</v>
      </c>
      <c r="E25" s="277">
        <v>0</v>
      </c>
      <c r="F25" s="279">
        <v>0</v>
      </c>
      <c r="G25" s="280">
        <v>37</v>
      </c>
      <c r="H25" s="280">
        <v>12</v>
      </c>
      <c r="I25" s="280">
        <v>10</v>
      </c>
      <c r="J25" s="280">
        <v>20</v>
      </c>
      <c r="K25" s="280">
        <v>0</v>
      </c>
      <c r="L25" s="277">
        <v>79</v>
      </c>
      <c r="M25" s="282">
        <v>79</v>
      </c>
      <c r="N25" s="280">
        <v>0</v>
      </c>
      <c r="O25" s="280">
        <v>0</v>
      </c>
      <c r="P25" s="277">
        <v>0</v>
      </c>
      <c r="Q25" s="279">
        <v>0</v>
      </c>
      <c r="R25" s="280">
        <v>0</v>
      </c>
      <c r="S25" s="280">
        <v>0</v>
      </c>
      <c r="T25" s="280">
        <v>0</v>
      </c>
      <c r="U25" s="280">
        <v>0</v>
      </c>
      <c r="V25" s="280">
        <v>0</v>
      </c>
      <c r="W25" s="277">
        <v>0</v>
      </c>
      <c r="X25" s="282">
        <v>0</v>
      </c>
    </row>
    <row r="26" spans="2:24" ht="21" customHeight="1" x14ac:dyDescent="0.2">
      <c r="B26" s="256" t="s">
        <v>24</v>
      </c>
      <c r="C26" s="280">
        <v>0</v>
      </c>
      <c r="D26" s="280">
        <v>0</v>
      </c>
      <c r="E26" s="277">
        <v>0</v>
      </c>
      <c r="F26" s="279">
        <v>0</v>
      </c>
      <c r="G26" s="280">
        <v>16</v>
      </c>
      <c r="H26" s="280">
        <v>0</v>
      </c>
      <c r="I26" s="280">
        <v>40</v>
      </c>
      <c r="J26" s="280">
        <v>0</v>
      </c>
      <c r="K26" s="280">
        <v>0</v>
      </c>
      <c r="L26" s="277">
        <v>56</v>
      </c>
      <c r="M26" s="282">
        <v>56</v>
      </c>
      <c r="N26" s="280">
        <v>0</v>
      </c>
      <c r="O26" s="280">
        <v>0</v>
      </c>
      <c r="P26" s="277">
        <v>0</v>
      </c>
      <c r="Q26" s="279">
        <v>0</v>
      </c>
      <c r="R26" s="280">
        <v>0</v>
      </c>
      <c r="S26" s="280">
        <v>0</v>
      </c>
      <c r="T26" s="280">
        <v>11</v>
      </c>
      <c r="U26" s="280">
        <v>0</v>
      </c>
      <c r="V26" s="280">
        <v>0</v>
      </c>
      <c r="W26" s="277">
        <v>11</v>
      </c>
      <c r="X26" s="282">
        <v>11</v>
      </c>
    </row>
    <row r="27" spans="2:24" ht="21" customHeight="1" x14ac:dyDescent="0.2">
      <c r="B27" s="256" t="s">
        <v>25</v>
      </c>
      <c r="C27" s="280">
        <v>0</v>
      </c>
      <c r="D27" s="280">
        <v>0</v>
      </c>
      <c r="E27" s="277">
        <v>0</v>
      </c>
      <c r="F27" s="279">
        <v>0</v>
      </c>
      <c r="G27" s="280">
        <v>39</v>
      </c>
      <c r="H27" s="280">
        <v>7</v>
      </c>
      <c r="I27" s="280">
        <v>0</v>
      </c>
      <c r="J27" s="280">
        <v>0</v>
      </c>
      <c r="K27" s="280">
        <v>0</v>
      </c>
      <c r="L27" s="277">
        <v>46</v>
      </c>
      <c r="M27" s="282">
        <v>46</v>
      </c>
      <c r="N27" s="280">
        <v>0</v>
      </c>
      <c r="O27" s="280">
        <v>0</v>
      </c>
      <c r="P27" s="277">
        <v>0</v>
      </c>
      <c r="Q27" s="279">
        <v>0</v>
      </c>
      <c r="R27" s="280">
        <v>0</v>
      </c>
      <c r="S27" s="280">
        <v>0</v>
      </c>
      <c r="T27" s="280">
        <v>0</v>
      </c>
      <c r="U27" s="280">
        <v>0</v>
      </c>
      <c r="V27" s="280">
        <v>0</v>
      </c>
      <c r="W27" s="277">
        <v>0</v>
      </c>
      <c r="X27" s="282">
        <v>0</v>
      </c>
    </row>
    <row r="28" spans="2:24" ht="21" customHeight="1" x14ac:dyDescent="0.2">
      <c r="B28" s="256" t="s">
        <v>26</v>
      </c>
      <c r="C28" s="280">
        <v>0</v>
      </c>
      <c r="D28" s="280">
        <v>0</v>
      </c>
      <c r="E28" s="277">
        <v>0</v>
      </c>
      <c r="F28" s="279">
        <v>0</v>
      </c>
      <c r="G28" s="280">
        <v>21</v>
      </c>
      <c r="H28" s="280">
        <v>29</v>
      </c>
      <c r="I28" s="280">
        <v>6</v>
      </c>
      <c r="J28" s="280">
        <v>0</v>
      </c>
      <c r="K28" s="280">
        <v>0</v>
      </c>
      <c r="L28" s="277">
        <v>56</v>
      </c>
      <c r="M28" s="282">
        <v>56</v>
      </c>
      <c r="N28" s="280">
        <v>0</v>
      </c>
      <c r="O28" s="280">
        <v>0</v>
      </c>
      <c r="P28" s="277">
        <v>0</v>
      </c>
      <c r="Q28" s="279">
        <v>0</v>
      </c>
      <c r="R28" s="280">
        <v>0</v>
      </c>
      <c r="S28" s="280">
        <v>13</v>
      </c>
      <c r="T28" s="280">
        <v>0</v>
      </c>
      <c r="U28" s="280">
        <v>0</v>
      </c>
      <c r="V28" s="280">
        <v>0</v>
      </c>
      <c r="W28" s="277">
        <v>13</v>
      </c>
      <c r="X28" s="282">
        <v>13</v>
      </c>
    </row>
    <row r="29" spans="2:24" ht="21" customHeight="1" x14ac:dyDescent="0.2">
      <c r="B29" s="256" t="s">
        <v>27</v>
      </c>
      <c r="C29" s="280">
        <v>0</v>
      </c>
      <c r="D29" s="280">
        <v>0</v>
      </c>
      <c r="E29" s="277">
        <v>0</v>
      </c>
      <c r="F29" s="279">
        <v>0</v>
      </c>
      <c r="G29" s="280">
        <v>4</v>
      </c>
      <c r="H29" s="280">
        <v>0</v>
      </c>
      <c r="I29" s="280">
        <v>0</v>
      </c>
      <c r="J29" s="280">
        <v>0</v>
      </c>
      <c r="K29" s="280">
        <v>0</v>
      </c>
      <c r="L29" s="277">
        <v>4</v>
      </c>
      <c r="M29" s="282">
        <v>4</v>
      </c>
      <c r="N29" s="280">
        <v>0</v>
      </c>
      <c r="O29" s="280">
        <v>0</v>
      </c>
      <c r="P29" s="277">
        <v>0</v>
      </c>
      <c r="Q29" s="279">
        <v>0</v>
      </c>
      <c r="R29" s="280">
        <v>15</v>
      </c>
      <c r="S29" s="280">
        <v>4</v>
      </c>
      <c r="T29" s="280">
        <v>0</v>
      </c>
      <c r="U29" s="280">
        <v>19</v>
      </c>
      <c r="V29" s="280">
        <v>0</v>
      </c>
      <c r="W29" s="277">
        <v>38</v>
      </c>
      <c r="X29" s="282">
        <v>38</v>
      </c>
    </row>
    <row r="30" spans="2:24" ht="21" customHeight="1" x14ac:dyDescent="0.2">
      <c r="B30" s="256" t="s">
        <v>28</v>
      </c>
      <c r="C30" s="280">
        <v>0</v>
      </c>
      <c r="D30" s="280">
        <v>0</v>
      </c>
      <c r="E30" s="277">
        <v>0</v>
      </c>
      <c r="F30" s="279">
        <v>0</v>
      </c>
      <c r="G30" s="280">
        <v>30</v>
      </c>
      <c r="H30" s="280">
        <v>8</v>
      </c>
      <c r="I30" s="280">
        <v>7</v>
      </c>
      <c r="J30" s="280">
        <v>0</v>
      </c>
      <c r="K30" s="280">
        <v>2</v>
      </c>
      <c r="L30" s="277">
        <v>47</v>
      </c>
      <c r="M30" s="282">
        <v>47</v>
      </c>
      <c r="N30" s="280">
        <v>0</v>
      </c>
      <c r="O30" s="280">
        <v>0</v>
      </c>
      <c r="P30" s="277">
        <v>0</v>
      </c>
      <c r="Q30" s="279">
        <v>0</v>
      </c>
      <c r="R30" s="280">
        <v>0</v>
      </c>
      <c r="S30" s="280">
        <v>0</v>
      </c>
      <c r="T30" s="280">
        <v>0</v>
      </c>
      <c r="U30" s="280">
        <v>0</v>
      </c>
      <c r="V30" s="280">
        <v>0</v>
      </c>
      <c r="W30" s="277">
        <v>0</v>
      </c>
      <c r="X30" s="282">
        <v>0</v>
      </c>
    </row>
    <row r="31" spans="2:24" ht="21" customHeight="1" x14ac:dyDescent="0.2">
      <c r="B31" s="256" t="s">
        <v>29</v>
      </c>
      <c r="C31" s="280">
        <v>0</v>
      </c>
      <c r="D31" s="280">
        <v>0</v>
      </c>
      <c r="E31" s="277">
        <v>0</v>
      </c>
      <c r="F31" s="279">
        <v>0</v>
      </c>
      <c r="G31" s="280">
        <v>21</v>
      </c>
      <c r="H31" s="280">
        <v>0</v>
      </c>
      <c r="I31" s="280">
        <v>0</v>
      </c>
      <c r="J31" s="280">
        <v>0</v>
      </c>
      <c r="K31" s="280">
        <v>0</v>
      </c>
      <c r="L31" s="277">
        <v>21</v>
      </c>
      <c r="M31" s="282">
        <v>21</v>
      </c>
      <c r="N31" s="280">
        <v>0</v>
      </c>
      <c r="O31" s="280">
        <v>0</v>
      </c>
      <c r="P31" s="277">
        <v>0</v>
      </c>
      <c r="Q31" s="279">
        <v>0</v>
      </c>
      <c r="R31" s="280">
        <v>0</v>
      </c>
      <c r="S31" s="280">
        <v>0</v>
      </c>
      <c r="T31" s="280">
        <v>0</v>
      </c>
      <c r="U31" s="280">
        <v>0</v>
      </c>
      <c r="V31" s="280">
        <v>0</v>
      </c>
      <c r="W31" s="277">
        <v>0</v>
      </c>
      <c r="X31" s="282">
        <v>0</v>
      </c>
    </row>
    <row r="32" spans="2:24" ht="21" customHeight="1" x14ac:dyDescent="0.2">
      <c r="B32" s="256" t="s">
        <v>30</v>
      </c>
      <c r="C32" s="280">
        <v>0</v>
      </c>
      <c r="D32" s="280">
        <v>0</v>
      </c>
      <c r="E32" s="277">
        <v>0</v>
      </c>
      <c r="F32" s="279">
        <v>0</v>
      </c>
      <c r="G32" s="280">
        <v>5</v>
      </c>
      <c r="H32" s="280">
        <v>0</v>
      </c>
      <c r="I32" s="280">
        <v>9</v>
      </c>
      <c r="J32" s="280">
        <v>0</v>
      </c>
      <c r="K32" s="280">
        <v>0</v>
      </c>
      <c r="L32" s="277">
        <v>14</v>
      </c>
      <c r="M32" s="282">
        <v>14</v>
      </c>
      <c r="N32" s="280">
        <v>4</v>
      </c>
      <c r="O32" s="280">
        <v>0</v>
      </c>
      <c r="P32" s="277">
        <v>4</v>
      </c>
      <c r="Q32" s="279">
        <v>0</v>
      </c>
      <c r="R32" s="280">
        <v>0</v>
      </c>
      <c r="S32" s="280">
        <v>0</v>
      </c>
      <c r="T32" s="280">
        <v>0</v>
      </c>
      <c r="U32" s="280">
        <v>0</v>
      </c>
      <c r="V32" s="280">
        <v>0</v>
      </c>
      <c r="W32" s="277">
        <v>0</v>
      </c>
      <c r="X32" s="282">
        <v>4</v>
      </c>
    </row>
    <row r="33" spans="2:24" ht="21" customHeight="1" x14ac:dyDescent="0.2">
      <c r="B33" s="256" t="s">
        <v>31</v>
      </c>
      <c r="C33" s="280">
        <v>0</v>
      </c>
      <c r="D33" s="280">
        <v>0</v>
      </c>
      <c r="E33" s="277">
        <v>0</v>
      </c>
      <c r="F33" s="279">
        <v>0</v>
      </c>
      <c r="G33" s="280">
        <v>2</v>
      </c>
      <c r="H33" s="280">
        <v>6</v>
      </c>
      <c r="I33" s="280">
        <v>0</v>
      </c>
      <c r="J33" s="280">
        <v>3</v>
      </c>
      <c r="K33" s="280">
        <v>0</v>
      </c>
      <c r="L33" s="277">
        <v>11</v>
      </c>
      <c r="M33" s="282">
        <v>11</v>
      </c>
      <c r="N33" s="280">
        <v>0</v>
      </c>
      <c r="O33" s="280">
        <v>0</v>
      </c>
      <c r="P33" s="277">
        <v>0</v>
      </c>
      <c r="Q33" s="279">
        <v>0</v>
      </c>
      <c r="R33" s="280">
        <v>0</v>
      </c>
      <c r="S33" s="280">
        <v>0</v>
      </c>
      <c r="T33" s="280">
        <v>17</v>
      </c>
      <c r="U33" s="280">
        <v>0</v>
      </c>
      <c r="V33" s="280">
        <v>0</v>
      </c>
      <c r="W33" s="277">
        <v>17</v>
      </c>
      <c r="X33" s="282">
        <v>17</v>
      </c>
    </row>
    <row r="34" spans="2:24" ht="21" customHeight="1" x14ac:dyDescent="0.2">
      <c r="B34" s="256" t="s">
        <v>32</v>
      </c>
      <c r="C34" s="280">
        <v>0</v>
      </c>
      <c r="D34" s="280">
        <v>0</v>
      </c>
      <c r="E34" s="277">
        <v>0</v>
      </c>
      <c r="F34" s="279">
        <v>0</v>
      </c>
      <c r="G34" s="280">
        <v>14</v>
      </c>
      <c r="H34" s="280">
        <v>11</v>
      </c>
      <c r="I34" s="280">
        <v>0</v>
      </c>
      <c r="J34" s="280">
        <v>0</v>
      </c>
      <c r="K34" s="280">
        <v>3</v>
      </c>
      <c r="L34" s="277">
        <v>28</v>
      </c>
      <c r="M34" s="282">
        <v>28</v>
      </c>
      <c r="N34" s="280">
        <v>0</v>
      </c>
      <c r="O34" s="280">
        <v>0</v>
      </c>
      <c r="P34" s="277">
        <v>0</v>
      </c>
      <c r="Q34" s="279">
        <v>0</v>
      </c>
      <c r="R34" s="280">
        <v>0</v>
      </c>
      <c r="S34" s="280">
        <v>0</v>
      </c>
      <c r="T34" s="280">
        <v>0</v>
      </c>
      <c r="U34" s="280">
        <v>0</v>
      </c>
      <c r="V34" s="280">
        <v>0</v>
      </c>
      <c r="W34" s="277">
        <v>0</v>
      </c>
      <c r="X34" s="282">
        <v>0</v>
      </c>
    </row>
    <row r="35" spans="2:24" ht="21" customHeight="1" x14ac:dyDescent="0.2">
      <c r="B35" s="256" t="s">
        <v>33</v>
      </c>
      <c r="C35" s="280">
        <v>0</v>
      </c>
      <c r="D35" s="280">
        <v>0</v>
      </c>
      <c r="E35" s="277">
        <v>0</v>
      </c>
      <c r="F35" s="279">
        <v>0</v>
      </c>
      <c r="G35" s="280">
        <v>3</v>
      </c>
      <c r="H35" s="280">
        <v>0</v>
      </c>
      <c r="I35" s="280">
        <v>0</v>
      </c>
      <c r="J35" s="280">
        <v>0</v>
      </c>
      <c r="K35" s="280">
        <v>0</v>
      </c>
      <c r="L35" s="277">
        <v>3</v>
      </c>
      <c r="M35" s="282">
        <v>3</v>
      </c>
      <c r="N35" s="280">
        <v>0</v>
      </c>
      <c r="O35" s="280">
        <v>0</v>
      </c>
      <c r="P35" s="277">
        <v>0</v>
      </c>
      <c r="Q35" s="279">
        <v>0</v>
      </c>
      <c r="R35" s="280">
        <v>0</v>
      </c>
      <c r="S35" s="280">
        <v>0</v>
      </c>
      <c r="T35" s="280">
        <v>0</v>
      </c>
      <c r="U35" s="280">
        <v>0</v>
      </c>
      <c r="V35" s="280">
        <v>0</v>
      </c>
      <c r="W35" s="277">
        <v>0</v>
      </c>
      <c r="X35" s="282">
        <v>0</v>
      </c>
    </row>
    <row r="36" spans="2:24" ht="21" customHeight="1" x14ac:dyDescent="0.2">
      <c r="B36" s="256" t="s">
        <v>34</v>
      </c>
      <c r="C36" s="280">
        <v>0</v>
      </c>
      <c r="D36" s="280">
        <v>0</v>
      </c>
      <c r="E36" s="277">
        <v>0</v>
      </c>
      <c r="F36" s="279">
        <v>0</v>
      </c>
      <c r="G36" s="280">
        <v>24</v>
      </c>
      <c r="H36" s="280">
        <v>0</v>
      </c>
      <c r="I36" s="280">
        <v>0</v>
      </c>
      <c r="J36" s="280">
        <v>0</v>
      </c>
      <c r="K36" s="280">
        <v>0</v>
      </c>
      <c r="L36" s="277">
        <v>24</v>
      </c>
      <c r="M36" s="282">
        <v>24</v>
      </c>
      <c r="N36" s="280">
        <v>0</v>
      </c>
      <c r="O36" s="280">
        <v>0</v>
      </c>
      <c r="P36" s="277">
        <v>0</v>
      </c>
      <c r="Q36" s="279">
        <v>0</v>
      </c>
      <c r="R36" s="280">
        <v>0</v>
      </c>
      <c r="S36" s="280">
        <v>0</v>
      </c>
      <c r="T36" s="280">
        <v>0</v>
      </c>
      <c r="U36" s="280">
        <v>0</v>
      </c>
      <c r="V36" s="280">
        <v>0</v>
      </c>
      <c r="W36" s="277">
        <v>0</v>
      </c>
      <c r="X36" s="282">
        <v>0</v>
      </c>
    </row>
    <row r="37" spans="2:24" ht="21" customHeight="1" x14ac:dyDescent="0.2">
      <c r="B37" s="256" t="s">
        <v>35</v>
      </c>
      <c r="C37" s="280">
        <v>0</v>
      </c>
      <c r="D37" s="280">
        <v>0</v>
      </c>
      <c r="E37" s="277">
        <v>0</v>
      </c>
      <c r="F37" s="279">
        <v>0</v>
      </c>
      <c r="G37" s="280">
        <v>0</v>
      </c>
      <c r="H37" s="280">
        <v>0</v>
      </c>
      <c r="I37" s="280">
        <v>0</v>
      </c>
      <c r="J37" s="280">
        <v>0</v>
      </c>
      <c r="K37" s="280">
        <v>0</v>
      </c>
      <c r="L37" s="277">
        <v>0</v>
      </c>
      <c r="M37" s="282">
        <v>0</v>
      </c>
      <c r="N37" s="280">
        <v>0</v>
      </c>
      <c r="O37" s="280">
        <v>0</v>
      </c>
      <c r="P37" s="277">
        <v>0</v>
      </c>
      <c r="Q37" s="279">
        <v>0</v>
      </c>
      <c r="R37" s="280">
        <v>0</v>
      </c>
      <c r="S37" s="280">
        <v>0</v>
      </c>
      <c r="T37" s="280">
        <v>0</v>
      </c>
      <c r="U37" s="280">
        <v>0</v>
      </c>
      <c r="V37" s="280">
        <v>0</v>
      </c>
      <c r="W37" s="277">
        <v>0</v>
      </c>
      <c r="X37" s="282">
        <v>0</v>
      </c>
    </row>
    <row r="38" spans="2:24" ht="21" customHeight="1" x14ac:dyDescent="0.2">
      <c r="B38" s="256" t="s">
        <v>36</v>
      </c>
      <c r="C38" s="280">
        <v>0</v>
      </c>
      <c r="D38" s="280">
        <v>0</v>
      </c>
      <c r="E38" s="277">
        <v>0</v>
      </c>
      <c r="F38" s="279">
        <v>0</v>
      </c>
      <c r="G38" s="280">
        <v>20</v>
      </c>
      <c r="H38" s="280">
        <v>7</v>
      </c>
      <c r="I38" s="280">
        <v>0</v>
      </c>
      <c r="J38" s="280">
        <v>0</v>
      </c>
      <c r="K38" s="280">
        <v>0</v>
      </c>
      <c r="L38" s="277">
        <v>27</v>
      </c>
      <c r="M38" s="282">
        <v>27</v>
      </c>
      <c r="N38" s="280">
        <v>0</v>
      </c>
      <c r="O38" s="280">
        <v>0</v>
      </c>
      <c r="P38" s="277">
        <v>0</v>
      </c>
      <c r="Q38" s="279">
        <v>0</v>
      </c>
      <c r="R38" s="280">
        <v>0</v>
      </c>
      <c r="S38" s="280">
        <v>0</v>
      </c>
      <c r="T38" s="280">
        <v>0</v>
      </c>
      <c r="U38" s="280">
        <v>0</v>
      </c>
      <c r="V38" s="280">
        <v>0</v>
      </c>
      <c r="W38" s="277">
        <v>0</v>
      </c>
      <c r="X38" s="282">
        <v>0</v>
      </c>
    </row>
    <row r="39" spans="2:24" ht="21" customHeight="1" thickBot="1" x14ac:dyDescent="0.25">
      <c r="B39" s="257" t="s">
        <v>37</v>
      </c>
      <c r="C39" s="287">
        <v>0</v>
      </c>
      <c r="D39" s="287">
        <v>0</v>
      </c>
      <c r="E39" s="284">
        <v>0</v>
      </c>
      <c r="F39" s="286">
        <v>0</v>
      </c>
      <c r="G39" s="287">
        <v>0</v>
      </c>
      <c r="H39" s="287">
        <v>0</v>
      </c>
      <c r="I39" s="287">
        <v>0</v>
      </c>
      <c r="J39" s="287">
        <v>0</v>
      </c>
      <c r="K39" s="287">
        <v>0</v>
      </c>
      <c r="L39" s="284">
        <v>0</v>
      </c>
      <c r="M39" s="289">
        <v>0</v>
      </c>
      <c r="N39" s="287">
        <v>0</v>
      </c>
      <c r="O39" s="287">
        <v>0</v>
      </c>
      <c r="P39" s="284">
        <v>0</v>
      </c>
      <c r="Q39" s="286">
        <v>0</v>
      </c>
      <c r="R39" s="287">
        <v>0</v>
      </c>
      <c r="S39" s="287">
        <v>0</v>
      </c>
      <c r="T39" s="287">
        <v>0</v>
      </c>
      <c r="U39" s="287">
        <v>0</v>
      </c>
      <c r="V39" s="287">
        <v>0</v>
      </c>
      <c r="W39" s="284">
        <v>0</v>
      </c>
      <c r="X39" s="289">
        <v>0</v>
      </c>
    </row>
  </sheetData>
  <mergeCells count="11">
    <mergeCell ref="B3:B5"/>
    <mergeCell ref="C3:M3"/>
    <mergeCell ref="C4:E4"/>
    <mergeCell ref="F4:L4"/>
    <mergeCell ref="M4:M5"/>
    <mergeCell ref="N3:X3"/>
    <mergeCell ref="N4:P4"/>
    <mergeCell ref="Q4:W4"/>
    <mergeCell ref="X4:X5"/>
    <mergeCell ref="H1:I1"/>
    <mergeCell ref="K1:L1"/>
  </mergeCells>
  <phoneticPr fontId="4"/>
  <pageMargins left="0.70866141732283472" right="0.70866141732283472" top="0.74803149606299213" bottom="0.74803149606299213" header="0.31496062992125984" footer="0.31496062992125984"/>
  <pageSetup paperSize="9" scale="80" orientation="portrait" r:id="rId1"/>
  <headerFooter>
    <oddFooter>&amp;L&amp;20&amp;A&amp;C&amp;P/&amp;N</oddFooter>
  </headerFooter>
</worksheet>
</file>

<file path=xl/worksheets/sheet1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sheetPr>
  <dimension ref="A1:X39"/>
  <sheetViews>
    <sheetView zoomScaleNormal="100" workbookViewId="0">
      <pane xSplit="2" ySplit="6" topLeftCell="C7" activePane="bottomRight" state="frozen"/>
      <selection pane="topRight" activeCell="B1" sqref="B1"/>
      <selection pane="bottomLeft" activeCell="A7" sqref="A7"/>
      <selection pane="bottomRight" activeCell="B1" sqref="B1"/>
    </sheetView>
  </sheetViews>
  <sheetFormatPr defaultColWidth="9" defaultRowHeight="13.2" x14ac:dyDescent="0.2"/>
  <cols>
    <col min="1" max="1" width="2.77734375" style="44" customWidth="1"/>
    <col min="2" max="4" width="9" style="255"/>
    <col min="5" max="5" width="10" style="255" customWidth="1"/>
    <col min="6" max="6" width="7.77734375" style="255" customWidth="1"/>
    <col min="7" max="7" width="10.77734375" style="255" customWidth="1"/>
    <col min="8" max="16" width="9" style="255"/>
    <col min="17" max="17" width="7.6640625" style="255" customWidth="1"/>
    <col min="18" max="16384" width="9" style="255"/>
  </cols>
  <sheetData>
    <row r="1" spans="2:24" ht="24" customHeight="1" x14ac:dyDescent="0.2">
      <c r="B1" s="290" t="s">
        <v>125</v>
      </c>
      <c r="H1" s="524">
        <f>第１表!F2</f>
        <v>5</v>
      </c>
      <c r="I1" s="524"/>
      <c r="J1" s="248">
        <f>第１表!G2</f>
        <v>2</v>
      </c>
      <c r="K1" s="529">
        <f>IF(J1&lt;3,J1+12-2,J1-2)</f>
        <v>12</v>
      </c>
      <c r="L1" s="529"/>
    </row>
    <row r="2" spans="2:24" ht="24" customHeight="1" thickBot="1" x14ac:dyDescent="0.25">
      <c r="B2" s="290" t="s">
        <v>155</v>
      </c>
    </row>
    <row r="3" spans="2:24" ht="21" customHeight="1" x14ac:dyDescent="0.2">
      <c r="B3" s="532"/>
      <c r="C3" s="533" t="s">
        <v>142</v>
      </c>
      <c r="D3" s="533"/>
      <c r="E3" s="533"/>
      <c r="F3" s="533"/>
      <c r="G3" s="533"/>
      <c r="H3" s="533"/>
      <c r="I3" s="533"/>
      <c r="J3" s="533"/>
      <c r="K3" s="533"/>
      <c r="L3" s="533"/>
      <c r="M3" s="565"/>
      <c r="N3" s="533" t="s">
        <v>113</v>
      </c>
      <c r="O3" s="533"/>
      <c r="P3" s="533"/>
      <c r="Q3" s="533"/>
      <c r="R3" s="533"/>
      <c r="S3" s="533"/>
      <c r="T3" s="533"/>
      <c r="U3" s="533"/>
      <c r="V3" s="533"/>
      <c r="W3" s="533"/>
      <c r="X3" s="565"/>
    </row>
    <row r="4" spans="2:24" ht="21" customHeight="1" x14ac:dyDescent="0.2">
      <c r="B4" s="571"/>
      <c r="C4" s="566" t="s">
        <v>61</v>
      </c>
      <c r="D4" s="566"/>
      <c r="E4" s="567"/>
      <c r="F4" s="568" t="s">
        <v>62</v>
      </c>
      <c r="G4" s="566"/>
      <c r="H4" s="566"/>
      <c r="I4" s="566"/>
      <c r="J4" s="566"/>
      <c r="K4" s="566"/>
      <c r="L4" s="569"/>
      <c r="M4" s="570" t="s">
        <v>52</v>
      </c>
      <c r="N4" s="566" t="s">
        <v>61</v>
      </c>
      <c r="O4" s="566"/>
      <c r="P4" s="567"/>
      <c r="Q4" s="568" t="s">
        <v>62</v>
      </c>
      <c r="R4" s="566"/>
      <c r="S4" s="566"/>
      <c r="T4" s="566"/>
      <c r="U4" s="566"/>
      <c r="V4" s="566"/>
      <c r="W4" s="569"/>
      <c r="X4" s="570" t="s">
        <v>52</v>
      </c>
    </row>
    <row r="5" spans="2:24" ht="30" customHeight="1" thickBot="1" x14ac:dyDescent="0.25">
      <c r="B5" s="572"/>
      <c r="C5" s="259" t="s">
        <v>43</v>
      </c>
      <c r="D5" s="259" t="s">
        <v>44</v>
      </c>
      <c r="E5" s="265" t="s">
        <v>45</v>
      </c>
      <c r="F5" s="267" t="s">
        <v>83</v>
      </c>
      <c r="G5" s="259" t="s">
        <v>47</v>
      </c>
      <c r="H5" s="259" t="s">
        <v>48</v>
      </c>
      <c r="I5" s="259" t="s">
        <v>49</v>
      </c>
      <c r="J5" s="259" t="s">
        <v>50</v>
      </c>
      <c r="K5" s="259" t="s">
        <v>51</v>
      </c>
      <c r="L5" s="265" t="s">
        <v>45</v>
      </c>
      <c r="M5" s="531"/>
      <c r="N5" s="259" t="s">
        <v>43</v>
      </c>
      <c r="O5" s="259" t="s">
        <v>44</v>
      </c>
      <c r="P5" s="265" t="s">
        <v>45</v>
      </c>
      <c r="Q5" s="267" t="s">
        <v>83</v>
      </c>
      <c r="R5" s="259" t="s">
        <v>47</v>
      </c>
      <c r="S5" s="259" t="s">
        <v>48</v>
      </c>
      <c r="T5" s="259" t="s">
        <v>49</v>
      </c>
      <c r="U5" s="259" t="s">
        <v>50</v>
      </c>
      <c r="V5" s="259" t="s">
        <v>51</v>
      </c>
      <c r="W5" s="265" t="s">
        <v>45</v>
      </c>
      <c r="X5" s="531"/>
    </row>
    <row r="6" spans="2:24" ht="21" customHeight="1" x14ac:dyDescent="0.2">
      <c r="B6" s="258" t="s">
        <v>4</v>
      </c>
      <c r="C6" s="273">
        <v>0</v>
      </c>
      <c r="D6" s="273">
        <v>0</v>
      </c>
      <c r="E6" s="270">
        <v>0</v>
      </c>
      <c r="F6" s="272">
        <v>0</v>
      </c>
      <c r="G6" s="273">
        <v>5095</v>
      </c>
      <c r="H6" s="273">
        <v>4807</v>
      </c>
      <c r="I6" s="273">
        <v>2574</v>
      </c>
      <c r="J6" s="273">
        <v>1204</v>
      </c>
      <c r="K6" s="273">
        <v>434</v>
      </c>
      <c r="L6" s="270">
        <v>14114</v>
      </c>
      <c r="M6" s="275">
        <v>14114</v>
      </c>
      <c r="N6" s="273">
        <v>0</v>
      </c>
      <c r="O6" s="273">
        <v>0</v>
      </c>
      <c r="P6" s="270">
        <v>0</v>
      </c>
      <c r="Q6" s="272">
        <v>0</v>
      </c>
      <c r="R6" s="273">
        <v>420</v>
      </c>
      <c r="S6" s="273">
        <v>614</v>
      </c>
      <c r="T6" s="273">
        <v>711</v>
      </c>
      <c r="U6" s="273">
        <v>249</v>
      </c>
      <c r="V6" s="273">
        <v>243</v>
      </c>
      <c r="W6" s="270">
        <v>2237</v>
      </c>
      <c r="X6" s="275">
        <v>2237</v>
      </c>
    </row>
    <row r="7" spans="2:24" ht="21" customHeight="1" x14ac:dyDescent="0.2">
      <c r="B7" s="256" t="s">
        <v>5</v>
      </c>
      <c r="C7" s="280">
        <v>0</v>
      </c>
      <c r="D7" s="280">
        <v>0</v>
      </c>
      <c r="E7" s="277">
        <v>0</v>
      </c>
      <c r="F7" s="279">
        <v>0</v>
      </c>
      <c r="G7" s="280">
        <v>1755</v>
      </c>
      <c r="H7" s="280">
        <v>2737</v>
      </c>
      <c r="I7" s="280">
        <v>1102</v>
      </c>
      <c r="J7" s="280">
        <v>679</v>
      </c>
      <c r="K7" s="280">
        <v>214</v>
      </c>
      <c r="L7" s="277">
        <v>6487</v>
      </c>
      <c r="M7" s="282">
        <v>6487</v>
      </c>
      <c r="N7" s="280">
        <v>0</v>
      </c>
      <c r="O7" s="280">
        <v>0</v>
      </c>
      <c r="P7" s="277">
        <v>0</v>
      </c>
      <c r="Q7" s="279">
        <v>0</v>
      </c>
      <c r="R7" s="280">
        <v>228</v>
      </c>
      <c r="S7" s="280">
        <v>357</v>
      </c>
      <c r="T7" s="280">
        <v>342</v>
      </c>
      <c r="U7" s="280">
        <v>159</v>
      </c>
      <c r="V7" s="280">
        <v>136</v>
      </c>
      <c r="W7" s="277">
        <v>1222</v>
      </c>
      <c r="X7" s="282">
        <v>1222</v>
      </c>
    </row>
    <row r="8" spans="2:24" ht="21" customHeight="1" x14ac:dyDescent="0.2">
      <c r="B8" s="256" t="s">
        <v>6</v>
      </c>
      <c r="C8" s="280">
        <v>0</v>
      </c>
      <c r="D8" s="280">
        <v>0</v>
      </c>
      <c r="E8" s="277">
        <v>0</v>
      </c>
      <c r="F8" s="279">
        <v>0</v>
      </c>
      <c r="G8" s="280">
        <v>910</v>
      </c>
      <c r="H8" s="280">
        <v>474</v>
      </c>
      <c r="I8" s="280">
        <v>395</v>
      </c>
      <c r="J8" s="280">
        <v>129</v>
      </c>
      <c r="K8" s="280">
        <v>64</v>
      </c>
      <c r="L8" s="277">
        <v>1972</v>
      </c>
      <c r="M8" s="282">
        <v>1972</v>
      </c>
      <c r="N8" s="280">
        <v>0</v>
      </c>
      <c r="O8" s="280">
        <v>0</v>
      </c>
      <c r="P8" s="277">
        <v>0</v>
      </c>
      <c r="Q8" s="279">
        <v>0</v>
      </c>
      <c r="R8" s="280">
        <v>134</v>
      </c>
      <c r="S8" s="280">
        <v>120</v>
      </c>
      <c r="T8" s="280">
        <v>186</v>
      </c>
      <c r="U8" s="280">
        <v>45</v>
      </c>
      <c r="V8" s="280">
        <v>45</v>
      </c>
      <c r="W8" s="277">
        <v>530</v>
      </c>
      <c r="X8" s="282">
        <v>530</v>
      </c>
    </row>
    <row r="9" spans="2:24" ht="21" customHeight="1" x14ac:dyDescent="0.2">
      <c r="B9" s="256" t="s">
        <v>14</v>
      </c>
      <c r="C9" s="280">
        <v>0</v>
      </c>
      <c r="D9" s="280">
        <v>0</v>
      </c>
      <c r="E9" s="277">
        <v>0</v>
      </c>
      <c r="F9" s="279">
        <v>0</v>
      </c>
      <c r="G9" s="280">
        <v>354</v>
      </c>
      <c r="H9" s="280">
        <v>359</v>
      </c>
      <c r="I9" s="280">
        <v>234</v>
      </c>
      <c r="J9" s="280">
        <v>18</v>
      </c>
      <c r="K9" s="280">
        <v>37</v>
      </c>
      <c r="L9" s="277">
        <v>1002</v>
      </c>
      <c r="M9" s="282">
        <v>1002</v>
      </c>
      <c r="N9" s="280">
        <v>0</v>
      </c>
      <c r="O9" s="280">
        <v>0</v>
      </c>
      <c r="P9" s="277">
        <v>0</v>
      </c>
      <c r="Q9" s="279">
        <v>0</v>
      </c>
      <c r="R9" s="280">
        <v>0</v>
      </c>
      <c r="S9" s="280">
        <v>12</v>
      </c>
      <c r="T9" s="280">
        <v>0</v>
      </c>
      <c r="U9" s="280">
        <v>0</v>
      </c>
      <c r="V9" s="280">
        <v>19</v>
      </c>
      <c r="W9" s="277">
        <v>31</v>
      </c>
      <c r="X9" s="282">
        <v>31</v>
      </c>
    </row>
    <row r="10" spans="2:24" ht="21" customHeight="1" x14ac:dyDescent="0.2">
      <c r="B10" s="256" t="s">
        <v>7</v>
      </c>
      <c r="C10" s="280">
        <v>0</v>
      </c>
      <c r="D10" s="280">
        <v>0</v>
      </c>
      <c r="E10" s="277">
        <v>0</v>
      </c>
      <c r="F10" s="279">
        <v>0</v>
      </c>
      <c r="G10" s="280">
        <v>203</v>
      </c>
      <c r="H10" s="280">
        <v>149</v>
      </c>
      <c r="I10" s="280">
        <v>109</v>
      </c>
      <c r="J10" s="280">
        <v>42</v>
      </c>
      <c r="K10" s="280">
        <v>5</v>
      </c>
      <c r="L10" s="277">
        <v>508</v>
      </c>
      <c r="M10" s="282">
        <v>508</v>
      </c>
      <c r="N10" s="280">
        <v>0</v>
      </c>
      <c r="O10" s="280">
        <v>0</v>
      </c>
      <c r="P10" s="277">
        <v>0</v>
      </c>
      <c r="Q10" s="279">
        <v>0</v>
      </c>
      <c r="R10" s="280">
        <v>13</v>
      </c>
      <c r="S10" s="280">
        <v>26</v>
      </c>
      <c r="T10" s="280">
        <v>68</v>
      </c>
      <c r="U10" s="280">
        <v>15</v>
      </c>
      <c r="V10" s="280">
        <v>8</v>
      </c>
      <c r="W10" s="277">
        <v>130</v>
      </c>
      <c r="X10" s="282">
        <v>130</v>
      </c>
    </row>
    <row r="11" spans="2:24" ht="21" customHeight="1" x14ac:dyDescent="0.2">
      <c r="B11" s="256" t="s">
        <v>8</v>
      </c>
      <c r="C11" s="280">
        <v>0</v>
      </c>
      <c r="D11" s="280">
        <v>0</v>
      </c>
      <c r="E11" s="277">
        <v>0</v>
      </c>
      <c r="F11" s="279">
        <v>0</v>
      </c>
      <c r="G11" s="280">
        <v>240</v>
      </c>
      <c r="H11" s="280">
        <v>123</v>
      </c>
      <c r="I11" s="280">
        <v>55</v>
      </c>
      <c r="J11" s="280">
        <v>29</v>
      </c>
      <c r="K11" s="280">
        <v>2</v>
      </c>
      <c r="L11" s="277">
        <v>449</v>
      </c>
      <c r="M11" s="282">
        <v>449</v>
      </c>
      <c r="N11" s="280">
        <v>0</v>
      </c>
      <c r="O11" s="280">
        <v>0</v>
      </c>
      <c r="P11" s="277">
        <v>0</v>
      </c>
      <c r="Q11" s="279">
        <v>0</v>
      </c>
      <c r="R11" s="280">
        <v>0</v>
      </c>
      <c r="S11" s="280">
        <v>11</v>
      </c>
      <c r="T11" s="280">
        <v>0</v>
      </c>
      <c r="U11" s="280">
        <v>0</v>
      </c>
      <c r="V11" s="280">
        <v>0</v>
      </c>
      <c r="W11" s="277">
        <v>11</v>
      </c>
      <c r="X11" s="282">
        <v>11</v>
      </c>
    </row>
    <row r="12" spans="2:24" ht="21" customHeight="1" x14ac:dyDescent="0.2">
      <c r="B12" s="256" t="s">
        <v>9</v>
      </c>
      <c r="C12" s="280">
        <v>0</v>
      </c>
      <c r="D12" s="280">
        <v>0</v>
      </c>
      <c r="E12" s="277">
        <v>0</v>
      </c>
      <c r="F12" s="279">
        <v>0</v>
      </c>
      <c r="G12" s="280">
        <v>314</v>
      </c>
      <c r="H12" s="280">
        <v>193</v>
      </c>
      <c r="I12" s="280">
        <v>158</v>
      </c>
      <c r="J12" s="280">
        <v>51</v>
      </c>
      <c r="K12" s="280">
        <v>34</v>
      </c>
      <c r="L12" s="277">
        <v>750</v>
      </c>
      <c r="M12" s="282">
        <v>750</v>
      </c>
      <c r="N12" s="280">
        <v>0</v>
      </c>
      <c r="O12" s="280">
        <v>0</v>
      </c>
      <c r="P12" s="277">
        <v>0</v>
      </c>
      <c r="Q12" s="279">
        <v>0</v>
      </c>
      <c r="R12" s="280">
        <v>0</v>
      </c>
      <c r="S12" s="280">
        <v>0</v>
      </c>
      <c r="T12" s="280">
        <v>15</v>
      </c>
      <c r="U12" s="280">
        <v>15</v>
      </c>
      <c r="V12" s="280">
        <v>8</v>
      </c>
      <c r="W12" s="277">
        <v>38</v>
      </c>
      <c r="X12" s="282">
        <v>38</v>
      </c>
    </row>
    <row r="13" spans="2:24" ht="21" customHeight="1" x14ac:dyDescent="0.2">
      <c r="B13" s="256" t="s">
        <v>10</v>
      </c>
      <c r="C13" s="280">
        <v>0</v>
      </c>
      <c r="D13" s="280">
        <v>0</v>
      </c>
      <c r="E13" s="277">
        <v>0</v>
      </c>
      <c r="F13" s="279">
        <v>0</v>
      </c>
      <c r="G13" s="280">
        <v>266</v>
      </c>
      <c r="H13" s="280">
        <v>135</v>
      </c>
      <c r="I13" s="280">
        <v>21</v>
      </c>
      <c r="J13" s="280">
        <v>9</v>
      </c>
      <c r="K13" s="280">
        <v>0</v>
      </c>
      <c r="L13" s="277">
        <v>431</v>
      </c>
      <c r="M13" s="282">
        <v>431</v>
      </c>
      <c r="N13" s="280">
        <v>0</v>
      </c>
      <c r="O13" s="280">
        <v>0</v>
      </c>
      <c r="P13" s="277">
        <v>0</v>
      </c>
      <c r="Q13" s="279">
        <v>0</v>
      </c>
      <c r="R13" s="280">
        <v>0</v>
      </c>
      <c r="S13" s="280">
        <v>38</v>
      </c>
      <c r="T13" s="280">
        <v>33</v>
      </c>
      <c r="U13" s="280">
        <v>0</v>
      </c>
      <c r="V13" s="280">
        <v>5</v>
      </c>
      <c r="W13" s="277">
        <v>76</v>
      </c>
      <c r="X13" s="282">
        <v>76</v>
      </c>
    </row>
    <row r="14" spans="2:24" ht="21" customHeight="1" x14ac:dyDescent="0.2">
      <c r="B14" s="256" t="s">
        <v>11</v>
      </c>
      <c r="C14" s="280">
        <v>0</v>
      </c>
      <c r="D14" s="280">
        <v>0</v>
      </c>
      <c r="E14" s="277">
        <v>0</v>
      </c>
      <c r="F14" s="279">
        <v>0</v>
      </c>
      <c r="G14" s="280">
        <v>154</v>
      </c>
      <c r="H14" s="280">
        <v>68</v>
      </c>
      <c r="I14" s="280">
        <v>61</v>
      </c>
      <c r="J14" s="280">
        <v>26</v>
      </c>
      <c r="K14" s="280">
        <v>8</v>
      </c>
      <c r="L14" s="277">
        <v>317</v>
      </c>
      <c r="M14" s="282">
        <v>317</v>
      </c>
      <c r="N14" s="280">
        <v>0</v>
      </c>
      <c r="O14" s="280">
        <v>0</v>
      </c>
      <c r="P14" s="277">
        <v>0</v>
      </c>
      <c r="Q14" s="279">
        <v>0</v>
      </c>
      <c r="R14" s="280">
        <v>0</v>
      </c>
      <c r="S14" s="280">
        <v>0</v>
      </c>
      <c r="T14" s="280">
        <v>0</v>
      </c>
      <c r="U14" s="280">
        <v>0</v>
      </c>
      <c r="V14" s="280">
        <v>0</v>
      </c>
      <c r="W14" s="277">
        <v>0</v>
      </c>
      <c r="X14" s="282">
        <v>0</v>
      </c>
    </row>
    <row r="15" spans="2:24" ht="21" customHeight="1" x14ac:dyDescent="0.2">
      <c r="B15" s="256" t="s">
        <v>12</v>
      </c>
      <c r="C15" s="280">
        <v>0</v>
      </c>
      <c r="D15" s="280">
        <v>0</v>
      </c>
      <c r="E15" s="277">
        <v>0</v>
      </c>
      <c r="F15" s="279">
        <v>0</v>
      </c>
      <c r="G15" s="280">
        <v>117</v>
      </c>
      <c r="H15" s="280">
        <v>113</v>
      </c>
      <c r="I15" s="280">
        <v>77</v>
      </c>
      <c r="J15" s="280">
        <v>61</v>
      </c>
      <c r="K15" s="280">
        <v>0</v>
      </c>
      <c r="L15" s="277">
        <v>368</v>
      </c>
      <c r="M15" s="282">
        <v>368</v>
      </c>
      <c r="N15" s="280">
        <v>0</v>
      </c>
      <c r="O15" s="280">
        <v>0</v>
      </c>
      <c r="P15" s="277">
        <v>0</v>
      </c>
      <c r="Q15" s="279">
        <v>0</v>
      </c>
      <c r="R15" s="280">
        <v>0</v>
      </c>
      <c r="S15" s="280">
        <v>4</v>
      </c>
      <c r="T15" s="280">
        <v>0</v>
      </c>
      <c r="U15" s="280">
        <v>0</v>
      </c>
      <c r="V15" s="280">
        <v>0</v>
      </c>
      <c r="W15" s="277">
        <v>4</v>
      </c>
      <c r="X15" s="282">
        <v>4</v>
      </c>
    </row>
    <row r="16" spans="2:24" ht="21" customHeight="1" x14ac:dyDescent="0.2">
      <c r="B16" s="256" t="s">
        <v>13</v>
      </c>
      <c r="C16" s="280">
        <v>0</v>
      </c>
      <c r="D16" s="280">
        <v>0</v>
      </c>
      <c r="E16" s="277">
        <v>0</v>
      </c>
      <c r="F16" s="279">
        <v>0</v>
      </c>
      <c r="G16" s="280">
        <v>95</v>
      </c>
      <c r="H16" s="280">
        <v>48</v>
      </c>
      <c r="I16" s="280">
        <v>37</v>
      </c>
      <c r="J16" s="280">
        <v>8</v>
      </c>
      <c r="K16" s="280">
        <v>0</v>
      </c>
      <c r="L16" s="277">
        <v>188</v>
      </c>
      <c r="M16" s="282">
        <v>188</v>
      </c>
      <c r="N16" s="280">
        <v>0</v>
      </c>
      <c r="O16" s="280">
        <v>0</v>
      </c>
      <c r="P16" s="277">
        <v>0</v>
      </c>
      <c r="Q16" s="279">
        <v>0</v>
      </c>
      <c r="R16" s="280">
        <v>0</v>
      </c>
      <c r="S16" s="280">
        <v>0</v>
      </c>
      <c r="T16" s="280">
        <v>0</v>
      </c>
      <c r="U16" s="280">
        <v>0</v>
      </c>
      <c r="V16" s="280">
        <v>0</v>
      </c>
      <c r="W16" s="277">
        <v>0</v>
      </c>
      <c r="X16" s="282">
        <v>0</v>
      </c>
    </row>
    <row r="17" spans="2:24" ht="21" customHeight="1" x14ac:dyDescent="0.2">
      <c r="B17" s="256" t="s">
        <v>15</v>
      </c>
      <c r="C17" s="280">
        <v>0</v>
      </c>
      <c r="D17" s="280">
        <v>0</v>
      </c>
      <c r="E17" s="277">
        <v>0</v>
      </c>
      <c r="F17" s="279">
        <v>0</v>
      </c>
      <c r="G17" s="280">
        <v>39</v>
      </c>
      <c r="H17" s="280">
        <v>46</v>
      </c>
      <c r="I17" s="280">
        <v>8</v>
      </c>
      <c r="J17" s="280">
        <v>0</v>
      </c>
      <c r="K17" s="280">
        <v>3</v>
      </c>
      <c r="L17" s="277">
        <v>96</v>
      </c>
      <c r="M17" s="282">
        <v>96</v>
      </c>
      <c r="N17" s="280">
        <v>0</v>
      </c>
      <c r="O17" s="280">
        <v>0</v>
      </c>
      <c r="P17" s="277">
        <v>0</v>
      </c>
      <c r="Q17" s="279">
        <v>0</v>
      </c>
      <c r="R17" s="280">
        <v>0</v>
      </c>
      <c r="S17" s="280">
        <v>0</v>
      </c>
      <c r="T17" s="280">
        <v>0</v>
      </c>
      <c r="U17" s="280">
        <v>0</v>
      </c>
      <c r="V17" s="280">
        <v>0</v>
      </c>
      <c r="W17" s="277">
        <v>0</v>
      </c>
      <c r="X17" s="282">
        <v>0</v>
      </c>
    </row>
    <row r="18" spans="2:24" ht="21" customHeight="1" x14ac:dyDescent="0.2">
      <c r="B18" s="256" t="s">
        <v>16</v>
      </c>
      <c r="C18" s="280">
        <v>0</v>
      </c>
      <c r="D18" s="280">
        <v>0</v>
      </c>
      <c r="E18" s="277">
        <v>0</v>
      </c>
      <c r="F18" s="279">
        <v>0</v>
      </c>
      <c r="G18" s="280">
        <v>57</v>
      </c>
      <c r="H18" s="280">
        <v>36</v>
      </c>
      <c r="I18" s="280">
        <v>46</v>
      </c>
      <c r="J18" s="280">
        <v>21</v>
      </c>
      <c r="K18" s="280">
        <v>25</v>
      </c>
      <c r="L18" s="277">
        <v>185</v>
      </c>
      <c r="M18" s="282">
        <v>185</v>
      </c>
      <c r="N18" s="280">
        <v>0</v>
      </c>
      <c r="O18" s="280">
        <v>0</v>
      </c>
      <c r="P18" s="277">
        <v>0</v>
      </c>
      <c r="Q18" s="279">
        <v>0</v>
      </c>
      <c r="R18" s="280">
        <v>13</v>
      </c>
      <c r="S18" s="280">
        <v>7</v>
      </c>
      <c r="T18" s="280">
        <v>0</v>
      </c>
      <c r="U18" s="280">
        <v>0</v>
      </c>
      <c r="V18" s="280">
        <v>0</v>
      </c>
      <c r="W18" s="277">
        <v>20</v>
      </c>
      <c r="X18" s="282">
        <v>20</v>
      </c>
    </row>
    <row r="19" spans="2:24" ht="21" customHeight="1" x14ac:dyDescent="0.2">
      <c r="B19" s="256" t="s">
        <v>17</v>
      </c>
      <c r="C19" s="280">
        <v>0</v>
      </c>
      <c r="D19" s="280">
        <v>0</v>
      </c>
      <c r="E19" s="277">
        <v>0</v>
      </c>
      <c r="F19" s="279">
        <v>0</v>
      </c>
      <c r="G19" s="280">
        <v>57</v>
      </c>
      <c r="H19" s="280">
        <v>92</v>
      </c>
      <c r="I19" s="280">
        <v>69</v>
      </c>
      <c r="J19" s="280">
        <v>80</v>
      </c>
      <c r="K19" s="280">
        <v>6</v>
      </c>
      <c r="L19" s="277">
        <v>304</v>
      </c>
      <c r="M19" s="282">
        <v>304</v>
      </c>
      <c r="N19" s="280">
        <v>0</v>
      </c>
      <c r="O19" s="280">
        <v>0</v>
      </c>
      <c r="P19" s="277">
        <v>0</v>
      </c>
      <c r="Q19" s="279">
        <v>0</v>
      </c>
      <c r="R19" s="280">
        <v>0</v>
      </c>
      <c r="S19" s="280">
        <v>0</v>
      </c>
      <c r="T19" s="280">
        <v>0</v>
      </c>
      <c r="U19" s="280">
        <v>0</v>
      </c>
      <c r="V19" s="280">
        <v>0</v>
      </c>
      <c r="W19" s="277">
        <v>0</v>
      </c>
      <c r="X19" s="282">
        <v>0</v>
      </c>
    </row>
    <row r="20" spans="2:24" ht="21" customHeight="1" x14ac:dyDescent="0.2">
      <c r="B20" s="256" t="s">
        <v>18</v>
      </c>
      <c r="C20" s="280">
        <v>0</v>
      </c>
      <c r="D20" s="280">
        <v>0</v>
      </c>
      <c r="E20" s="277">
        <v>0</v>
      </c>
      <c r="F20" s="279">
        <v>0</v>
      </c>
      <c r="G20" s="280">
        <v>161</v>
      </c>
      <c r="H20" s="280">
        <v>68</v>
      </c>
      <c r="I20" s="280">
        <v>104</v>
      </c>
      <c r="J20" s="280">
        <v>10</v>
      </c>
      <c r="K20" s="280">
        <v>5</v>
      </c>
      <c r="L20" s="277">
        <v>348</v>
      </c>
      <c r="M20" s="282">
        <v>348</v>
      </c>
      <c r="N20" s="280">
        <v>0</v>
      </c>
      <c r="O20" s="280">
        <v>0</v>
      </c>
      <c r="P20" s="277">
        <v>0</v>
      </c>
      <c r="Q20" s="279">
        <v>0</v>
      </c>
      <c r="R20" s="280">
        <v>12</v>
      </c>
      <c r="S20" s="280">
        <v>0</v>
      </c>
      <c r="T20" s="280">
        <v>41</v>
      </c>
      <c r="U20" s="280">
        <v>15</v>
      </c>
      <c r="V20" s="280">
        <v>0</v>
      </c>
      <c r="W20" s="277">
        <v>68</v>
      </c>
      <c r="X20" s="282">
        <v>68</v>
      </c>
    </row>
    <row r="21" spans="2:24" ht="21" customHeight="1" x14ac:dyDescent="0.2">
      <c r="B21" s="256" t="s">
        <v>19</v>
      </c>
      <c r="C21" s="280">
        <v>0</v>
      </c>
      <c r="D21" s="280">
        <v>0</v>
      </c>
      <c r="E21" s="277">
        <v>0</v>
      </c>
      <c r="F21" s="279">
        <v>0</v>
      </c>
      <c r="G21" s="280">
        <v>71</v>
      </c>
      <c r="H21" s="280">
        <v>28</v>
      </c>
      <c r="I21" s="280">
        <v>17</v>
      </c>
      <c r="J21" s="280">
        <v>26</v>
      </c>
      <c r="K21" s="280">
        <v>0</v>
      </c>
      <c r="L21" s="277">
        <v>142</v>
      </c>
      <c r="M21" s="282">
        <v>142</v>
      </c>
      <c r="N21" s="280">
        <v>0</v>
      </c>
      <c r="O21" s="280">
        <v>0</v>
      </c>
      <c r="P21" s="277">
        <v>0</v>
      </c>
      <c r="Q21" s="279">
        <v>0</v>
      </c>
      <c r="R21" s="280">
        <v>3</v>
      </c>
      <c r="S21" s="280">
        <v>24</v>
      </c>
      <c r="T21" s="280">
        <v>0</v>
      </c>
      <c r="U21" s="280">
        <v>0</v>
      </c>
      <c r="V21" s="280">
        <v>0</v>
      </c>
      <c r="W21" s="277">
        <v>27</v>
      </c>
      <c r="X21" s="282">
        <v>27</v>
      </c>
    </row>
    <row r="22" spans="2:24" ht="21" customHeight="1" x14ac:dyDescent="0.2">
      <c r="B22" s="256" t="s">
        <v>20</v>
      </c>
      <c r="C22" s="280">
        <v>0</v>
      </c>
      <c r="D22" s="280">
        <v>0</v>
      </c>
      <c r="E22" s="277">
        <v>0</v>
      </c>
      <c r="F22" s="279">
        <v>0</v>
      </c>
      <c r="G22" s="280">
        <v>38</v>
      </c>
      <c r="H22" s="280">
        <v>41</v>
      </c>
      <c r="I22" s="280">
        <v>5</v>
      </c>
      <c r="J22" s="280">
        <v>0</v>
      </c>
      <c r="K22" s="280">
        <v>0</v>
      </c>
      <c r="L22" s="277">
        <v>84</v>
      </c>
      <c r="M22" s="282">
        <v>84</v>
      </c>
      <c r="N22" s="280">
        <v>0</v>
      </c>
      <c r="O22" s="280">
        <v>0</v>
      </c>
      <c r="P22" s="277">
        <v>0</v>
      </c>
      <c r="Q22" s="279">
        <v>0</v>
      </c>
      <c r="R22" s="280">
        <v>8</v>
      </c>
      <c r="S22" s="280">
        <v>0</v>
      </c>
      <c r="T22" s="280">
        <v>0</v>
      </c>
      <c r="U22" s="280">
        <v>0</v>
      </c>
      <c r="V22" s="280">
        <v>12</v>
      </c>
      <c r="W22" s="277">
        <v>20</v>
      </c>
      <c r="X22" s="282">
        <v>20</v>
      </c>
    </row>
    <row r="23" spans="2:24" ht="21" customHeight="1" x14ac:dyDescent="0.2">
      <c r="B23" s="256" t="s">
        <v>21</v>
      </c>
      <c r="C23" s="280">
        <v>0</v>
      </c>
      <c r="D23" s="280">
        <v>0</v>
      </c>
      <c r="E23" s="277">
        <v>0</v>
      </c>
      <c r="F23" s="279">
        <v>0</v>
      </c>
      <c r="G23" s="280">
        <v>85</v>
      </c>
      <c r="H23" s="280">
        <v>26</v>
      </c>
      <c r="I23" s="280">
        <v>32</v>
      </c>
      <c r="J23" s="280">
        <v>4</v>
      </c>
      <c r="K23" s="280">
        <v>0</v>
      </c>
      <c r="L23" s="277">
        <v>147</v>
      </c>
      <c r="M23" s="282">
        <v>147</v>
      </c>
      <c r="N23" s="280">
        <v>0</v>
      </c>
      <c r="O23" s="280">
        <v>0</v>
      </c>
      <c r="P23" s="277">
        <v>0</v>
      </c>
      <c r="Q23" s="279">
        <v>0</v>
      </c>
      <c r="R23" s="280">
        <v>0</v>
      </c>
      <c r="S23" s="280">
        <v>0</v>
      </c>
      <c r="T23" s="280">
        <v>0</v>
      </c>
      <c r="U23" s="280">
        <v>0</v>
      </c>
      <c r="V23" s="280">
        <v>0</v>
      </c>
      <c r="W23" s="277">
        <v>0</v>
      </c>
      <c r="X23" s="282">
        <v>0</v>
      </c>
    </row>
    <row r="24" spans="2:24" ht="21" customHeight="1" x14ac:dyDescent="0.2">
      <c r="B24" s="256" t="s">
        <v>22</v>
      </c>
      <c r="C24" s="280">
        <v>0</v>
      </c>
      <c r="D24" s="280">
        <v>0</v>
      </c>
      <c r="E24" s="277">
        <v>0</v>
      </c>
      <c r="F24" s="279">
        <v>0</v>
      </c>
      <c r="G24" s="280">
        <v>51</v>
      </c>
      <c r="H24" s="280">
        <v>7</v>
      </c>
      <c r="I24" s="280">
        <v>0</v>
      </c>
      <c r="J24" s="280">
        <v>0</v>
      </c>
      <c r="K24" s="280">
        <v>0</v>
      </c>
      <c r="L24" s="277">
        <v>58</v>
      </c>
      <c r="M24" s="282">
        <v>58</v>
      </c>
      <c r="N24" s="280">
        <v>0</v>
      </c>
      <c r="O24" s="280">
        <v>0</v>
      </c>
      <c r="P24" s="277">
        <v>0</v>
      </c>
      <c r="Q24" s="279">
        <v>0</v>
      </c>
      <c r="R24" s="280">
        <v>0</v>
      </c>
      <c r="S24" s="280">
        <v>0</v>
      </c>
      <c r="T24" s="280">
        <v>9</v>
      </c>
      <c r="U24" s="280">
        <v>0</v>
      </c>
      <c r="V24" s="280">
        <v>0</v>
      </c>
      <c r="W24" s="277">
        <v>9</v>
      </c>
      <c r="X24" s="282">
        <v>9</v>
      </c>
    </row>
    <row r="25" spans="2:24" ht="21" customHeight="1" x14ac:dyDescent="0.2">
      <c r="B25" s="256" t="s">
        <v>23</v>
      </c>
      <c r="C25" s="280">
        <v>0</v>
      </c>
      <c r="D25" s="280">
        <v>0</v>
      </c>
      <c r="E25" s="277">
        <v>0</v>
      </c>
      <c r="F25" s="279">
        <v>0</v>
      </c>
      <c r="G25" s="280">
        <v>7</v>
      </c>
      <c r="H25" s="280">
        <v>21</v>
      </c>
      <c r="I25" s="280">
        <v>10</v>
      </c>
      <c r="J25" s="280">
        <v>0</v>
      </c>
      <c r="K25" s="280">
        <v>21</v>
      </c>
      <c r="L25" s="277">
        <v>59</v>
      </c>
      <c r="M25" s="282">
        <v>59</v>
      </c>
      <c r="N25" s="280">
        <v>0</v>
      </c>
      <c r="O25" s="280">
        <v>0</v>
      </c>
      <c r="P25" s="277">
        <v>0</v>
      </c>
      <c r="Q25" s="279">
        <v>0</v>
      </c>
      <c r="R25" s="280">
        <v>0</v>
      </c>
      <c r="S25" s="280">
        <v>0</v>
      </c>
      <c r="T25" s="280">
        <v>0</v>
      </c>
      <c r="U25" s="280">
        <v>0</v>
      </c>
      <c r="V25" s="280">
        <v>0</v>
      </c>
      <c r="W25" s="277">
        <v>0</v>
      </c>
      <c r="X25" s="282">
        <v>0</v>
      </c>
    </row>
    <row r="26" spans="2:24" ht="21" customHeight="1" x14ac:dyDescent="0.2">
      <c r="B26" s="256" t="s">
        <v>24</v>
      </c>
      <c r="C26" s="280">
        <v>0</v>
      </c>
      <c r="D26" s="280">
        <v>0</v>
      </c>
      <c r="E26" s="277">
        <v>0</v>
      </c>
      <c r="F26" s="279">
        <v>0</v>
      </c>
      <c r="G26" s="280">
        <v>2</v>
      </c>
      <c r="H26" s="280">
        <v>0</v>
      </c>
      <c r="I26" s="280">
        <v>4</v>
      </c>
      <c r="J26" s="280">
        <v>0</v>
      </c>
      <c r="K26" s="280">
        <v>0</v>
      </c>
      <c r="L26" s="277">
        <v>6</v>
      </c>
      <c r="M26" s="282">
        <v>6</v>
      </c>
      <c r="N26" s="280">
        <v>0</v>
      </c>
      <c r="O26" s="280">
        <v>0</v>
      </c>
      <c r="P26" s="277">
        <v>0</v>
      </c>
      <c r="Q26" s="279">
        <v>0</v>
      </c>
      <c r="R26" s="280">
        <v>0</v>
      </c>
      <c r="S26" s="280">
        <v>10</v>
      </c>
      <c r="T26" s="280">
        <v>0</v>
      </c>
      <c r="U26" s="280">
        <v>0</v>
      </c>
      <c r="V26" s="280">
        <v>10</v>
      </c>
      <c r="W26" s="277">
        <v>20</v>
      </c>
      <c r="X26" s="282">
        <v>20</v>
      </c>
    </row>
    <row r="27" spans="2:24" ht="21" customHeight="1" x14ac:dyDescent="0.2">
      <c r="B27" s="256" t="s">
        <v>25</v>
      </c>
      <c r="C27" s="280">
        <v>0</v>
      </c>
      <c r="D27" s="280">
        <v>0</v>
      </c>
      <c r="E27" s="277">
        <v>0</v>
      </c>
      <c r="F27" s="279">
        <v>0</v>
      </c>
      <c r="G27" s="280">
        <v>18</v>
      </c>
      <c r="H27" s="280">
        <v>4</v>
      </c>
      <c r="I27" s="280">
        <v>7</v>
      </c>
      <c r="J27" s="280">
        <v>0</v>
      </c>
      <c r="K27" s="280">
        <v>0</v>
      </c>
      <c r="L27" s="277">
        <v>29</v>
      </c>
      <c r="M27" s="282">
        <v>29</v>
      </c>
      <c r="N27" s="280">
        <v>0</v>
      </c>
      <c r="O27" s="280">
        <v>0</v>
      </c>
      <c r="P27" s="277">
        <v>0</v>
      </c>
      <c r="Q27" s="279">
        <v>0</v>
      </c>
      <c r="R27" s="280">
        <v>0</v>
      </c>
      <c r="S27" s="280">
        <v>0</v>
      </c>
      <c r="T27" s="280">
        <v>0</v>
      </c>
      <c r="U27" s="280">
        <v>0</v>
      </c>
      <c r="V27" s="280">
        <v>0</v>
      </c>
      <c r="W27" s="277">
        <v>0</v>
      </c>
      <c r="X27" s="282">
        <v>0</v>
      </c>
    </row>
    <row r="28" spans="2:24" ht="21" customHeight="1" x14ac:dyDescent="0.2">
      <c r="B28" s="256" t="s">
        <v>26</v>
      </c>
      <c r="C28" s="280">
        <v>0</v>
      </c>
      <c r="D28" s="280">
        <v>0</v>
      </c>
      <c r="E28" s="277">
        <v>0</v>
      </c>
      <c r="F28" s="279">
        <v>0</v>
      </c>
      <c r="G28" s="280">
        <v>14</v>
      </c>
      <c r="H28" s="280">
        <v>18</v>
      </c>
      <c r="I28" s="280">
        <v>0</v>
      </c>
      <c r="J28" s="280">
        <v>0</v>
      </c>
      <c r="K28" s="280">
        <v>0</v>
      </c>
      <c r="L28" s="277">
        <v>32</v>
      </c>
      <c r="M28" s="282">
        <v>32</v>
      </c>
      <c r="N28" s="280">
        <v>0</v>
      </c>
      <c r="O28" s="280">
        <v>0</v>
      </c>
      <c r="P28" s="277">
        <v>0</v>
      </c>
      <c r="Q28" s="279">
        <v>0</v>
      </c>
      <c r="R28" s="280">
        <v>0</v>
      </c>
      <c r="S28" s="280">
        <v>0</v>
      </c>
      <c r="T28" s="280">
        <v>0</v>
      </c>
      <c r="U28" s="280">
        <v>0</v>
      </c>
      <c r="V28" s="280">
        <v>0</v>
      </c>
      <c r="W28" s="277">
        <v>0</v>
      </c>
      <c r="X28" s="282">
        <v>0</v>
      </c>
    </row>
    <row r="29" spans="2:24" ht="21" customHeight="1" x14ac:dyDescent="0.2">
      <c r="B29" s="256" t="s">
        <v>27</v>
      </c>
      <c r="C29" s="280">
        <v>0</v>
      </c>
      <c r="D29" s="280">
        <v>0</v>
      </c>
      <c r="E29" s="277">
        <v>0</v>
      </c>
      <c r="F29" s="279">
        <v>0</v>
      </c>
      <c r="G29" s="280">
        <v>9</v>
      </c>
      <c r="H29" s="280">
        <v>7</v>
      </c>
      <c r="I29" s="280">
        <v>0</v>
      </c>
      <c r="J29" s="280">
        <v>0</v>
      </c>
      <c r="K29" s="280">
        <v>0</v>
      </c>
      <c r="L29" s="277">
        <v>16</v>
      </c>
      <c r="M29" s="282">
        <v>16</v>
      </c>
      <c r="N29" s="280">
        <v>0</v>
      </c>
      <c r="O29" s="280">
        <v>0</v>
      </c>
      <c r="P29" s="277">
        <v>0</v>
      </c>
      <c r="Q29" s="279">
        <v>0</v>
      </c>
      <c r="R29" s="280">
        <v>0</v>
      </c>
      <c r="S29" s="280">
        <v>0</v>
      </c>
      <c r="T29" s="280">
        <v>8</v>
      </c>
      <c r="U29" s="280">
        <v>0</v>
      </c>
      <c r="V29" s="280">
        <v>0</v>
      </c>
      <c r="W29" s="277">
        <v>8</v>
      </c>
      <c r="X29" s="282">
        <v>8</v>
      </c>
    </row>
    <row r="30" spans="2:24" ht="21" customHeight="1" x14ac:dyDescent="0.2">
      <c r="B30" s="256" t="s">
        <v>28</v>
      </c>
      <c r="C30" s="280">
        <v>0</v>
      </c>
      <c r="D30" s="280">
        <v>0</v>
      </c>
      <c r="E30" s="277">
        <v>0</v>
      </c>
      <c r="F30" s="279">
        <v>0</v>
      </c>
      <c r="G30" s="280">
        <v>37</v>
      </c>
      <c r="H30" s="280">
        <v>2</v>
      </c>
      <c r="I30" s="280">
        <v>0</v>
      </c>
      <c r="J30" s="280">
        <v>0</v>
      </c>
      <c r="K30" s="280">
        <v>0</v>
      </c>
      <c r="L30" s="277">
        <v>39</v>
      </c>
      <c r="M30" s="282">
        <v>39</v>
      </c>
      <c r="N30" s="280">
        <v>0</v>
      </c>
      <c r="O30" s="280">
        <v>0</v>
      </c>
      <c r="P30" s="277">
        <v>0</v>
      </c>
      <c r="Q30" s="279">
        <v>0</v>
      </c>
      <c r="R30" s="280">
        <v>0</v>
      </c>
      <c r="S30" s="280">
        <v>0</v>
      </c>
      <c r="T30" s="280">
        <v>0</v>
      </c>
      <c r="U30" s="280">
        <v>0</v>
      </c>
      <c r="V30" s="280">
        <v>0</v>
      </c>
      <c r="W30" s="277">
        <v>0</v>
      </c>
      <c r="X30" s="282">
        <v>0</v>
      </c>
    </row>
    <row r="31" spans="2:24" ht="21" customHeight="1" x14ac:dyDescent="0.2">
      <c r="B31" s="256" t="s">
        <v>29</v>
      </c>
      <c r="C31" s="280">
        <v>0</v>
      </c>
      <c r="D31" s="280">
        <v>0</v>
      </c>
      <c r="E31" s="277">
        <v>0</v>
      </c>
      <c r="F31" s="279">
        <v>0</v>
      </c>
      <c r="G31" s="280">
        <v>0</v>
      </c>
      <c r="H31" s="280">
        <v>4</v>
      </c>
      <c r="I31" s="280">
        <v>0</v>
      </c>
      <c r="J31" s="280">
        <v>0</v>
      </c>
      <c r="K31" s="280">
        <v>0</v>
      </c>
      <c r="L31" s="277">
        <v>4</v>
      </c>
      <c r="M31" s="282">
        <v>4</v>
      </c>
      <c r="N31" s="280">
        <v>0</v>
      </c>
      <c r="O31" s="280">
        <v>0</v>
      </c>
      <c r="P31" s="277">
        <v>0</v>
      </c>
      <c r="Q31" s="279">
        <v>0</v>
      </c>
      <c r="R31" s="280">
        <v>0</v>
      </c>
      <c r="S31" s="280">
        <v>0</v>
      </c>
      <c r="T31" s="280">
        <v>9</v>
      </c>
      <c r="U31" s="280">
        <v>0</v>
      </c>
      <c r="V31" s="280">
        <v>0</v>
      </c>
      <c r="W31" s="277">
        <v>9</v>
      </c>
      <c r="X31" s="282">
        <v>9</v>
      </c>
    </row>
    <row r="32" spans="2:24" ht="21" customHeight="1" x14ac:dyDescent="0.2">
      <c r="B32" s="256" t="s">
        <v>30</v>
      </c>
      <c r="C32" s="280">
        <v>0</v>
      </c>
      <c r="D32" s="280">
        <v>0</v>
      </c>
      <c r="E32" s="277">
        <v>0</v>
      </c>
      <c r="F32" s="279">
        <v>0</v>
      </c>
      <c r="G32" s="280">
        <v>11</v>
      </c>
      <c r="H32" s="280">
        <v>0</v>
      </c>
      <c r="I32" s="280">
        <v>0</v>
      </c>
      <c r="J32" s="280">
        <v>4</v>
      </c>
      <c r="K32" s="280">
        <v>0</v>
      </c>
      <c r="L32" s="277">
        <v>15</v>
      </c>
      <c r="M32" s="282">
        <v>15</v>
      </c>
      <c r="N32" s="280">
        <v>0</v>
      </c>
      <c r="O32" s="280">
        <v>0</v>
      </c>
      <c r="P32" s="277">
        <v>0</v>
      </c>
      <c r="Q32" s="279">
        <v>0</v>
      </c>
      <c r="R32" s="280">
        <v>0</v>
      </c>
      <c r="S32" s="280">
        <v>5</v>
      </c>
      <c r="T32" s="280">
        <v>0</v>
      </c>
      <c r="U32" s="280">
        <v>0</v>
      </c>
      <c r="V32" s="280">
        <v>0</v>
      </c>
      <c r="W32" s="277">
        <v>5</v>
      </c>
      <c r="X32" s="282">
        <v>5</v>
      </c>
    </row>
    <row r="33" spans="2:24" ht="21" customHeight="1" x14ac:dyDescent="0.2">
      <c r="B33" s="256" t="s">
        <v>31</v>
      </c>
      <c r="C33" s="280">
        <v>0</v>
      </c>
      <c r="D33" s="280">
        <v>0</v>
      </c>
      <c r="E33" s="277">
        <v>0</v>
      </c>
      <c r="F33" s="279">
        <v>0</v>
      </c>
      <c r="G33" s="280">
        <v>10</v>
      </c>
      <c r="H33" s="280">
        <v>4</v>
      </c>
      <c r="I33" s="280">
        <v>5</v>
      </c>
      <c r="J33" s="280">
        <v>0</v>
      </c>
      <c r="K33" s="280">
        <v>0</v>
      </c>
      <c r="L33" s="277">
        <v>19</v>
      </c>
      <c r="M33" s="282">
        <v>19</v>
      </c>
      <c r="N33" s="280">
        <v>0</v>
      </c>
      <c r="O33" s="280">
        <v>0</v>
      </c>
      <c r="P33" s="277">
        <v>0</v>
      </c>
      <c r="Q33" s="279">
        <v>0</v>
      </c>
      <c r="R33" s="280">
        <v>0</v>
      </c>
      <c r="S33" s="280">
        <v>0</v>
      </c>
      <c r="T33" s="280">
        <v>0</v>
      </c>
      <c r="U33" s="280">
        <v>0</v>
      </c>
      <c r="V33" s="280">
        <v>0</v>
      </c>
      <c r="W33" s="277">
        <v>0</v>
      </c>
      <c r="X33" s="282">
        <v>0</v>
      </c>
    </row>
    <row r="34" spans="2:24" ht="21" customHeight="1" x14ac:dyDescent="0.2">
      <c r="B34" s="256" t="s">
        <v>32</v>
      </c>
      <c r="C34" s="280">
        <v>0</v>
      </c>
      <c r="D34" s="280">
        <v>0</v>
      </c>
      <c r="E34" s="277">
        <v>0</v>
      </c>
      <c r="F34" s="279">
        <v>0</v>
      </c>
      <c r="G34" s="280">
        <v>0</v>
      </c>
      <c r="H34" s="280">
        <v>3</v>
      </c>
      <c r="I34" s="280">
        <v>5</v>
      </c>
      <c r="J34" s="280">
        <v>0</v>
      </c>
      <c r="K34" s="280">
        <v>0</v>
      </c>
      <c r="L34" s="277">
        <v>8</v>
      </c>
      <c r="M34" s="282">
        <v>8</v>
      </c>
      <c r="N34" s="280">
        <v>0</v>
      </c>
      <c r="O34" s="280">
        <v>0</v>
      </c>
      <c r="P34" s="277">
        <v>0</v>
      </c>
      <c r="Q34" s="279">
        <v>0</v>
      </c>
      <c r="R34" s="280">
        <v>9</v>
      </c>
      <c r="S34" s="280">
        <v>0</v>
      </c>
      <c r="T34" s="280">
        <v>0</v>
      </c>
      <c r="U34" s="280">
        <v>0</v>
      </c>
      <c r="V34" s="280">
        <v>0</v>
      </c>
      <c r="W34" s="277">
        <v>9</v>
      </c>
      <c r="X34" s="282">
        <v>9</v>
      </c>
    </row>
    <row r="35" spans="2:24" ht="21" customHeight="1" x14ac:dyDescent="0.2">
      <c r="B35" s="256" t="s">
        <v>33</v>
      </c>
      <c r="C35" s="280">
        <v>0</v>
      </c>
      <c r="D35" s="280">
        <v>0</v>
      </c>
      <c r="E35" s="277">
        <v>0</v>
      </c>
      <c r="F35" s="279">
        <v>0</v>
      </c>
      <c r="G35" s="280">
        <v>7</v>
      </c>
      <c r="H35" s="280">
        <v>0</v>
      </c>
      <c r="I35" s="280">
        <v>13</v>
      </c>
      <c r="J35" s="280">
        <v>0</v>
      </c>
      <c r="K35" s="280">
        <v>0</v>
      </c>
      <c r="L35" s="277">
        <v>20</v>
      </c>
      <c r="M35" s="282">
        <v>20</v>
      </c>
      <c r="N35" s="280">
        <v>0</v>
      </c>
      <c r="O35" s="280">
        <v>0</v>
      </c>
      <c r="P35" s="277">
        <v>0</v>
      </c>
      <c r="Q35" s="279">
        <v>0</v>
      </c>
      <c r="R35" s="280">
        <v>0</v>
      </c>
      <c r="S35" s="280">
        <v>0</v>
      </c>
      <c r="T35" s="280">
        <v>0</v>
      </c>
      <c r="U35" s="280">
        <v>0</v>
      </c>
      <c r="V35" s="280">
        <v>0</v>
      </c>
      <c r="W35" s="277">
        <v>0</v>
      </c>
      <c r="X35" s="282">
        <v>0</v>
      </c>
    </row>
    <row r="36" spans="2:24" ht="21" customHeight="1" x14ac:dyDescent="0.2">
      <c r="B36" s="256" t="s">
        <v>34</v>
      </c>
      <c r="C36" s="280">
        <v>0</v>
      </c>
      <c r="D36" s="280">
        <v>0</v>
      </c>
      <c r="E36" s="277">
        <v>0</v>
      </c>
      <c r="F36" s="279">
        <v>0</v>
      </c>
      <c r="G36" s="280">
        <v>0</v>
      </c>
      <c r="H36" s="280">
        <v>0</v>
      </c>
      <c r="I36" s="280">
        <v>0</v>
      </c>
      <c r="J36" s="280">
        <v>0</v>
      </c>
      <c r="K36" s="280">
        <v>0</v>
      </c>
      <c r="L36" s="277">
        <v>0</v>
      </c>
      <c r="M36" s="282">
        <v>0</v>
      </c>
      <c r="N36" s="280">
        <v>0</v>
      </c>
      <c r="O36" s="280">
        <v>0</v>
      </c>
      <c r="P36" s="277">
        <v>0</v>
      </c>
      <c r="Q36" s="279">
        <v>0</v>
      </c>
      <c r="R36" s="280">
        <v>0</v>
      </c>
      <c r="S36" s="280">
        <v>0</v>
      </c>
      <c r="T36" s="280">
        <v>0</v>
      </c>
      <c r="U36" s="280">
        <v>0</v>
      </c>
      <c r="V36" s="280">
        <v>0</v>
      </c>
      <c r="W36" s="277">
        <v>0</v>
      </c>
      <c r="X36" s="282">
        <v>0</v>
      </c>
    </row>
    <row r="37" spans="2:24" ht="21" customHeight="1" x14ac:dyDescent="0.2">
      <c r="B37" s="256" t="s">
        <v>35</v>
      </c>
      <c r="C37" s="280">
        <v>0</v>
      </c>
      <c r="D37" s="280">
        <v>0</v>
      </c>
      <c r="E37" s="277">
        <v>0</v>
      </c>
      <c r="F37" s="279">
        <v>0</v>
      </c>
      <c r="G37" s="280">
        <v>9</v>
      </c>
      <c r="H37" s="280">
        <v>0</v>
      </c>
      <c r="I37" s="280">
        <v>0</v>
      </c>
      <c r="J37" s="280">
        <v>0</v>
      </c>
      <c r="K37" s="280">
        <v>0</v>
      </c>
      <c r="L37" s="277">
        <v>9</v>
      </c>
      <c r="M37" s="282">
        <v>9</v>
      </c>
      <c r="N37" s="280">
        <v>0</v>
      </c>
      <c r="O37" s="280">
        <v>0</v>
      </c>
      <c r="P37" s="277">
        <v>0</v>
      </c>
      <c r="Q37" s="279">
        <v>0</v>
      </c>
      <c r="R37" s="280">
        <v>0</v>
      </c>
      <c r="S37" s="280">
        <v>0</v>
      </c>
      <c r="T37" s="280">
        <v>0</v>
      </c>
      <c r="U37" s="280">
        <v>0</v>
      </c>
      <c r="V37" s="280">
        <v>0</v>
      </c>
      <c r="W37" s="277">
        <v>0</v>
      </c>
      <c r="X37" s="282">
        <v>0</v>
      </c>
    </row>
    <row r="38" spans="2:24" ht="21" customHeight="1" x14ac:dyDescent="0.2">
      <c r="B38" s="256" t="s">
        <v>36</v>
      </c>
      <c r="C38" s="280">
        <v>0</v>
      </c>
      <c r="D38" s="280">
        <v>0</v>
      </c>
      <c r="E38" s="277">
        <v>0</v>
      </c>
      <c r="F38" s="279">
        <v>0</v>
      </c>
      <c r="G38" s="280">
        <v>4</v>
      </c>
      <c r="H38" s="280">
        <v>1</v>
      </c>
      <c r="I38" s="280">
        <v>0</v>
      </c>
      <c r="J38" s="280">
        <v>7</v>
      </c>
      <c r="K38" s="280">
        <v>0</v>
      </c>
      <c r="L38" s="277">
        <v>12</v>
      </c>
      <c r="M38" s="282">
        <v>12</v>
      </c>
      <c r="N38" s="280">
        <v>0</v>
      </c>
      <c r="O38" s="280">
        <v>0</v>
      </c>
      <c r="P38" s="277">
        <v>0</v>
      </c>
      <c r="Q38" s="279">
        <v>0</v>
      </c>
      <c r="R38" s="280">
        <v>0</v>
      </c>
      <c r="S38" s="280">
        <v>0</v>
      </c>
      <c r="T38" s="280">
        <v>0</v>
      </c>
      <c r="U38" s="280">
        <v>0</v>
      </c>
      <c r="V38" s="280">
        <v>0</v>
      </c>
      <c r="W38" s="277">
        <v>0</v>
      </c>
      <c r="X38" s="282">
        <v>0</v>
      </c>
    </row>
    <row r="39" spans="2:24" ht="21" customHeight="1" thickBot="1" x14ac:dyDescent="0.25">
      <c r="B39" s="257" t="s">
        <v>37</v>
      </c>
      <c r="C39" s="287">
        <v>0</v>
      </c>
      <c r="D39" s="287">
        <v>0</v>
      </c>
      <c r="E39" s="284">
        <v>0</v>
      </c>
      <c r="F39" s="286">
        <v>0</v>
      </c>
      <c r="G39" s="287">
        <v>0</v>
      </c>
      <c r="H39" s="287">
        <v>0</v>
      </c>
      <c r="I39" s="287">
        <v>0</v>
      </c>
      <c r="J39" s="287">
        <v>0</v>
      </c>
      <c r="K39" s="287">
        <v>10</v>
      </c>
      <c r="L39" s="284">
        <v>10</v>
      </c>
      <c r="M39" s="289">
        <v>10</v>
      </c>
      <c r="N39" s="287">
        <v>0</v>
      </c>
      <c r="O39" s="287">
        <v>0</v>
      </c>
      <c r="P39" s="284">
        <v>0</v>
      </c>
      <c r="Q39" s="286">
        <v>0</v>
      </c>
      <c r="R39" s="287">
        <v>0</v>
      </c>
      <c r="S39" s="287">
        <v>0</v>
      </c>
      <c r="T39" s="287">
        <v>0</v>
      </c>
      <c r="U39" s="287">
        <v>0</v>
      </c>
      <c r="V39" s="287">
        <v>0</v>
      </c>
      <c r="W39" s="284">
        <v>0</v>
      </c>
      <c r="X39" s="289">
        <v>0</v>
      </c>
    </row>
  </sheetData>
  <mergeCells count="11">
    <mergeCell ref="X4:X5"/>
    <mergeCell ref="H1:I1"/>
    <mergeCell ref="K1:L1"/>
    <mergeCell ref="B3:B5"/>
    <mergeCell ref="C3:M3"/>
    <mergeCell ref="N3:X3"/>
    <mergeCell ref="C4:E4"/>
    <mergeCell ref="F4:L4"/>
    <mergeCell ref="M4:M5"/>
    <mergeCell ref="N4:P4"/>
    <mergeCell ref="Q4:W4"/>
  </mergeCells>
  <phoneticPr fontId="4"/>
  <pageMargins left="0.70866141732283472" right="0.70866141732283472" top="0.74803149606299213" bottom="0.74803149606299213" header="0.31496062992125984" footer="0.31496062992125984"/>
  <pageSetup paperSize="9" scale="80" orientation="portrait" r:id="rId1"/>
  <headerFooter>
    <oddFooter>&amp;L&amp;20&amp;A&amp;C&amp;P/&amp;N</oddFooter>
  </headerFooter>
</worksheet>
</file>

<file path=xl/worksheets/sheet1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6"/>
  </sheetPr>
  <dimension ref="A1:EC219"/>
  <sheetViews>
    <sheetView zoomScaleNormal="100" zoomScaleSheetLayoutView="55" workbookViewId="0">
      <pane xSplit="2" ySplit="7" topLeftCell="C8" activePane="bottomRight" state="frozen"/>
      <selection activeCell="F37" sqref="F37"/>
      <selection pane="topRight" activeCell="F37" sqref="F37"/>
      <selection pane="bottomLeft" activeCell="F37" sqref="F37"/>
      <selection pane="bottomRight" activeCell="B1" sqref="B1"/>
    </sheetView>
  </sheetViews>
  <sheetFormatPr defaultColWidth="9" defaultRowHeight="13.2" x14ac:dyDescent="0.2"/>
  <cols>
    <col min="1" max="1" width="2.77734375" style="44" customWidth="1"/>
    <col min="2" max="3" width="9" style="1" customWidth="1"/>
    <col min="4" max="4" width="8.109375" style="1" customWidth="1"/>
    <col min="5" max="5" width="10.109375" style="1" bestFit="1" customWidth="1"/>
    <col min="6" max="9" width="9" style="1"/>
    <col min="10" max="10" width="9.6640625" style="1" bestFit="1" customWidth="1"/>
    <col min="11" max="11" width="9" style="1"/>
    <col min="12" max="12" width="9.6640625" style="1" customWidth="1"/>
    <col min="13" max="15" width="8.109375" style="1" customWidth="1"/>
    <col min="16" max="21" width="9.21875" style="1" customWidth="1"/>
    <col min="22" max="22" width="7.77734375" style="1" customWidth="1"/>
    <col min="23" max="25" width="8.33203125" style="1" customWidth="1"/>
    <col min="26" max="30" width="8.44140625" style="1" customWidth="1"/>
    <col min="31" max="32" width="7.109375" style="1" customWidth="1"/>
    <col min="33" max="42" width="8.77734375" style="1" customWidth="1"/>
    <col min="43" max="52" width="8.44140625" style="1" customWidth="1"/>
    <col min="53" max="132" width="9.6640625" style="1" customWidth="1"/>
    <col min="133" max="16384" width="9" style="1"/>
  </cols>
  <sheetData>
    <row r="1" spans="2:133" ht="24" customHeight="1" x14ac:dyDescent="0.2">
      <c r="B1" s="20" t="s">
        <v>56</v>
      </c>
      <c r="H1" s="524">
        <f>第１表!F2</f>
        <v>5</v>
      </c>
      <c r="I1" s="524"/>
      <c r="J1" s="248">
        <f>第１表!G2</f>
        <v>2</v>
      </c>
      <c r="K1" s="555">
        <f>IF(J1&lt;3,J1-2+12,J1-2)</f>
        <v>12</v>
      </c>
      <c r="L1" s="555"/>
    </row>
    <row r="2" spans="2:133" ht="24" customHeight="1" thickBot="1" x14ac:dyDescent="0.25"/>
    <row r="3" spans="2:133" ht="21" customHeight="1" thickBot="1" x14ac:dyDescent="0.25">
      <c r="B3" s="573"/>
      <c r="C3" s="576" t="s">
        <v>57</v>
      </c>
      <c r="D3" s="577"/>
      <c r="E3" s="577"/>
      <c r="F3" s="577"/>
      <c r="G3" s="577"/>
      <c r="H3" s="577"/>
      <c r="I3" s="577"/>
      <c r="J3" s="577"/>
      <c r="K3" s="577"/>
      <c r="L3" s="577"/>
      <c r="M3" s="577"/>
      <c r="N3" s="577"/>
      <c r="O3" s="577"/>
      <c r="P3" s="577"/>
      <c r="Q3" s="577"/>
      <c r="R3" s="577"/>
      <c r="S3" s="577"/>
      <c r="T3" s="577"/>
      <c r="U3" s="577"/>
      <c r="V3" s="577"/>
      <c r="W3" s="577"/>
      <c r="X3" s="577"/>
      <c r="Y3" s="577"/>
      <c r="Z3" s="577"/>
      <c r="AA3" s="577"/>
      <c r="AB3" s="577"/>
      <c r="AC3" s="577"/>
      <c r="AD3" s="577"/>
      <c r="AE3" s="577"/>
      <c r="AF3" s="578"/>
      <c r="AG3" s="576" t="s">
        <v>58</v>
      </c>
      <c r="AH3" s="579"/>
      <c r="AI3" s="579"/>
      <c r="AJ3" s="579"/>
      <c r="AK3" s="579"/>
      <c r="AL3" s="579"/>
      <c r="AM3" s="579"/>
      <c r="AN3" s="579"/>
      <c r="AO3" s="579"/>
      <c r="AP3" s="579"/>
      <c r="AQ3" s="579"/>
      <c r="AR3" s="579"/>
      <c r="AS3" s="579"/>
      <c r="AT3" s="579"/>
      <c r="AU3" s="579"/>
      <c r="AV3" s="579"/>
      <c r="AW3" s="579"/>
      <c r="AX3" s="579"/>
      <c r="AY3" s="579"/>
      <c r="AZ3" s="579"/>
      <c r="BA3" s="579"/>
      <c r="BB3" s="579"/>
      <c r="BC3" s="579"/>
      <c r="BD3" s="579"/>
      <c r="BE3" s="579"/>
      <c r="BF3" s="579"/>
      <c r="BG3" s="579"/>
      <c r="BH3" s="579"/>
      <c r="BI3" s="579"/>
      <c r="BJ3" s="580"/>
      <c r="BK3" s="576" t="s">
        <v>59</v>
      </c>
      <c r="BL3" s="577"/>
      <c r="BM3" s="577"/>
      <c r="BN3" s="577"/>
      <c r="BO3" s="577"/>
      <c r="BP3" s="577"/>
      <c r="BQ3" s="577"/>
      <c r="BR3" s="577"/>
      <c r="BS3" s="577"/>
      <c r="BT3" s="577"/>
      <c r="BU3" s="577"/>
      <c r="BV3" s="577"/>
      <c r="BW3" s="577"/>
      <c r="BX3" s="577"/>
      <c r="BY3" s="577"/>
      <c r="BZ3" s="577"/>
      <c r="CA3" s="577"/>
      <c r="CB3" s="577"/>
      <c r="CC3" s="577"/>
      <c r="CD3" s="577"/>
      <c r="CE3" s="577"/>
      <c r="CF3" s="577"/>
      <c r="CG3" s="577"/>
      <c r="CH3" s="577"/>
      <c r="CI3" s="577"/>
      <c r="CJ3" s="577"/>
      <c r="CK3" s="577"/>
      <c r="CL3" s="577"/>
      <c r="CM3" s="577"/>
      <c r="CN3" s="578"/>
      <c r="CO3" s="605" t="s">
        <v>151</v>
      </c>
      <c r="CP3" s="577"/>
      <c r="CQ3" s="577"/>
      <c r="CR3" s="577"/>
      <c r="CS3" s="577"/>
      <c r="CT3" s="577"/>
      <c r="CU3" s="577"/>
      <c r="CV3" s="577"/>
      <c r="CW3" s="577"/>
      <c r="CX3" s="577"/>
      <c r="CY3" s="577"/>
      <c r="CZ3" s="577"/>
      <c r="DA3" s="577"/>
      <c r="DB3" s="577"/>
      <c r="DC3" s="577"/>
      <c r="DD3" s="577"/>
      <c r="DE3" s="577"/>
      <c r="DF3" s="577"/>
      <c r="DG3" s="577"/>
      <c r="DH3" s="577"/>
      <c r="DI3" s="577"/>
      <c r="DJ3" s="577"/>
      <c r="DK3" s="577"/>
      <c r="DL3" s="577"/>
      <c r="DM3" s="577"/>
      <c r="DN3" s="577"/>
      <c r="DO3" s="577"/>
      <c r="DP3" s="577"/>
      <c r="DQ3" s="577"/>
      <c r="DR3" s="578"/>
      <c r="DS3" s="599" t="s">
        <v>60</v>
      </c>
      <c r="DT3" s="504"/>
      <c r="DU3" s="504"/>
      <c r="DV3" s="504"/>
      <c r="DW3" s="504"/>
      <c r="DX3" s="504"/>
      <c r="DY3" s="504"/>
      <c r="DZ3" s="504"/>
      <c r="EA3" s="504"/>
      <c r="EB3" s="505"/>
    </row>
    <row r="4" spans="2:133" ht="21" customHeight="1" thickBot="1" x14ac:dyDescent="0.25">
      <c r="B4" s="574"/>
      <c r="C4" s="600"/>
      <c r="D4" s="593"/>
      <c r="E4" s="593"/>
      <c r="F4" s="593"/>
      <c r="G4" s="593"/>
      <c r="H4" s="593"/>
      <c r="I4" s="593"/>
      <c r="J4" s="593"/>
      <c r="K4" s="593"/>
      <c r="L4" s="593"/>
      <c r="M4" s="602" t="s">
        <v>39</v>
      </c>
      <c r="N4" s="603"/>
      <c r="O4" s="603"/>
      <c r="P4" s="603"/>
      <c r="Q4" s="603"/>
      <c r="R4" s="603"/>
      <c r="S4" s="603"/>
      <c r="T4" s="603"/>
      <c r="U4" s="603"/>
      <c r="V4" s="604"/>
      <c r="W4" s="602" t="s">
        <v>40</v>
      </c>
      <c r="X4" s="603"/>
      <c r="Y4" s="603"/>
      <c r="Z4" s="603"/>
      <c r="AA4" s="603"/>
      <c r="AB4" s="603"/>
      <c r="AC4" s="603"/>
      <c r="AD4" s="603"/>
      <c r="AE4" s="603"/>
      <c r="AF4" s="604"/>
      <c r="AG4" s="600"/>
      <c r="AH4" s="593"/>
      <c r="AI4" s="593"/>
      <c r="AJ4" s="593"/>
      <c r="AK4" s="593"/>
      <c r="AL4" s="593"/>
      <c r="AM4" s="593"/>
      <c r="AN4" s="593"/>
      <c r="AO4" s="593"/>
      <c r="AP4" s="593"/>
      <c r="AQ4" s="602" t="s">
        <v>39</v>
      </c>
      <c r="AR4" s="603"/>
      <c r="AS4" s="603"/>
      <c r="AT4" s="603"/>
      <c r="AU4" s="603"/>
      <c r="AV4" s="603"/>
      <c r="AW4" s="603"/>
      <c r="AX4" s="603"/>
      <c r="AY4" s="603"/>
      <c r="AZ4" s="604"/>
      <c r="BA4" s="602" t="s">
        <v>40</v>
      </c>
      <c r="BB4" s="603"/>
      <c r="BC4" s="603"/>
      <c r="BD4" s="603"/>
      <c r="BE4" s="603"/>
      <c r="BF4" s="603"/>
      <c r="BG4" s="603"/>
      <c r="BH4" s="603"/>
      <c r="BI4" s="603"/>
      <c r="BJ4" s="604"/>
      <c r="BK4" s="600"/>
      <c r="BL4" s="593"/>
      <c r="BM4" s="593"/>
      <c r="BN4" s="593"/>
      <c r="BO4" s="593"/>
      <c r="BP4" s="593"/>
      <c r="BQ4" s="593"/>
      <c r="BR4" s="593"/>
      <c r="BS4" s="593"/>
      <c r="BT4" s="593"/>
      <c r="BU4" s="602" t="s">
        <v>39</v>
      </c>
      <c r="BV4" s="603"/>
      <c r="BW4" s="603"/>
      <c r="BX4" s="603"/>
      <c r="BY4" s="603"/>
      <c r="BZ4" s="603"/>
      <c r="CA4" s="603"/>
      <c r="CB4" s="603"/>
      <c r="CC4" s="603"/>
      <c r="CD4" s="604"/>
      <c r="CE4" s="602" t="s">
        <v>40</v>
      </c>
      <c r="CF4" s="603"/>
      <c r="CG4" s="603"/>
      <c r="CH4" s="603"/>
      <c r="CI4" s="603"/>
      <c r="CJ4" s="603"/>
      <c r="CK4" s="603"/>
      <c r="CL4" s="603"/>
      <c r="CM4" s="603"/>
      <c r="CN4" s="604"/>
      <c r="CO4" s="600"/>
      <c r="CP4" s="593"/>
      <c r="CQ4" s="593"/>
      <c r="CR4" s="593"/>
      <c r="CS4" s="593"/>
      <c r="CT4" s="593"/>
      <c r="CU4" s="593"/>
      <c r="CV4" s="593"/>
      <c r="CW4" s="593"/>
      <c r="CX4" s="593"/>
      <c r="CY4" s="602" t="s">
        <v>39</v>
      </c>
      <c r="CZ4" s="603"/>
      <c r="DA4" s="603"/>
      <c r="DB4" s="603"/>
      <c r="DC4" s="603"/>
      <c r="DD4" s="603"/>
      <c r="DE4" s="603"/>
      <c r="DF4" s="603"/>
      <c r="DG4" s="603"/>
      <c r="DH4" s="604"/>
      <c r="DI4" s="602" t="s">
        <v>40</v>
      </c>
      <c r="DJ4" s="603"/>
      <c r="DK4" s="603"/>
      <c r="DL4" s="603"/>
      <c r="DM4" s="603"/>
      <c r="DN4" s="603"/>
      <c r="DO4" s="603"/>
      <c r="DP4" s="603"/>
      <c r="DQ4" s="603"/>
      <c r="DR4" s="604"/>
      <c r="DS4" s="600"/>
      <c r="DT4" s="593"/>
      <c r="DU4" s="593"/>
      <c r="DV4" s="593"/>
      <c r="DW4" s="593"/>
      <c r="DX4" s="593"/>
      <c r="DY4" s="593"/>
      <c r="DZ4" s="593"/>
      <c r="EA4" s="593"/>
      <c r="EB4" s="601"/>
    </row>
    <row r="5" spans="2:133" ht="21" customHeight="1" x14ac:dyDescent="0.2">
      <c r="B5" s="575"/>
      <c r="C5" s="581" t="s">
        <v>61</v>
      </c>
      <c r="D5" s="582"/>
      <c r="E5" s="583"/>
      <c r="F5" s="584" t="s">
        <v>62</v>
      </c>
      <c r="G5" s="585"/>
      <c r="H5" s="585"/>
      <c r="I5" s="585"/>
      <c r="J5" s="585"/>
      <c r="K5" s="586"/>
      <c r="L5" s="597" t="s">
        <v>52</v>
      </c>
      <c r="M5" s="589" t="s">
        <v>61</v>
      </c>
      <c r="N5" s="590"/>
      <c r="O5" s="591"/>
      <c r="P5" s="592" t="s">
        <v>62</v>
      </c>
      <c r="Q5" s="593"/>
      <c r="R5" s="593"/>
      <c r="S5" s="593"/>
      <c r="T5" s="593"/>
      <c r="U5" s="594"/>
      <c r="V5" s="598" t="s">
        <v>52</v>
      </c>
      <c r="W5" s="606" t="s">
        <v>61</v>
      </c>
      <c r="X5" s="590"/>
      <c r="Y5" s="591"/>
      <c r="Z5" s="592" t="s">
        <v>62</v>
      </c>
      <c r="AA5" s="593"/>
      <c r="AB5" s="593"/>
      <c r="AC5" s="593"/>
      <c r="AD5" s="593"/>
      <c r="AE5" s="594"/>
      <c r="AF5" s="598" t="s">
        <v>52</v>
      </c>
      <c r="AG5" s="581" t="s">
        <v>61</v>
      </c>
      <c r="AH5" s="582"/>
      <c r="AI5" s="583"/>
      <c r="AJ5" s="584" t="s">
        <v>62</v>
      </c>
      <c r="AK5" s="585"/>
      <c r="AL5" s="585"/>
      <c r="AM5" s="585"/>
      <c r="AN5" s="585"/>
      <c r="AO5" s="586"/>
      <c r="AP5" s="587" t="s">
        <v>52</v>
      </c>
      <c r="AQ5" s="589" t="s">
        <v>61</v>
      </c>
      <c r="AR5" s="590"/>
      <c r="AS5" s="591"/>
      <c r="AT5" s="592" t="s">
        <v>62</v>
      </c>
      <c r="AU5" s="593"/>
      <c r="AV5" s="593"/>
      <c r="AW5" s="593"/>
      <c r="AX5" s="593"/>
      <c r="AY5" s="594"/>
      <c r="AZ5" s="595" t="s">
        <v>52</v>
      </c>
      <c r="BA5" s="589" t="s">
        <v>61</v>
      </c>
      <c r="BB5" s="590"/>
      <c r="BC5" s="591"/>
      <c r="BD5" s="592" t="s">
        <v>62</v>
      </c>
      <c r="BE5" s="593"/>
      <c r="BF5" s="593"/>
      <c r="BG5" s="593"/>
      <c r="BH5" s="593"/>
      <c r="BI5" s="594"/>
      <c r="BJ5" s="598" t="s">
        <v>52</v>
      </c>
      <c r="BK5" s="581" t="s">
        <v>61</v>
      </c>
      <c r="BL5" s="582"/>
      <c r="BM5" s="583"/>
      <c r="BN5" s="584" t="s">
        <v>62</v>
      </c>
      <c r="BO5" s="585"/>
      <c r="BP5" s="585"/>
      <c r="BQ5" s="585"/>
      <c r="BR5" s="585"/>
      <c r="BS5" s="586"/>
      <c r="BT5" s="597" t="s">
        <v>52</v>
      </c>
      <c r="BU5" s="589" t="s">
        <v>61</v>
      </c>
      <c r="BV5" s="590"/>
      <c r="BW5" s="591"/>
      <c r="BX5" s="592" t="s">
        <v>62</v>
      </c>
      <c r="BY5" s="593"/>
      <c r="BZ5" s="593"/>
      <c r="CA5" s="593"/>
      <c r="CB5" s="593"/>
      <c r="CC5" s="594"/>
      <c r="CD5" s="598" t="s">
        <v>52</v>
      </c>
      <c r="CE5" s="606" t="s">
        <v>61</v>
      </c>
      <c r="CF5" s="590"/>
      <c r="CG5" s="591"/>
      <c r="CH5" s="592" t="s">
        <v>62</v>
      </c>
      <c r="CI5" s="593"/>
      <c r="CJ5" s="593"/>
      <c r="CK5" s="593"/>
      <c r="CL5" s="593"/>
      <c r="CM5" s="594"/>
      <c r="CN5" s="598" t="s">
        <v>52</v>
      </c>
      <c r="CO5" s="581" t="s">
        <v>61</v>
      </c>
      <c r="CP5" s="582"/>
      <c r="CQ5" s="583"/>
      <c r="CR5" s="584" t="s">
        <v>62</v>
      </c>
      <c r="CS5" s="585"/>
      <c r="CT5" s="585"/>
      <c r="CU5" s="585"/>
      <c r="CV5" s="585"/>
      <c r="CW5" s="586"/>
      <c r="CX5" s="597" t="s">
        <v>52</v>
      </c>
      <c r="CY5" s="589" t="s">
        <v>61</v>
      </c>
      <c r="CZ5" s="590"/>
      <c r="DA5" s="591"/>
      <c r="DB5" s="592" t="s">
        <v>62</v>
      </c>
      <c r="DC5" s="593"/>
      <c r="DD5" s="593"/>
      <c r="DE5" s="593"/>
      <c r="DF5" s="593"/>
      <c r="DG5" s="594"/>
      <c r="DH5" s="598" t="s">
        <v>52</v>
      </c>
      <c r="DI5" s="606" t="s">
        <v>61</v>
      </c>
      <c r="DJ5" s="590"/>
      <c r="DK5" s="591"/>
      <c r="DL5" s="592" t="s">
        <v>62</v>
      </c>
      <c r="DM5" s="593"/>
      <c r="DN5" s="593"/>
      <c r="DO5" s="593"/>
      <c r="DP5" s="593"/>
      <c r="DQ5" s="594"/>
      <c r="DR5" s="598" t="s">
        <v>52</v>
      </c>
      <c r="DS5" s="581" t="s">
        <v>61</v>
      </c>
      <c r="DT5" s="582"/>
      <c r="DU5" s="583"/>
      <c r="DV5" s="584" t="s">
        <v>62</v>
      </c>
      <c r="DW5" s="585"/>
      <c r="DX5" s="585"/>
      <c r="DY5" s="585"/>
      <c r="DZ5" s="585"/>
      <c r="EA5" s="586"/>
      <c r="EB5" s="587" t="s">
        <v>52</v>
      </c>
    </row>
    <row r="6" spans="2:133" ht="30" customHeight="1" thickBot="1" x14ac:dyDescent="0.25">
      <c r="B6" s="313" t="s">
        <v>42</v>
      </c>
      <c r="C6" s="31" t="s">
        <v>43</v>
      </c>
      <c r="D6" s="32" t="s">
        <v>44</v>
      </c>
      <c r="E6" s="32" t="s">
        <v>45</v>
      </c>
      <c r="F6" s="33" t="s">
        <v>47</v>
      </c>
      <c r="G6" s="34" t="s">
        <v>48</v>
      </c>
      <c r="H6" s="34" t="s">
        <v>49</v>
      </c>
      <c r="I6" s="35" t="s">
        <v>50</v>
      </c>
      <c r="J6" s="32" t="s">
        <v>51</v>
      </c>
      <c r="K6" s="36" t="s">
        <v>95</v>
      </c>
      <c r="L6" s="596"/>
      <c r="M6" s="31" t="s">
        <v>43</v>
      </c>
      <c r="N6" s="32" t="s">
        <v>44</v>
      </c>
      <c r="O6" s="36" t="s">
        <v>45</v>
      </c>
      <c r="P6" s="33" t="s">
        <v>47</v>
      </c>
      <c r="Q6" s="34" t="s">
        <v>48</v>
      </c>
      <c r="R6" s="34" t="s">
        <v>49</v>
      </c>
      <c r="S6" s="35" t="s">
        <v>50</v>
      </c>
      <c r="T6" s="32" t="s">
        <v>51</v>
      </c>
      <c r="U6" s="36" t="s">
        <v>45</v>
      </c>
      <c r="V6" s="588"/>
      <c r="W6" s="15" t="s">
        <v>43</v>
      </c>
      <c r="X6" s="32" t="s">
        <v>44</v>
      </c>
      <c r="Y6" s="36" t="s">
        <v>45</v>
      </c>
      <c r="Z6" s="15" t="s">
        <v>47</v>
      </c>
      <c r="AA6" s="34" t="s">
        <v>48</v>
      </c>
      <c r="AB6" s="34" t="s">
        <v>49</v>
      </c>
      <c r="AC6" s="35" t="s">
        <v>50</v>
      </c>
      <c r="AD6" s="32" t="s">
        <v>51</v>
      </c>
      <c r="AE6" s="36" t="s">
        <v>45</v>
      </c>
      <c r="AF6" s="588"/>
      <c r="AG6" s="31" t="s">
        <v>43</v>
      </c>
      <c r="AH6" s="32" t="s">
        <v>44</v>
      </c>
      <c r="AI6" s="36" t="s">
        <v>45</v>
      </c>
      <c r="AJ6" s="15" t="s">
        <v>47</v>
      </c>
      <c r="AK6" s="34" t="s">
        <v>48</v>
      </c>
      <c r="AL6" s="34" t="s">
        <v>49</v>
      </c>
      <c r="AM6" s="35" t="s">
        <v>50</v>
      </c>
      <c r="AN6" s="32" t="s">
        <v>51</v>
      </c>
      <c r="AO6" s="36" t="s">
        <v>45</v>
      </c>
      <c r="AP6" s="588"/>
      <c r="AQ6" s="31" t="s">
        <v>43</v>
      </c>
      <c r="AR6" s="32" t="s">
        <v>44</v>
      </c>
      <c r="AS6" s="36" t="s">
        <v>45</v>
      </c>
      <c r="AT6" s="33" t="s">
        <v>47</v>
      </c>
      <c r="AU6" s="34" t="s">
        <v>48</v>
      </c>
      <c r="AV6" s="34" t="s">
        <v>49</v>
      </c>
      <c r="AW6" s="35" t="s">
        <v>50</v>
      </c>
      <c r="AX6" s="32" t="s">
        <v>51</v>
      </c>
      <c r="AY6" s="36" t="s">
        <v>45</v>
      </c>
      <c r="AZ6" s="596"/>
      <c r="BA6" s="31" t="s">
        <v>43</v>
      </c>
      <c r="BB6" s="32" t="s">
        <v>44</v>
      </c>
      <c r="BC6" s="32" t="s">
        <v>45</v>
      </c>
      <c r="BD6" s="33" t="s">
        <v>47</v>
      </c>
      <c r="BE6" s="34" t="s">
        <v>48</v>
      </c>
      <c r="BF6" s="34" t="s">
        <v>49</v>
      </c>
      <c r="BG6" s="35" t="s">
        <v>50</v>
      </c>
      <c r="BH6" s="32" t="s">
        <v>51</v>
      </c>
      <c r="BI6" s="36" t="s">
        <v>45</v>
      </c>
      <c r="BJ6" s="588"/>
      <c r="BK6" s="31" t="s">
        <v>43</v>
      </c>
      <c r="BL6" s="32" t="s">
        <v>44</v>
      </c>
      <c r="BM6" s="32" t="s">
        <v>45</v>
      </c>
      <c r="BN6" s="33" t="s">
        <v>47</v>
      </c>
      <c r="BO6" s="34" t="s">
        <v>48</v>
      </c>
      <c r="BP6" s="34" t="s">
        <v>49</v>
      </c>
      <c r="BQ6" s="35" t="s">
        <v>50</v>
      </c>
      <c r="BR6" s="32" t="s">
        <v>51</v>
      </c>
      <c r="BS6" s="36" t="s">
        <v>45</v>
      </c>
      <c r="BT6" s="596"/>
      <c r="BU6" s="31" t="s">
        <v>43</v>
      </c>
      <c r="BV6" s="32" t="s">
        <v>44</v>
      </c>
      <c r="BW6" s="32" t="s">
        <v>45</v>
      </c>
      <c r="BX6" s="33" t="s">
        <v>47</v>
      </c>
      <c r="BY6" s="34" t="s">
        <v>48</v>
      </c>
      <c r="BZ6" s="34" t="s">
        <v>49</v>
      </c>
      <c r="CA6" s="35" t="s">
        <v>50</v>
      </c>
      <c r="CB6" s="32" t="s">
        <v>51</v>
      </c>
      <c r="CC6" s="36" t="s">
        <v>45</v>
      </c>
      <c r="CD6" s="588"/>
      <c r="CE6" s="15" t="s">
        <v>43</v>
      </c>
      <c r="CF6" s="32" t="s">
        <v>44</v>
      </c>
      <c r="CG6" s="32" t="s">
        <v>45</v>
      </c>
      <c r="CH6" s="33" t="s">
        <v>47</v>
      </c>
      <c r="CI6" s="34" t="s">
        <v>48</v>
      </c>
      <c r="CJ6" s="34" t="s">
        <v>49</v>
      </c>
      <c r="CK6" s="35" t="s">
        <v>50</v>
      </c>
      <c r="CL6" s="32" t="s">
        <v>51</v>
      </c>
      <c r="CM6" s="36" t="s">
        <v>45</v>
      </c>
      <c r="CN6" s="588"/>
      <c r="CO6" s="31" t="s">
        <v>43</v>
      </c>
      <c r="CP6" s="32" t="s">
        <v>44</v>
      </c>
      <c r="CQ6" s="32" t="s">
        <v>45</v>
      </c>
      <c r="CR6" s="33" t="s">
        <v>47</v>
      </c>
      <c r="CS6" s="34" t="s">
        <v>48</v>
      </c>
      <c r="CT6" s="34" t="s">
        <v>49</v>
      </c>
      <c r="CU6" s="35" t="s">
        <v>50</v>
      </c>
      <c r="CV6" s="32" t="s">
        <v>51</v>
      </c>
      <c r="CW6" s="36" t="s">
        <v>45</v>
      </c>
      <c r="CX6" s="596"/>
      <c r="CY6" s="31" t="s">
        <v>43</v>
      </c>
      <c r="CZ6" s="32" t="s">
        <v>44</v>
      </c>
      <c r="DA6" s="32" t="s">
        <v>45</v>
      </c>
      <c r="DB6" s="33" t="s">
        <v>47</v>
      </c>
      <c r="DC6" s="34" t="s">
        <v>48</v>
      </c>
      <c r="DD6" s="34" t="s">
        <v>49</v>
      </c>
      <c r="DE6" s="35" t="s">
        <v>50</v>
      </c>
      <c r="DF6" s="32" t="s">
        <v>51</v>
      </c>
      <c r="DG6" s="36" t="s">
        <v>45</v>
      </c>
      <c r="DH6" s="588"/>
      <c r="DI6" s="15" t="s">
        <v>43</v>
      </c>
      <c r="DJ6" s="32" t="s">
        <v>44</v>
      </c>
      <c r="DK6" s="32" t="s">
        <v>45</v>
      </c>
      <c r="DL6" s="33" t="s">
        <v>47</v>
      </c>
      <c r="DM6" s="34" t="s">
        <v>48</v>
      </c>
      <c r="DN6" s="34" t="s">
        <v>49</v>
      </c>
      <c r="DO6" s="35" t="s">
        <v>50</v>
      </c>
      <c r="DP6" s="32" t="s">
        <v>51</v>
      </c>
      <c r="DQ6" s="36" t="s">
        <v>45</v>
      </c>
      <c r="DR6" s="588"/>
      <c r="DS6" s="31" t="s">
        <v>43</v>
      </c>
      <c r="DT6" s="32" t="s">
        <v>44</v>
      </c>
      <c r="DU6" s="32" t="s">
        <v>45</v>
      </c>
      <c r="DV6" s="33" t="s">
        <v>47</v>
      </c>
      <c r="DW6" s="34" t="s">
        <v>48</v>
      </c>
      <c r="DX6" s="34" t="s">
        <v>49</v>
      </c>
      <c r="DY6" s="35" t="s">
        <v>50</v>
      </c>
      <c r="DZ6" s="32" t="s">
        <v>51</v>
      </c>
      <c r="EA6" s="36" t="s">
        <v>45</v>
      </c>
      <c r="EB6" s="588"/>
    </row>
    <row r="7" spans="2:133" ht="21" customHeight="1" x14ac:dyDescent="0.2">
      <c r="B7" s="312" t="s">
        <v>4</v>
      </c>
      <c r="C7" s="185">
        <v>0</v>
      </c>
      <c r="D7" s="186">
        <v>0</v>
      </c>
      <c r="E7" s="186">
        <v>0</v>
      </c>
      <c r="F7" s="187">
        <v>428</v>
      </c>
      <c r="G7" s="188">
        <v>1477</v>
      </c>
      <c r="H7" s="188">
        <v>9804</v>
      </c>
      <c r="I7" s="188">
        <v>14576</v>
      </c>
      <c r="J7" s="186">
        <v>10344</v>
      </c>
      <c r="K7" s="189">
        <v>36629</v>
      </c>
      <c r="L7" s="190">
        <v>36629</v>
      </c>
      <c r="M7" s="185">
        <v>0</v>
      </c>
      <c r="N7" s="186">
        <v>0</v>
      </c>
      <c r="O7" s="189">
        <v>0</v>
      </c>
      <c r="P7" s="187">
        <v>424</v>
      </c>
      <c r="Q7" s="188">
        <v>1467</v>
      </c>
      <c r="R7" s="188">
        <v>9736</v>
      </c>
      <c r="S7" s="188">
        <v>14443</v>
      </c>
      <c r="T7" s="186">
        <v>10197</v>
      </c>
      <c r="U7" s="189">
        <v>36267</v>
      </c>
      <c r="V7" s="191">
        <v>36267</v>
      </c>
      <c r="W7" s="192">
        <v>0</v>
      </c>
      <c r="X7" s="186">
        <v>0</v>
      </c>
      <c r="Y7" s="189">
        <v>0</v>
      </c>
      <c r="Z7" s="192">
        <v>4</v>
      </c>
      <c r="AA7" s="188">
        <v>10</v>
      </c>
      <c r="AB7" s="188">
        <v>68</v>
      </c>
      <c r="AC7" s="188">
        <v>133</v>
      </c>
      <c r="AD7" s="186">
        <v>147</v>
      </c>
      <c r="AE7" s="189">
        <v>362</v>
      </c>
      <c r="AF7" s="193">
        <v>362</v>
      </c>
      <c r="AG7" s="192">
        <v>0</v>
      </c>
      <c r="AH7" s="186">
        <v>0</v>
      </c>
      <c r="AI7" s="189">
        <v>0</v>
      </c>
      <c r="AJ7" s="192">
        <v>1630</v>
      </c>
      <c r="AK7" s="188">
        <v>3459</v>
      </c>
      <c r="AL7" s="188">
        <v>4710</v>
      </c>
      <c r="AM7" s="188">
        <v>5535</v>
      </c>
      <c r="AN7" s="186">
        <v>2961</v>
      </c>
      <c r="AO7" s="189">
        <v>18295</v>
      </c>
      <c r="AP7" s="193">
        <v>18295</v>
      </c>
      <c r="AQ7" s="192">
        <v>0</v>
      </c>
      <c r="AR7" s="186">
        <v>0</v>
      </c>
      <c r="AS7" s="189">
        <v>0</v>
      </c>
      <c r="AT7" s="187">
        <v>1606</v>
      </c>
      <c r="AU7" s="188">
        <v>3422</v>
      </c>
      <c r="AV7" s="188">
        <v>4627</v>
      </c>
      <c r="AW7" s="188">
        <v>5428</v>
      </c>
      <c r="AX7" s="186">
        <v>2877</v>
      </c>
      <c r="AY7" s="189">
        <v>17960</v>
      </c>
      <c r="AZ7" s="190">
        <v>17960</v>
      </c>
      <c r="BA7" s="185">
        <v>0</v>
      </c>
      <c r="BB7" s="186">
        <v>0</v>
      </c>
      <c r="BC7" s="186">
        <v>0</v>
      </c>
      <c r="BD7" s="187">
        <v>24</v>
      </c>
      <c r="BE7" s="188">
        <v>37</v>
      </c>
      <c r="BF7" s="188">
        <v>83</v>
      </c>
      <c r="BG7" s="188">
        <v>107</v>
      </c>
      <c r="BH7" s="186">
        <v>84</v>
      </c>
      <c r="BI7" s="189">
        <v>335</v>
      </c>
      <c r="BJ7" s="191">
        <v>335</v>
      </c>
      <c r="BK7" s="192">
        <v>0</v>
      </c>
      <c r="BL7" s="186">
        <v>0</v>
      </c>
      <c r="BM7" s="186">
        <v>0</v>
      </c>
      <c r="BN7" s="187">
        <v>0</v>
      </c>
      <c r="BO7" s="188">
        <v>1</v>
      </c>
      <c r="BP7" s="188">
        <v>10</v>
      </c>
      <c r="BQ7" s="188">
        <v>150</v>
      </c>
      <c r="BR7" s="186">
        <v>221</v>
      </c>
      <c r="BS7" s="189">
        <v>382</v>
      </c>
      <c r="BT7" s="190">
        <v>382</v>
      </c>
      <c r="BU7" s="185">
        <v>0</v>
      </c>
      <c r="BV7" s="186">
        <v>0</v>
      </c>
      <c r="BW7" s="186">
        <v>0</v>
      </c>
      <c r="BX7" s="187">
        <v>0</v>
      </c>
      <c r="BY7" s="188">
        <v>1</v>
      </c>
      <c r="BZ7" s="188">
        <v>10</v>
      </c>
      <c r="CA7" s="188">
        <v>149</v>
      </c>
      <c r="CB7" s="186">
        <v>219</v>
      </c>
      <c r="CC7" s="189">
        <v>379</v>
      </c>
      <c r="CD7" s="191">
        <v>379</v>
      </c>
      <c r="CE7" s="192">
        <v>0</v>
      </c>
      <c r="CF7" s="186">
        <v>0</v>
      </c>
      <c r="CG7" s="186">
        <v>0</v>
      </c>
      <c r="CH7" s="187">
        <v>0</v>
      </c>
      <c r="CI7" s="188">
        <v>0</v>
      </c>
      <c r="CJ7" s="188">
        <v>0</v>
      </c>
      <c r="CK7" s="188">
        <v>1</v>
      </c>
      <c r="CL7" s="186">
        <v>2</v>
      </c>
      <c r="CM7" s="189">
        <v>3</v>
      </c>
      <c r="CN7" s="191">
        <v>3</v>
      </c>
      <c r="CO7" s="192">
        <v>0</v>
      </c>
      <c r="CP7" s="186">
        <v>0</v>
      </c>
      <c r="CQ7" s="186">
        <v>0</v>
      </c>
      <c r="CR7" s="187">
        <v>13</v>
      </c>
      <c r="CS7" s="188">
        <v>28</v>
      </c>
      <c r="CT7" s="188">
        <v>54</v>
      </c>
      <c r="CU7" s="188">
        <v>314</v>
      </c>
      <c r="CV7" s="186">
        <v>430</v>
      </c>
      <c r="CW7" s="189">
        <v>839</v>
      </c>
      <c r="CX7" s="190">
        <v>839</v>
      </c>
      <c r="CY7" s="185">
        <v>0</v>
      </c>
      <c r="CZ7" s="186">
        <v>0</v>
      </c>
      <c r="DA7" s="186">
        <v>0</v>
      </c>
      <c r="DB7" s="187">
        <v>12</v>
      </c>
      <c r="DC7" s="188">
        <v>27</v>
      </c>
      <c r="DD7" s="188">
        <v>54</v>
      </c>
      <c r="DE7" s="188">
        <v>308</v>
      </c>
      <c r="DF7" s="186">
        <v>409</v>
      </c>
      <c r="DG7" s="189">
        <v>810</v>
      </c>
      <c r="DH7" s="191">
        <v>810</v>
      </c>
      <c r="DI7" s="192">
        <v>0</v>
      </c>
      <c r="DJ7" s="186">
        <v>0</v>
      </c>
      <c r="DK7" s="186">
        <v>0</v>
      </c>
      <c r="DL7" s="187">
        <v>1</v>
      </c>
      <c r="DM7" s="188">
        <v>1</v>
      </c>
      <c r="DN7" s="188">
        <v>0</v>
      </c>
      <c r="DO7" s="188">
        <v>6</v>
      </c>
      <c r="DP7" s="186">
        <v>21</v>
      </c>
      <c r="DQ7" s="189">
        <v>29</v>
      </c>
      <c r="DR7" s="191">
        <v>29</v>
      </c>
      <c r="DS7" s="192">
        <v>0</v>
      </c>
      <c r="DT7" s="186">
        <v>0</v>
      </c>
      <c r="DU7" s="186">
        <v>0</v>
      </c>
      <c r="DV7" s="187">
        <v>2071</v>
      </c>
      <c r="DW7" s="188">
        <v>4965</v>
      </c>
      <c r="DX7" s="188">
        <v>14570</v>
      </c>
      <c r="DY7" s="188">
        <v>20547</v>
      </c>
      <c r="DZ7" s="186">
        <v>13936</v>
      </c>
      <c r="EA7" s="189">
        <v>56089</v>
      </c>
      <c r="EB7" s="191">
        <v>56089</v>
      </c>
      <c r="EC7" s="37"/>
    </row>
    <row r="8" spans="2:133" ht="21" customHeight="1" x14ac:dyDescent="0.2">
      <c r="B8" s="62" t="s">
        <v>5</v>
      </c>
      <c r="C8" s="194">
        <v>0</v>
      </c>
      <c r="D8" s="195">
        <v>0</v>
      </c>
      <c r="E8" s="195">
        <v>0</v>
      </c>
      <c r="F8" s="196">
        <v>236</v>
      </c>
      <c r="G8" s="197">
        <v>917</v>
      </c>
      <c r="H8" s="197">
        <v>4199</v>
      </c>
      <c r="I8" s="197">
        <v>6026</v>
      </c>
      <c r="J8" s="195">
        <v>4449</v>
      </c>
      <c r="K8" s="198">
        <v>15827</v>
      </c>
      <c r="L8" s="199">
        <v>15827</v>
      </c>
      <c r="M8" s="194">
        <v>0</v>
      </c>
      <c r="N8" s="195">
        <v>0</v>
      </c>
      <c r="O8" s="198">
        <v>0</v>
      </c>
      <c r="P8" s="196">
        <v>233</v>
      </c>
      <c r="Q8" s="197">
        <v>910</v>
      </c>
      <c r="R8" s="197">
        <v>4168</v>
      </c>
      <c r="S8" s="197">
        <v>5963</v>
      </c>
      <c r="T8" s="195">
        <v>4371</v>
      </c>
      <c r="U8" s="198">
        <v>15645</v>
      </c>
      <c r="V8" s="200">
        <v>15645</v>
      </c>
      <c r="W8" s="201">
        <v>0</v>
      </c>
      <c r="X8" s="195">
        <v>0</v>
      </c>
      <c r="Y8" s="198">
        <v>0</v>
      </c>
      <c r="Z8" s="201">
        <v>3</v>
      </c>
      <c r="AA8" s="197">
        <v>7</v>
      </c>
      <c r="AB8" s="197">
        <v>31</v>
      </c>
      <c r="AC8" s="197">
        <v>63</v>
      </c>
      <c r="AD8" s="195">
        <v>78</v>
      </c>
      <c r="AE8" s="198">
        <v>182</v>
      </c>
      <c r="AF8" s="202">
        <v>182</v>
      </c>
      <c r="AG8" s="201">
        <v>0</v>
      </c>
      <c r="AH8" s="195">
        <v>0</v>
      </c>
      <c r="AI8" s="198">
        <v>0</v>
      </c>
      <c r="AJ8" s="201">
        <v>602</v>
      </c>
      <c r="AK8" s="197">
        <v>1557</v>
      </c>
      <c r="AL8" s="197">
        <v>2099</v>
      </c>
      <c r="AM8" s="197">
        <v>2420</v>
      </c>
      <c r="AN8" s="195">
        <v>1452</v>
      </c>
      <c r="AO8" s="198">
        <v>8130</v>
      </c>
      <c r="AP8" s="202">
        <v>8130</v>
      </c>
      <c r="AQ8" s="201">
        <v>0</v>
      </c>
      <c r="AR8" s="195">
        <v>0</v>
      </c>
      <c r="AS8" s="198">
        <v>0</v>
      </c>
      <c r="AT8" s="196">
        <v>597</v>
      </c>
      <c r="AU8" s="197">
        <v>1536</v>
      </c>
      <c r="AV8" s="197">
        <v>2067</v>
      </c>
      <c r="AW8" s="197">
        <v>2377</v>
      </c>
      <c r="AX8" s="195">
        <v>1418</v>
      </c>
      <c r="AY8" s="198">
        <v>7995</v>
      </c>
      <c r="AZ8" s="199">
        <v>7995</v>
      </c>
      <c r="BA8" s="194">
        <v>0</v>
      </c>
      <c r="BB8" s="195">
        <v>0</v>
      </c>
      <c r="BC8" s="195">
        <v>0</v>
      </c>
      <c r="BD8" s="196">
        <v>5</v>
      </c>
      <c r="BE8" s="197">
        <v>21</v>
      </c>
      <c r="BF8" s="197">
        <v>32</v>
      </c>
      <c r="BG8" s="197">
        <v>43</v>
      </c>
      <c r="BH8" s="195">
        <v>34</v>
      </c>
      <c r="BI8" s="198">
        <v>135</v>
      </c>
      <c r="BJ8" s="200">
        <v>135</v>
      </c>
      <c r="BK8" s="201">
        <v>0</v>
      </c>
      <c r="BL8" s="195">
        <v>0</v>
      </c>
      <c r="BM8" s="195">
        <v>0</v>
      </c>
      <c r="BN8" s="196">
        <v>0</v>
      </c>
      <c r="BO8" s="197">
        <v>0</v>
      </c>
      <c r="BP8" s="197">
        <v>2</v>
      </c>
      <c r="BQ8" s="197">
        <v>55</v>
      </c>
      <c r="BR8" s="195">
        <v>86</v>
      </c>
      <c r="BS8" s="198">
        <v>143</v>
      </c>
      <c r="BT8" s="199">
        <v>143</v>
      </c>
      <c r="BU8" s="194">
        <v>0</v>
      </c>
      <c r="BV8" s="195">
        <v>0</v>
      </c>
      <c r="BW8" s="195">
        <v>0</v>
      </c>
      <c r="BX8" s="196">
        <v>0</v>
      </c>
      <c r="BY8" s="197">
        <v>0</v>
      </c>
      <c r="BZ8" s="197">
        <v>2</v>
      </c>
      <c r="CA8" s="197">
        <v>55</v>
      </c>
      <c r="CB8" s="195">
        <v>86</v>
      </c>
      <c r="CC8" s="198">
        <v>143</v>
      </c>
      <c r="CD8" s="200">
        <v>143</v>
      </c>
      <c r="CE8" s="201">
        <v>0</v>
      </c>
      <c r="CF8" s="195">
        <v>0</v>
      </c>
      <c r="CG8" s="195">
        <v>0</v>
      </c>
      <c r="CH8" s="196">
        <v>0</v>
      </c>
      <c r="CI8" s="197">
        <v>0</v>
      </c>
      <c r="CJ8" s="197">
        <v>0</v>
      </c>
      <c r="CK8" s="197">
        <v>0</v>
      </c>
      <c r="CL8" s="195">
        <v>0</v>
      </c>
      <c r="CM8" s="198">
        <v>0</v>
      </c>
      <c r="CN8" s="200">
        <v>0</v>
      </c>
      <c r="CO8" s="201">
        <v>0</v>
      </c>
      <c r="CP8" s="195">
        <v>0</v>
      </c>
      <c r="CQ8" s="195">
        <v>0</v>
      </c>
      <c r="CR8" s="196">
        <v>3</v>
      </c>
      <c r="CS8" s="197">
        <v>5</v>
      </c>
      <c r="CT8" s="197">
        <v>13</v>
      </c>
      <c r="CU8" s="197">
        <v>85</v>
      </c>
      <c r="CV8" s="195">
        <v>100</v>
      </c>
      <c r="CW8" s="198">
        <v>206</v>
      </c>
      <c r="CX8" s="199">
        <v>206</v>
      </c>
      <c r="CY8" s="194">
        <v>0</v>
      </c>
      <c r="CZ8" s="195">
        <v>0</v>
      </c>
      <c r="DA8" s="195">
        <v>0</v>
      </c>
      <c r="DB8" s="196">
        <v>3</v>
      </c>
      <c r="DC8" s="197">
        <v>5</v>
      </c>
      <c r="DD8" s="197">
        <v>13</v>
      </c>
      <c r="DE8" s="197">
        <v>83</v>
      </c>
      <c r="DF8" s="195">
        <v>98</v>
      </c>
      <c r="DG8" s="198">
        <v>202</v>
      </c>
      <c r="DH8" s="200">
        <v>202</v>
      </c>
      <c r="DI8" s="201">
        <v>0</v>
      </c>
      <c r="DJ8" s="195">
        <v>0</v>
      </c>
      <c r="DK8" s="195">
        <v>0</v>
      </c>
      <c r="DL8" s="196">
        <v>0</v>
      </c>
      <c r="DM8" s="197">
        <v>0</v>
      </c>
      <c r="DN8" s="197">
        <v>0</v>
      </c>
      <c r="DO8" s="197">
        <v>2</v>
      </c>
      <c r="DP8" s="195">
        <v>2</v>
      </c>
      <c r="DQ8" s="198">
        <v>4</v>
      </c>
      <c r="DR8" s="200">
        <v>4</v>
      </c>
      <c r="DS8" s="201">
        <v>0</v>
      </c>
      <c r="DT8" s="195">
        <v>0</v>
      </c>
      <c r="DU8" s="195">
        <v>0</v>
      </c>
      <c r="DV8" s="196">
        <v>841</v>
      </c>
      <c r="DW8" s="197">
        <v>2479</v>
      </c>
      <c r="DX8" s="197">
        <v>6313</v>
      </c>
      <c r="DY8" s="197">
        <v>8586</v>
      </c>
      <c r="DZ8" s="195">
        <v>6087</v>
      </c>
      <c r="EA8" s="198">
        <v>24306</v>
      </c>
      <c r="EB8" s="200">
        <v>24306</v>
      </c>
      <c r="EC8" s="37"/>
    </row>
    <row r="9" spans="2:133" ht="21" customHeight="1" x14ac:dyDescent="0.2">
      <c r="B9" s="62" t="s">
        <v>6</v>
      </c>
      <c r="C9" s="194">
        <v>0</v>
      </c>
      <c r="D9" s="195">
        <v>0</v>
      </c>
      <c r="E9" s="195">
        <v>0</v>
      </c>
      <c r="F9" s="196">
        <v>77</v>
      </c>
      <c r="G9" s="197">
        <v>167</v>
      </c>
      <c r="H9" s="197">
        <v>1277</v>
      </c>
      <c r="I9" s="197">
        <v>1828</v>
      </c>
      <c r="J9" s="195">
        <v>1268</v>
      </c>
      <c r="K9" s="198">
        <v>4617</v>
      </c>
      <c r="L9" s="199">
        <v>4617</v>
      </c>
      <c r="M9" s="194">
        <v>0</v>
      </c>
      <c r="N9" s="195">
        <v>0</v>
      </c>
      <c r="O9" s="198">
        <v>0</v>
      </c>
      <c r="P9" s="196">
        <v>77</v>
      </c>
      <c r="Q9" s="197">
        <v>167</v>
      </c>
      <c r="R9" s="197">
        <v>1262</v>
      </c>
      <c r="S9" s="197">
        <v>1810</v>
      </c>
      <c r="T9" s="195">
        <v>1257</v>
      </c>
      <c r="U9" s="198">
        <v>4573</v>
      </c>
      <c r="V9" s="200">
        <v>4573</v>
      </c>
      <c r="W9" s="201">
        <v>0</v>
      </c>
      <c r="X9" s="195">
        <v>0</v>
      </c>
      <c r="Y9" s="198">
        <v>0</v>
      </c>
      <c r="Z9" s="201">
        <v>0</v>
      </c>
      <c r="AA9" s="197">
        <v>0</v>
      </c>
      <c r="AB9" s="197">
        <v>15</v>
      </c>
      <c r="AC9" s="197">
        <v>18</v>
      </c>
      <c r="AD9" s="195">
        <v>11</v>
      </c>
      <c r="AE9" s="198">
        <v>44</v>
      </c>
      <c r="AF9" s="202">
        <v>44</v>
      </c>
      <c r="AG9" s="201">
        <v>0</v>
      </c>
      <c r="AH9" s="195">
        <v>0</v>
      </c>
      <c r="AI9" s="198">
        <v>0</v>
      </c>
      <c r="AJ9" s="201">
        <v>195</v>
      </c>
      <c r="AK9" s="197">
        <v>338</v>
      </c>
      <c r="AL9" s="197">
        <v>456</v>
      </c>
      <c r="AM9" s="197">
        <v>695</v>
      </c>
      <c r="AN9" s="195">
        <v>324</v>
      </c>
      <c r="AO9" s="198">
        <v>2008</v>
      </c>
      <c r="AP9" s="202">
        <v>2008</v>
      </c>
      <c r="AQ9" s="201">
        <v>0</v>
      </c>
      <c r="AR9" s="195">
        <v>0</v>
      </c>
      <c r="AS9" s="198">
        <v>0</v>
      </c>
      <c r="AT9" s="196">
        <v>191</v>
      </c>
      <c r="AU9" s="197">
        <v>335</v>
      </c>
      <c r="AV9" s="197">
        <v>444</v>
      </c>
      <c r="AW9" s="197">
        <v>673</v>
      </c>
      <c r="AX9" s="195">
        <v>305</v>
      </c>
      <c r="AY9" s="198">
        <v>1948</v>
      </c>
      <c r="AZ9" s="199">
        <v>1948</v>
      </c>
      <c r="BA9" s="194">
        <v>0</v>
      </c>
      <c r="BB9" s="195">
        <v>0</v>
      </c>
      <c r="BC9" s="195">
        <v>0</v>
      </c>
      <c r="BD9" s="196">
        <v>4</v>
      </c>
      <c r="BE9" s="197">
        <v>3</v>
      </c>
      <c r="BF9" s="197">
        <v>12</v>
      </c>
      <c r="BG9" s="197">
        <v>22</v>
      </c>
      <c r="BH9" s="195">
        <v>19</v>
      </c>
      <c r="BI9" s="198">
        <v>60</v>
      </c>
      <c r="BJ9" s="200">
        <v>60</v>
      </c>
      <c r="BK9" s="201">
        <v>0</v>
      </c>
      <c r="BL9" s="195">
        <v>0</v>
      </c>
      <c r="BM9" s="195">
        <v>0</v>
      </c>
      <c r="BN9" s="196">
        <v>0</v>
      </c>
      <c r="BO9" s="197">
        <v>1</v>
      </c>
      <c r="BP9" s="197">
        <v>7</v>
      </c>
      <c r="BQ9" s="197">
        <v>56</v>
      </c>
      <c r="BR9" s="195">
        <v>90</v>
      </c>
      <c r="BS9" s="198">
        <v>154</v>
      </c>
      <c r="BT9" s="199">
        <v>154</v>
      </c>
      <c r="BU9" s="194">
        <v>0</v>
      </c>
      <c r="BV9" s="195">
        <v>0</v>
      </c>
      <c r="BW9" s="195">
        <v>0</v>
      </c>
      <c r="BX9" s="196">
        <v>0</v>
      </c>
      <c r="BY9" s="197">
        <v>1</v>
      </c>
      <c r="BZ9" s="197">
        <v>7</v>
      </c>
      <c r="CA9" s="197">
        <v>55</v>
      </c>
      <c r="CB9" s="195">
        <v>88</v>
      </c>
      <c r="CC9" s="198">
        <v>151</v>
      </c>
      <c r="CD9" s="200">
        <v>151</v>
      </c>
      <c r="CE9" s="201">
        <v>0</v>
      </c>
      <c r="CF9" s="195">
        <v>0</v>
      </c>
      <c r="CG9" s="195">
        <v>0</v>
      </c>
      <c r="CH9" s="196">
        <v>0</v>
      </c>
      <c r="CI9" s="197">
        <v>0</v>
      </c>
      <c r="CJ9" s="197">
        <v>0</v>
      </c>
      <c r="CK9" s="197">
        <v>1</v>
      </c>
      <c r="CL9" s="195">
        <v>2</v>
      </c>
      <c r="CM9" s="198">
        <v>3</v>
      </c>
      <c r="CN9" s="200">
        <v>3</v>
      </c>
      <c r="CO9" s="201">
        <v>0</v>
      </c>
      <c r="CP9" s="195">
        <v>0</v>
      </c>
      <c r="CQ9" s="195">
        <v>0</v>
      </c>
      <c r="CR9" s="196">
        <v>0</v>
      </c>
      <c r="CS9" s="197">
        <v>1</v>
      </c>
      <c r="CT9" s="197">
        <v>3</v>
      </c>
      <c r="CU9" s="197">
        <v>43</v>
      </c>
      <c r="CV9" s="195">
        <v>64</v>
      </c>
      <c r="CW9" s="198">
        <v>111</v>
      </c>
      <c r="CX9" s="199">
        <v>111</v>
      </c>
      <c r="CY9" s="194">
        <v>0</v>
      </c>
      <c r="CZ9" s="195">
        <v>0</v>
      </c>
      <c r="DA9" s="195">
        <v>0</v>
      </c>
      <c r="DB9" s="196">
        <v>0</v>
      </c>
      <c r="DC9" s="197">
        <v>1</v>
      </c>
      <c r="DD9" s="197">
        <v>3</v>
      </c>
      <c r="DE9" s="197">
        <v>42</v>
      </c>
      <c r="DF9" s="195">
        <v>62</v>
      </c>
      <c r="DG9" s="198">
        <v>108</v>
      </c>
      <c r="DH9" s="200">
        <v>108</v>
      </c>
      <c r="DI9" s="201">
        <v>0</v>
      </c>
      <c r="DJ9" s="195">
        <v>0</v>
      </c>
      <c r="DK9" s="195">
        <v>0</v>
      </c>
      <c r="DL9" s="196">
        <v>0</v>
      </c>
      <c r="DM9" s="197">
        <v>0</v>
      </c>
      <c r="DN9" s="197">
        <v>0</v>
      </c>
      <c r="DO9" s="197">
        <v>1</v>
      </c>
      <c r="DP9" s="195">
        <v>2</v>
      </c>
      <c r="DQ9" s="198">
        <v>3</v>
      </c>
      <c r="DR9" s="200">
        <v>3</v>
      </c>
      <c r="DS9" s="201">
        <v>0</v>
      </c>
      <c r="DT9" s="195">
        <v>0</v>
      </c>
      <c r="DU9" s="195">
        <v>0</v>
      </c>
      <c r="DV9" s="196">
        <v>272</v>
      </c>
      <c r="DW9" s="197">
        <v>507</v>
      </c>
      <c r="DX9" s="197">
        <v>1743</v>
      </c>
      <c r="DY9" s="197">
        <v>2622</v>
      </c>
      <c r="DZ9" s="195">
        <v>1746</v>
      </c>
      <c r="EA9" s="198">
        <v>6890</v>
      </c>
      <c r="EB9" s="200">
        <v>6890</v>
      </c>
      <c r="EC9" s="37"/>
    </row>
    <row r="10" spans="2:133" ht="21" customHeight="1" x14ac:dyDescent="0.2">
      <c r="B10" s="62" t="s">
        <v>14</v>
      </c>
      <c r="C10" s="194">
        <v>0</v>
      </c>
      <c r="D10" s="195">
        <v>0</v>
      </c>
      <c r="E10" s="195">
        <v>0</v>
      </c>
      <c r="F10" s="196">
        <v>9</v>
      </c>
      <c r="G10" s="197">
        <v>50</v>
      </c>
      <c r="H10" s="197">
        <v>824</v>
      </c>
      <c r="I10" s="197">
        <v>1248</v>
      </c>
      <c r="J10" s="195">
        <v>800</v>
      </c>
      <c r="K10" s="198">
        <v>2931</v>
      </c>
      <c r="L10" s="199">
        <v>2931</v>
      </c>
      <c r="M10" s="194">
        <v>0</v>
      </c>
      <c r="N10" s="195">
        <v>0</v>
      </c>
      <c r="O10" s="198">
        <v>0</v>
      </c>
      <c r="P10" s="196">
        <v>9</v>
      </c>
      <c r="Q10" s="197">
        <v>50</v>
      </c>
      <c r="R10" s="197">
        <v>820</v>
      </c>
      <c r="S10" s="197">
        <v>1239</v>
      </c>
      <c r="T10" s="195">
        <v>790</v>
      </c>
      <c r="U10" s="198">
        <v>2908</v>
      </c>
      <c r="V10" s="200">
        <v>2908</v>
      </c>
      <c r="W10" s="201">
        <v>0</v>
      </c>
      <c r="X10" s="195">
        <v>0</v>
      </c>
      <c r="Y10" s="198">
        <v>0</v>
      </c>
      <c r="Z10" s="201">
        <v>0</v>
      </c>
      <c r="AA10" s="197">
        <v>0</v>
      </c>
      <c r="AB10" s="197">
        <v>4</v>
      </c>
      <c r="AC10" s="197">
        <v>9</v>
      </c>
      <c r="AD10" s="195">
        <v>10</v>
      </c>
      <c r="AE10" s="198">
        <v>23</v>
      </c>
      <c r="AF10" s="202">
        <v>23</v>
      </c>
      <c r="AG10" s="201">
        <v>0</v>
      </c>
      <c r="AH10" s="195">
        <v>0</v>
      </c>
      <c r="AI10" s="198">
        <v>0</v>
      </c>
      <c r="AJ10" s="201">
        <v>69</v>
      </c>
      <c r="AK10" s="197">
        <v>205</v>
      </c>
      <c r="AL10" s="197">
        <v>294</v>
      </c>
      <c r="AM10" s="197">
        <v>380</v>
      </c>
      <c r="AN10" s="195">
        <v>184</v>
      </c>
      <c r="AO10" s="198">
        <v>1132</v>
      </c>
      <c r="AP10" s="202">
        <v>1132</v>
      </c>
      <c r="AQ10" s="201">
        <v>0</v>
      </c>
      <c r="AR10" s="195">
        <v>0</v>
      </c>
      <c r="AS10" s="198">
        <v>0</v>
      </c>
      <c r="AT10" s="196">
        <v>66</v>
      </c>
      <c r="AU10" s="197">
        <v>204</v>
      </c>
      <c r="AV10" s="197">
        <v>288</v>
      </c>
      <c r="AW10" s="197">
        <v>372</v>
      </c>
      <c r="AX10" s="195">
        <v>180</v>
      </c>
      <c r="AY10" s="198">
        <v>1110</v>
      </c>
      <c r="AZ10" s="199">
        <v>1110</v>
      </c>
      <c r="BA10" s="194">
        <v>0</v>
      </c>
      <c r="BB10" s="195">
        <v>0</v>
      </c>
      <c r="BC10" s="195">
        <v>0</v>
      </c>
      <c r="BD10" s="196">
        <v>3</v>
      </c>
      <c r="BE10" s="197">
        <v>1</v>
      </c>
      <c r="BF10" s="197">
        <v>6</v>
      </c>
      <c r="BG10" s="197">
        <v>8</v>
      </c>
      <c r="BH10" s="195">
        <v>4</v>
      </c>
      <c r="BI10" s="198">
        <v>22</v>
      </c>
      <c r="BJ10" s="200">
        <v>22</v>
      </c>
      <c r="BK10" s="201">
        <v>0</v>
      </c>
      <c r="BL10" s="195">
        <v>0</v>
      </c>
      <c r="BM10" s="195">
        <v>0</v>
      </c>
      <c r="BN10" s="196">
        <v>0</v>
      </c>
      <c r="BO10" s="197">
        <v>0</v>
      </c>
      <c r="BP10" s="197">
        <v>0</v>
      </c>
      <c r="BQ10" s="197">
        <v>28</v>
      </c>
      <c r="BR10" s="195">
        <v>21</v>
      </c>
      <c r="BS10" s="198">
        <v>49</v>
      </c>
      <c r="BT10" s="199">
        <v>49</v>
      </c>
      <c r="BU10" s="194">
        <v>0</v>
      </c>
      <c r="BV10" s="195">
        <v>0</v>
      </c>
      <c r="BW10" s="195">
        <v>0</v>
      </c>
      <c r="BX10" s="196">
        <v>0</v>
      </c>
      <c r="BY10" s="197">
        <v>0</v>
      </c>
      <c r="BZ10" s="197">
        <v>0</v>
      </c>
      <c r="CA10" s="197">
        <v>28</v>
      </c>
      <c r="CB10" s="195">
        <v>21</v>
      </c>
      <c r="CC10" s="198">
        <v>49</v>
      </c>
      <c r="CD10" s="200">
        <v>49</v>
      </c>
      <c r="CE10" s="201">
        <v>0</v>
      </c>
      <c r="CF10" s="195">
        <v>0</v>
      </c>
      <c r="CG10" s="195">
        <v>0</v>
      </c>
      <c r="CH10" s="196">
        <v>0</v>
      </c>
      <c r="CI10" s="197">
        <v>0</v>
      </c>
      <c r="CJ10" s="197">
        <v>0</v>
      </c>
      <c r="CK10" s="197">
        <v>0</v>
      </c>
      <c r="CL10" s="195">
        <v>0</v>
      </c>
      <c r="CM10" s="198">
        <v>0</v>
      </c>
      <c r="CN10" s="200">
        <v>0</v>
      </c>
      <c r="CO10" s="201">
        <v>0</v>
      </c>
      <c r="CP10" s="195">
        <v>0</v>
      </c>
      <c r="CQ10" s="195">
        <v>0</v>
      </c>
      <c r="CR10" s="196">
        <v>0</v>
      </c>
      <c r="CS10" s="197">
        <v>0</v>
      </c>
      <c r="CT10" s="197">
        <v>8</v>
      </c>
      <c r="CU10" s="197">
        <v>74</v>
      </c>
      <c r="CV10" s="195">
        <v>72</v>
      </c>
      <c r="CW10" s="198">
        <v>154</v>
      </c>
      <c r="CX10" s="199">
        <v>154</v>
      </c>
      <c r="CY10" s="194">
        <v>0</v>
      </c>
      <c r="CZ10" s="195">
        <v>0</v>
      </c>
      <c r="DA10" s="195">
        <v>0</v>
      </c>
      <c r="DB10" s="196">
        <v>0</v>
      </c>
      <c r="DC10" s="197">
        <v>0</v>
      </c>
      <c r="DD10" s="197">
        <v>8</v>
      </c>
      <c r="DE10" s="197">
        <v>73</v>
      </c>
      <c r="DF10" s="195">
        <v>67</v>
      </c>
      <c r="DG10" s="198">
        <v>148</v>
      </c>
      <c r="DH10" s="200">
        <v>148</v>
      </c>
      <c r="DI10" s="201">
        <v>0</v>
      </c>
      <c r="DJ10" s="195">
        <v>0</v>
      </c>
      <c r="DK10" s="195">
        <v>0</v>
      </c>
      <c r="DL10" s="196">
        <v>0</v>
      </c>
      <c r="DM10" s="197">
        <v>0</v>
      </c>
      <c r="DN10" s="197">
        <v>0</v>
      </c>
      <c r="DO10" s="197">
        <v>1</v>
      </c>
      <c r="DP10" s="195">
        <v>5</v>
      </c>
      <c r="DQ10" s="198">
        <v>6</v>
      </c>
      <c r="DR10" s="200">
        <v>6</v>
      </c>
      <c r="DS10" s="201">
        <v>0</v>
      </c>
      <c r="DT10" s="195">
        <v>0</v>
      </c>
      <c r="DU10" s="195">
        <v>0</v>
      </c>
      <c r="DV10" s="196">
        <v>78</v>
      </c>
      <c r="DW10" s="197">
        <v>255</v>
      </c>
      <c r="DX10" s="197">
        <v>1126</v>
      </c>
      <c r="DY10" s="197">
        <v>1728</v>
      </c>
      <c r="DZ10" s="195">
        <v>1075</v>
      </c>
      <c r="EA10" s="198">
        <v>4262</v>
      </c>
      <c r="EB10" s="200">
        <v>4262</v>
      </c>
      <c r="EC10" s="37"/>
    </row>
    <row r="11" spans="2:133" ht="21" customHeight="1" x14ac:dyDescent="0.2">
      <c r="B11" s="62" t="s">
        <v>7</v>
      </c>
      <c r="C11" s="194">
        <v>0</v>
      </c>
      <c r="D11" s="195">
        <v>0</v>
      </c>
      <c r="E11" s="195">
        <v>0</v>
      </c>
      <c r="F11" s="196">
        <v>17</v>
      </c>
      <c r="G11" s="197">
        <v>47</v>
      </c>
      <c r="H11" s="197">
        <v>545</v>
      </c>
      <c r="I11" s="197">
        <v>954</v>
      </c>
      <c r="J11" s="195">
        <v>580</v>
      </c>
      <c r="K11" s="198">
        <v>2143</v>
      </c>
      <c r="L11" s="199">
        <v>2143</v>
      </c>
      <c r="M11" s="194">
        <v>0</v>
      </c>
      <c r="N11" s="195">
        <v>0</v>
      </c>
      <c r="O11" s="198">
        <v>0</v>
      </c>
      <c r="P11" s="196">
        <v>17</v>
      </c>
      <c r="Q11" s="197">
        <v>46</v>
      </c>
      <c r="R11" s="197">
        <v>542</v>
      </c>
      <c r="S11" s="197">
        <v>944</v>
      </c>
      <c r="T11" s="195">
        <v>571</v>
      </c>
      <c r="U11" s="198">
        <v>2120</v>
      </c>
      <c r="V11" s="200">
        <v>2120</v>
      </c>
      <c r="W11" s="201">
        <v>0</v>
      </c>
      <c r="X11" s="195">
        <v>0</v>
      </c>
      <c r="Y11" s="198">
        <v>0</v>
      </c>
      <c r="Z11" s="201">
        <v>0</v>
      </c>
      <c r="AA11" s="197">
        <v>1</v>
      </c>
      <c r="AB11" s="197">
        <v>3</v>
      </c>
      <c r="AC11" s="197">
        <v>10</v>
      </c>
      <c r="AD11" s="195">
        <v>9</v>
      </c>
      <c r="AE11" s="198">
        <v>23</v>
      </c>
      <c r="AF11" s="202">
        <v>23</v>
      </c>
      <c r="AG11" s="201">
        <v>0</v>
      </c>
      <c r="AH11" s="195">
        <v>0</v>
      </c>
      <c r="AI11" s="198">
        <v>0</v>
      </c>
      <c r="AJ11" s="201">
        <v>153</v>
      </c>
      <c r="AK11" s="197">
        <v>208</v>
      </c>
      <c r="AL11" s="197">
        <v>243</v>
      </c>
      <c r="AM11" s="197">
        <v>306</v>
      </c>
      <c r="AN11" s="195">
        <v>92</v>
      </c>
      <c r="AO11" s="198">
        <v>1002</v>
      </c>
      <c r="AP11" s="202">
        <v>1002</v>
      </c>
      <c r="AQ11" s="201">
        <v>0</v>
      </c>
      <c r="AR11" s="195">
        <v>0</v>
      </c>
      <c r="AS11" s="198">
        <v>0</v>
      </c>
      <c r="AT11" s="196">
        <v>152</v>
      </c>
      <c r="AU11" s="197">
        <v>207</v>
      </c>
      <c r="AV11" s="197">
        <v>240</v>
      </c>
      <c r="AW11" s="197">
        <v>300</v>
      </c>
      <c r="AX11" s="195">
        <v>89</v>
      </c>
      <c r="AY11" s="198">
        <v>988</v>
      </c>
      <c r="AZ11" s="199">
        <v>988</v>
      </c>
      <c r="BA11" s="194">
        <v>0</v>
      </c>
      <c r="BB11" s="195">
        <v>0</v>
      </c>
      <c r="BC11" s="195">
        <v>0</v>
      </c>
      <c r="BD11" s="196">
        <v>1</v>
      </c>
      <c r="BE11" s="197">
        <v>1</v>
      </c>
      <c r="BF11" s="197">
        <v>3</v>
      </c>
      <c r="BG11" s="197">
        <v>6</v>
      </c>
      <c r="BH11" s="195">
        <v>3</v>
      </c>
      <c r="BI11" s="198">
        <v>14</v>
      </c>
      <c r="BJ11" s="200">
        <v>14</v>
      </c>
      <c r="BK11" s="201">
        <v>0</v>
      </c>
      <c r="BL11" s="195">
        <v>0</v>
      </c>
      <c r="BM11" s="195">
        <v>0</v>
      </c>
      <c r="BN11" s="196">
        <v>0</v>
      </c>
      <c r="BO11" s="197">
        <v>0</v>
      </c>
      <c r="BP11" s="197">
        <v>0</v>
      </c>
      <c r="BQ11" s="197">
        <v>2</v>
      </c>
      <c r="BR11" s="195">
        <v>4</v>
      </c>
      <c r="BS11" s="198">
        <v>6</v>
      </c>
      <c r="BT11" s="199">
        <v>6</v>
      </c>
      <c r="BU11" s="194">
        <v>0</v>
      </c>
      <c r="BV11" s="195">
        <v>0</v>
      </c>
      <c r="BW11" s="195">
        <v>0</v>
      </c>
      <c r="BX11" s="196">
        <v>0</v>
      </c>
      <c r="BY11" s="197">
        <v>0</v>
      </c>
      <c r="BZ11" s="197">
        <v>0</v>
      </c>
      <c r="CA11" s="197">
        <v>2</v>
      </c>
      <c r="CB11" s="195">
        <v>4</v>
      </c>
      <c r="CC11" s="198">
        <v>6</v>
      </c>
      <c r="CD11" s="200">
        <v>6</v>
      </c>
      <c r="CE11" s="201">
        <v>0</v>
      </c>
      <c r="CF11" s="195">
        <v>0</v>
      </c>
      <c r="CG11" s="195">
        <v>0</v>
      </c>
      <c r="CH11" s="196">
        <v>0</v>
      </c>
      <c r="CI11" s="197">
        <v>0</v>
      </c>
      <c r="CJ11" s="197">
        <v>0</v>
      </c>
      <c r="CK11" s="197">
        <v>0</v>
      </c>
      <c r="CL11" s="195">
        <v>0</v>
      </c>
      <c r="CM11" s="198">
        <v>0</v>
      </c>
      <c r="CN11" s="200">
        <v>0</v>
      </c>
      <c r="CO11" s="201">
        <v>0</v>
      </c>
      <c r="CP11" s="195">
        <v>0</v>
      </c>
      <c r="CQ11" s="195">
        <v>0</v>
      </c>
      <c r="CR11" s="196">
        <v>0</v>
      </c>
      <c r="CS11" s="197">
        <v>0</v>
      </c>
      <c r="CT11" s="197">
        <v>2</v>
      </c>
      <c r="CU11" s="197">
        <v>2</v>
      </c>
      <c r="CV11" s="195">
        <v>3</v>
      </c>
      <c r="CW11" s="198">
        <v>7</v>
      </c>
      <c r="CX11" s="199">
        <v>7</v>
      </c>
      <c r="CY11" s="194">
        <v>0</v>
      </c>
      <c r="CZ11" s="195">
        <v>0</v>
      </c>
      <c r="DA11" s="195">
        <v>0</v>
      </c>
      <c r="DB11" s="196">
        <v>0</v>
      </c>
      <c r="DC11" s="197">
        <v>0</v>
      </c>
      <c r="DD11" s="197">
        <v>2</v>
      </c>
      <c r="DE11" s="197">
        <v>2</v>
      </c>
      <c r="DF11" s="195">
        <v>3</v>
      </c>
      <c r="DG11" s="198">
        <v>7</v>
      </c>
      <c r="DH11" s="200">
        <v>7</v>
      </c>
      <c r="DI11" s="201">
        <v>0</v>
      </c>
      <c r="DJ11" s="195">
        <v>0</v>
      </c>
      <c r="DK11" s="195">
        <v>0</v>
      </c>
      <c r="DL11" s="196">
        <v>0</v>
      </c>
      <c r="DM11" s="197">
        <v>0</v>
      </c>
      <c r="DN11" s="197">
        <v>0</v>
      </c>
      <c r="DO11" s="197">
        <v>0</v>
      </c>
      <c r="DP11" s="195">
        <v>0</v>
      </c>
      <c r="DQ11" s="198">
        <v>0</v>
      </c>
      <c r="DR11" s="200">
        <v>0</v>
      </c>
      <c r="DS11" s="201">
        <v>0</v>
      </c>
      <c r="DT11" s="195">
        <v>0</v>
      </c>
      <c r="DU11" s="195">
        <v>0</v>
      </c>
      <c r="DV11" s="196">
        <v>170</v>
      </c>
      <c r="DW11" s="197">
        <v>255</v>
      </c>
      <c r="DX11" s="197">
        <v>789</v>
      </c>
      <c r="DY11" s="197">
        <v>1257</v>
      </c>
      <c r="DZ11" s="195">
        <v>675</v>
      </c>
      <c r="EA11" s="198">
        <v>3146</v>
      </c>
      <c r="EB11" s="200">
        <v>3146</v>
      </c>
      <c r="EC11" s="37"/>
    </row>
    <row r="12" spans="2:133" ht="21" customHeight="1" x14ac:dyDescent="0.2">
      <c r="B12" s="62" t="s">
        <v>8</v>
      </c>
      <c r="C12" s="194">
        <v>0</v>
      </c>
      <c r="D12" s="195">
        <v>0</v>
      </c>
      <c r="E12" s="195">
        <v>0</v>
      </c>
      <c r="F12" s="196">
        <v>21</v>
      </c>
      <c r="G12" s="197">
        <v>69</v>
      </c>
      <c r="H12" s="197">
        <v>374</v>
      </c>
      <c r="I12" s="197">
        <v>438</v>
      </c>
      <c r="J12" s="195">
        <v>260</v>
      </c>
      <c r="K12" s="198">
        <v>1162</v>
      </c>
      <c r="L12" s="199">
        <v>1162</v>
      </c>
      <c r="M12" s="194">
        <v>0</v>
      </c>
      <c r="N12" s="195">
        <v>0</v>
      </c>
      <c r="O12" s="198">
        <v>0</v>
      </c>
      <c r="P12" s="196">
        <v>21</v>
      </c>
      <c r="Q12" s="197">
        <v>69</v>
      </c>
      <c r="R12" s="197">
        <v>372</v>
      </c>
      <c r="S12" s="197">
        <v>433</v>
      </c>
      <c r="T12" s="195">
        <v>258</v>
      </c>
      <c r="U12" s="198">
        <v>1153</v>
      </c>
      <c r="V12" s="200">
        <v>1153</v>
      </c>
      <c r="W12" s="201">
        <v>0</v>
      </c>
      <c r="X12" s="195">
        <v>0</v>
      </c>
      <c r="Y12" s="198">
        <v>0</v>
      </c>
      <c r="Z12" s="201">
        <v>0</v>
      </c>
      <c r="AA12" s="197">
        <v>0</v>
      </c>
      <c r="AB12" s="197">
        <v>2</v>
      </c>
      <c r="AC12" s="197">
        <v>5</v>
      </c>
      <c r="AD12" s="195">
        <v>2</v>
      </c>
      <c r="AE12" s="198">
        <v>9</v>
      </c>
      <c r="AF12" s="202">
        <v>9</v>
      </c>
      <c r="AG12" s="201">
        <v>0</v>
      </c>
      <c r="AH12" s="195">
        <v>0</v>
      </c>
      <c r="AI12" s="198">
        <v>0</v>
      </c>
      <c r="AJ12" s="201">
        <v>47</v>
      </c>
      <c r="AK12" s="197">
        <v>101</v>
      </c>
      <c r="AL12" s="197">
        <v>160</v>
      </c>
      <c r="AM12" s="197">
        <v>123</v>
      </c>
      <c r="AN12" s="195">
        <v>63</v>
      </c>
      <c r="AO12" s="198">
        <v>494</v>
      </c>
      <c r="AP12" s="202">
        <v>494</v>
      </c>
      <c r="AQ12" s="201">
        <v>0</v>
      </c>
      <c r="AR12" s="195">
        <v>0</v>
      </c>
      <c r="AS12" s="198">
        <v>0</v>
      </c>
      <c r="AT12" s="196">
        <v>47</v>
      </c>
      <c r="AU12" s="197">
        <v>99</v>
      </c>
      <c r="AV12" s="197">
        <v>158</v>
      </c>
      <c r="AW12" s="197">
        <v>121</v>
      </c>
      <c r="AX12" s="195">
        <v>61</v>
      </c>
      <c r="AY12" s="198">
        <v>486</v>
      </c>
      <c r="AZ12" s="199">
        <v>486</v>
      </c>
      <c r="BA12" s="194">
        <v>0</v>
      </c>
      <c r="BB12" s="195">
        <v>0</v>
      </c>
      <c r="BC12" s="195">
        <v>0</v>
      </c>
      <c r="BD12" s="196">
        <v>0</v>
      </c>
      <c r="BE12" s="197">
        <v>2</v>
      </c>
      <c r="BF12" s="197">
        <v>2</v>
      </c>
      <c r="BG12" s="197">
        <v>2</v>
      </c>
      <c r="BH12" s="195">
        <v>2</v>
      </c>
      <c r="BI12" s="198">
        <v>8</v>
      </c>
      <c r="BJ12" s="200">
        <v>8</v>
      </c>
      <c r="BK12" s="201">
        <v>0</v>
      </c>
      <c r="BL12" s="195">
        <v>0</v>
      </c>
      <c r="BM12" s="195">
        <v>0</v>
      </c>
      <c r="BN12" s="196">
        <v>0</v>
      </c>
      <c r="BO12" s="197">
        <v>0</v>
      </c>
      <c r="BP12" s="197">
        <v>0</v>
      </c>
      <c r="BQ12" s="197">
        <v>1</v>
      </c>
      <c r="BR12" s="195">
        <v>0</v>
      </c>
      <c r="BS12" s="198">
        <v>1</v>
      </c>
      <c r="BT12" s="199">
        <v>1</v>
      </c>
      <c r="BU12" s="194">
        <v>0</v>
      </c>
      <c r="BV12" s="195">
        <v>0</v>
      </c>
      <c r="BW12" s="195">
        <v>0</v>
      </c>
      <c r="BX12" s="196">
        <v>0</v>
      </c>
      <c r="BY12" s="197">
        <v>0</v>
      </c>
      <c r="BZ12" s="197">
        <v>0</v>
      </c>
      <c r="CA12" s="197">
        <v>1</v>
      </c>
      <c r="CB12" s="195">
        <v>0</v>
      </c>
      <c r="CC12" s="198">
        <v>1</v>
      </c>
      <c r="CD12" s="200">
        <v>1</v>
      </c>
      <c r="CE12" s="201">
        <v>0</v>
      </c>
      <c r="CF12" s="195">
        <v>0</v>
      </c>
      <c r="CG12" s="195">
        <v>0</v>
      </c>
      <c r="CH12" s="196">
        <v>0</v>
      </c>
      <c r="CI12" s="197">
        <v>0</v>
      </c>
      <c r="CJ12" s="197">
        <v>0</v>
      </c>
      <c r="CK12" s="197">
        <v>0</v>
      </c>
      <c r="CL12" s="195">
        <v>0</v>
      </c>
      <c r="CM12" s="198">
        <v>0</v>
      </c>
      <c r="CN12" s="200">
        <v>0</v>
      </c>
      <c r="CO12" s="201">
        <v>0</v>
      </c>
      <c r="CP12" s="195">
        <v>0</v>
      </c>
      <c r="CQ12" s="195">
        <v>0</v>
      </c>
      <c r="CR12" s="196">
        <v>1</v>
      </c>
      <c r="CS12" s="197">
        <v>0</v>
      </c>
      <c r="CT12" s="197">
        <v>2</v>
      </c>
      <c r="CU12" s="197">
        <v>9</v>
      </c>
      <c r="CV12" s="195">
        <v>12</v>
      </c>
      <c r="CW12" s="198">
        <v>24</v>
      </c>
      <c r="CX12" s="199">
        <v>24</v>
      </c>
      <c r="CY12" s="194">
        <v>0</v>
      </c>
      <c r="CZ12" s="195">
        <v>0</v>
      </c>
      <c r="DA12" s="195">
        <v>0</v>
      </c>
      <c r="DB12" s="196">
        <v>1</v>
      </c>
      <c r="DC12" s="197">
        <v>0</v>
      </c>
      <c r="DD12" s="197">
        <v>2</v>
      </c>
      <c r="DE12" s="197">
        <v>8</v>
      </c>
      <c r="DF12" s="195">
        <v>12</v>
      </c>
      <c r="DG12" s="198">
        <v>23</v>
      </c>
      <c r="DH12" s="200">
        <v>23</v>
      </c>
      <c r="DI12" s="201">
        <v>0</v>
      </c>
      <c r="DJ12" s="195">
        <v>0</v>
      </c>
      <c r="DK12" s="195">
        <v>0</v>
      </c>
      <c r="DL12" s="196">
        <v>0</v>
      </c>
      <c r="DM12" s="197">
        <v>0</v>
      </c>
      <c r="DN12" s="197">
        <v>0</v>
      </c>
      <c r="DO12" s="197">
        <v>1</v>
      </c>
      <c r="DP12" s="195">
        <v>0</v>
      </c>
      <c r="DQ12" s="198">
        <v>1</v>
      </c>
      <c r="DR12" s="200">
        <v>1</v>
      </c>
      <c r="DS12" s="201">
        <v>0</v>
      </c>
      <c r="DT12" s="195">
        <v>0</v>
      </c>
      <c r="DU12" s="195">
        <v>0</v>
      </c>
      <c r="DV12" s="196">
        <v>69</v>
      </c>
      <c r="DW12" s="197">
        <v>170</v>
      </c>
      <c r="DX12" s="197">
        <v>536</v>
      </c>
      <c r="DY12" s="197">
        <v>571</v>
      </c>
      <c r="DZ12" s="195">
        <v>335</v>
      </c>
      <c r="EA12" s="198">
        <v>1681</v>
      </c>
      <c r="EB12" s="200">
        <v>1681</v>
      </c>
      <c r="EC12" s="37"/>
    </row>
    <row r="13" spans="2:133" ht="21" customHeight="1" x14ac:dyDescent="0.2">
      <c r="B13" s="62" t="s">
        <v>9</v>
      </c>
      <c r="C13" s="194">
        <v>0</v>
      </c>
      <c r="D13" s="195">
        <v>0</v>
      </c>
      <c r="E13" s="195">
        <v>0</v>
      </c>
      <c r="F13" s="196">
        <v>8</v>
      </c>
      <c r="G13" s="197">
        <v>4</v>
      </c>
      <c r="H13" s="197">
        <v>201</v>
      </c>
      <c r="I13" s="197">
        <v>354</v>
      </c>
      <c r="J13" s="195">
        <v>259</v>
      </c>
      <c r="K13" s="198">
        <v>826</v>
      </c>
      <c r="L13" s="199">
        <v>826</v>
      </c>
      <c r="M13" s="194">
        <v>0</v>
      </c>
      <c r="N13" s="195">
        <v>0</v>
      </c>
      <c r="O13" s="198">
        <v>0</v>
      </c>
      <c r="P13" s="196">
        <v>8</v>
      </c>
      <c r="Q13" s="197">
        <v>4</v>
      </c>
      <c r="R13" s="197">
        <v>201</v>
      </c>
      <c r="S13" s="197">
        <v>350</v>
      </c>
      <c r="T13" s="195">
        <v>257</v>
      </c>
      <c r="U13" s="198">
        <v>820</v>
      </c>
      <c r="V13" s="200">
        <v>820</v>
      </c>
      <c r="W13" s="201">
        <v>0</v>
      </c>
      <c r="X13" s="195">
        <v>0</v>
      </c>
      <c r="Y13" s="198">
        <v>0</v>
      </c>
      <c r="Z13" s="201">
        <v>0</v>
      </c>
      <c r="AA13" s="197">
        <v>0</v>
      </c>
      <c r="AB13" s="197">
        <v>0</v>
      </c>
      <c r="AC13" s="197">
        <v>4</v>
      </c>
      <c r="AD13" s="195">
        <v>2</v>
      </c>
      <c r="AE13" s="198">
        <v>6</v>
      </c>
      <c r="AF13" s="202">
        <v>6</v>
      </c>
      <c r="AG13" s="201">
        <v>0</v>
      </c>
      <c r="AH13" s="195">
        <v>0</v>
      </c>
      <c r="AI13" s="198">
        <v>0</v>
      </c>
      <c r="AJ13" s="201">
        <v>19</v>
      </c>
      <c r="AK13" s="197">
        <v>69</v>
      </c>
      <c r="AL13" s="197">
        <v>81</v>
      </c>
      <c r="AM13" s="197">
        <v>125</v>
      </c>
      <c r="AN13" s="195">
        <v>62</v>
      </c>
      <c r="AO13" s="198">
        <v>356</v>
      </c>
      <c r="AP13" s="202">
        <v>356</v>
      </c>
      <c r="AQ13" s="201">
        <v>0</v>
      </c>
      <c r="AR13" s="195">
        <v>0</v>
      </c>
      <c r="AS13" s="198">
        <v>0</v>
      </c>
      <c r="AT13" s="196">
        <v>19</v>
      </c>
      <c r="AU13" s="197">
        <v>68</v>
      </c>
      <c r="AV13" s="197">
        <v>78</v>
      </c>
      <c r="AW13" s="197">
        <v>123</v>
      </c>
      <c r="AX13" s="195">
        <v>61</v>
      </c>
      <c r="AY13" s="198">
        <v>349</v>
      </c>
      <c r="AZ13" s="199">
        <v>349</v>
      </c>
      <c r="BA13" s="194">
        <v>0</v>
      </c>
      <c r="BB13" s="195">
        <v>0</v>
      </c>
      <c r="BC13" s="195">
        <v>0</v>
      </c>
      <c r="BD13" s="196">
        <v>0</v>
      </c>
      <c r="BE13" s="197">
        <v>1</v>
      </c>
      <c r="BF13" s="197">
        <v>3</v>
      </c>
      <c r="BG13" s="197">
        <v>2</v>
      </c>
      <c r="BH13" s="195">
        <v>1</v>
      </c>
      <c r="BI13" s="198">
        <v>7</v>
      </c>
      <c r="BJ13" s="200">
        <v>7</v>
      </c>
      <c r="BK13" s="201">
        <v>0</v>
      </c>
      <c r="BL13" s="195">
        <v>0</v>
      </c>
      <c r="BM13" s="195">
        <v>0</v>
      </c>
      <c r="BN13" s="196">
        <v>0</v>
      </c>
      <c r="BO13" s="197">
        <v>0</v>
      </c>
      <c r="BP13" s="197">
        <v>0</v>
      </c>
      <c r="BQ13" s="197">
        <v>1</v>
      </c>
      <c r="BR13" s="195">
        <v>0</v>
      </c>
      <c r="BS13" s="198">
        <v>1</v>
      </c>
      <c r="BT13" s="199">
        <v>1</v>
      </c>
      <c r="BU13" s="194">
        <v>0</v>
      </c>
      <c r="BV13" s="195">
        <v>0</v>
      </c>
      <c r="BW13" s="195">
        <v>0</v>
      </c>
      <c r="BX13" s="196">
        <v>0</v>
      </c>
      <c r="BY13" s="197">
        <v>0</v>
      </c>
      <c r="BZ13" s="197">
        <v>0</v>
      </c>
      <c r="CA13" s="197">
        <v>1</v>
      </c>
      <c r="CB13" s="195">
        <v>0</v>
      </c>
      <c r="CC13" s="198">
        <v>1</v>
      </c>
      <c r="CD13" s="200">
        <v>1</v>
      </c>
      <c r="CE13" s="201">
        <v>0</v>
      </c>
      <c r="CF13" s="195">
        <v>0</v>
      </c>
      <c r="CG13" s="195">
        <v>0</v>
      </c>
      <c r="CH13" s="196">
        <v>0</v>
      </c>
      <c r="CI13" s="197">
        <v>0</v>
      </c>
      <c r="CJ13" s="197">
        <v>0</v>
      </c>
      <c r="CK13" s="197">
        <v>0</v>
      </c>
      <c r="CL13" s="195">
        <v>0</v>
      </c>
      <c r="CM13" s="198">
        <v>0</v>
      </c>
      <c r="CN13" s="200">
        <v>0</v>
      </c>
      <c r="CO13" s="201">
        <v>0</v>
      </c>
      <c r="CP13" s="195">
        <v>0</v>
      </c>
      <c r="CQ13" s="195">
        <v>0</v>
      </c>
      <c r="CR13" s="196">
        <v>0</v>
      </c>
      <c r="CS13" s="197">
        <v>1</v>
      </c>
      <c r="CT13" s="197">
        <v>1</v>
      </c>
      <c r="CU13" s="197">
        <v>1</v>
      </c>
      <c r="CV13" s="195">
        <v>6</v>
      </c>
      <c r="CW13" s="198">
        <v>9</v>
      </c>
      <c r="CX13" s="199">
        <v>9</v>
      </c>
      <c r="CY13" s="194">
        <v>0</v>
      </c>
      <c r="CZ13" s="195">
        <v>0</v>
      </c>
      <c r="DA13" s="195">
        <v>0</v>
      </c>
      <c r="DB13" s="196">
        <v>0</v>
      </c>
      <c r="DC13" s="197">
        <v>1</v>
      </c>
      <c r="DD13" s="197">
        <v>1</v>
      </c>
      <c r="DE13" s="197">
        <v>1</v>
      </c>
      <c r="DF13" s="195">
        <v>6</v>
      </c>
      <c r="DG13" s="198">
        <v>9</v>
      </c>
      <c r="DH13" s="200">
        <v>9</v>
      </c>
      <c r="DI13" s="201">
        <v>0</v>
      </c>
      <c r="DJ13" s="195">
        <v>0</v>
      </c>
      <c r="DK13" s="195">
        <v>0</v>
      </c>
      <c r="DL13" s="196">
        <v>0</v>
      </c>
      <c r="DM13" s="197">
        <v>0</v>
      </c>
      <c r="DN13" s="197">
        <v>0</v>
      </c>
      <c r="DO13" s="197">
        <v>0</v>
      </c>
      <c r="DP13" s="195">
        <v>0</v>
      </c>
      <c r="DQ13" s="198">
        <v>0</v>
      </c>
      <c r="DR13" s="200">
        <v>0</v>
      </c>
      <c r="DS13" s="201">
        <v>0</v>
      </c>
      <c r="DT13" s="195">
        <v>0</v>
      </c>
      <c r="DU13" s="195">
        <v>0</v>
      </c>
      <c r="DV13" s="196">
        <v>27</v>
      </c>
      <c r="DW13" s="197">
        <v>74</v>
      </c>
      <c r="DX13" s="197">
        <v>281</v>
      </c>
      <c r="DY13" s="197">
        <v>479</v>
      </c>
      <c r="DZ13" s="195">
        <v>326</v>
      </c>
      <c r="EA13" s="198">
        <v>1187</v>
      </c>
      <c r="EB13" s="200">
        <v>1187</v>
      </c>
      <c r="EC13" s="37"/>
    </row>
    <row r="14" spans="2:133" ht="21" customHeight="1" x14ac:dyDescent="0.2">
      <c r="B14" s="62" t="s">
        <v>10</v>
      </c>
      <c r="C14" s="194">
        <v>0</v>
      </c>
      <c r="D14" s="195">
        <v>0</v>
      </c>
      <c r="E14" s="195">
        <v>0</v>
      </c>
      <c r="F14" s="196">
        <v>17</v>
      </c>
      <c r="G14" s="197">
        <v>43</v>
      </c>
      <c r="H14" s="197">
        <v>364</v>
      </c>
      <c r="I14" s="197">
        <v>520</v>
      </c>
      <c r="J14" s="195">
        <v>483</v>
      </c>
      <c r="K14" s="198">
        <v>1427</v>
      </c>
      <c r="L14" s="199">
        <v>1427</v>
      </c>
      <c r="M14" s="194">
        <v>0</v>
      </c>
      <c r="N14" s="195">
        <v>0</v>
      </c>
      <c r="O14" s="198">
        <v>0</v>
      </c>
      <c r="P14" s="196">
        <v>17</v>
      </c>
      <c r="Q14" s="197">
        <v>42</v>
      </c>
      <c r="R14" s="197">
        <v>360</v>
      </c>
      <c r="S14" s="197">
        <v>517</v>
      </c>
      <c r="T14" s="195">
        <v>476</v>
      </c>
      <c r="U14" s="198">
        <v>1412</v>
      </c>
      <c r="V14" s="200">
        <v>1412</v>
      </c>
      <c r="W14" s="201">
        <v>0</v>
      </c>
      <c r="X14" s="195">
        <v>0</v>
      </c>
      <c r="Y14" s="198">
        <v>0</v>
      </c>
      <c r="Z14" s="201">
        <v>0</v>
      </c>
      <c r="AA14" s="197">
        <v>1</v>
      </c>
      <c r="AB14" s="197">
        <v>4</v>
      </c>
      <c r="AC14" s="197">
        <v>3</v>
      </c>
      <c r="AD14" s="195">
        <v>7</v>
      </c>
      <c r="AE14" s="198">
        <v>15</v>
      </c>
      <c r="AF14" s="202">
        <v>15</v>
      </c>
      <c r="AG14" s="201">
        <v>0</v>
      </c>
      <c r="AH14" s="195">
        <v>0</v>
      </c>
      <c r="AI14" s="198">
        <v>0</v>
      </c>
      <c r="AJ14" s="201">
        <v>81</v>
      </c>
      <c r="AK14" s="197">
        <v>125</v>
      </c>
      <c r="AL14" s="197">
        <v>157</v>
      </c>
      <c r="AM14" s="197">
        <v>175</v>
      </c>
      <c r="AN14" s="195">
        <v>103</v>
      </c>
      <c r="AO14" s="198">
        <v>641</v>
      </c>
      <c r="AP14" s="202">
        <v>641</v>
      </c>
      <c r="AQ14" s="201">
        <v>0</v>
      </c>
      <c r="AR14" s="195">
        <v>0</v>
      </c>
      <c r="AS14" s="198">
        <v>0</v>
      </c>
      <c r="AT14" s="196">
        <v>77</v>
      </c>
      <c r="AU14" s="197">
        <v>124</v>
      </c>
      <c r="AV14" s="197">
        <v>155</v>
      </c>
      <c r="AW14" s="197">
        <v>172</v>
      </c>
      <c r="AX14" s="195">
        <v>100</v>
      </c>
      <c r="AY14" s="198">
        <v>628</v>
      </c>
      <c r="AZ14" s="199">
        <v>628</v>
      </c>
      <c r="BA14" s="194">
        <v>0</v>
      </c>
      <c r="BB14" s="195">
        <v>0</v>
      </c>
      <c r="BC14" s="195">
        <v>0</v>
      </c>
      <c r="BD14" s="196">
        <v>4</v>
      </c>
      <c r="BE14" s="197">
        <v>1</v>
      </c>
      <c r="BF14" s="197">
        <v>2</v>
      </c>
      <c r="BG14" s="197">
        <v>3</v>
      </c>
      <c r="BH14" s="195">
        <v>3</v>
      </c>
      <c r="BI14" s="198">
        <v>13</v>
      </c>
      <c r="BJ14" s="200">
        <v>13</v>
      </c>
      <c r="BK14" s="201">
        <v>0</v>
      </c>
      <c r="BL14" s="195">
        <v>0</v>
      </c>
      <c r="BM14" s="195">
        <v>0</v>
      </c>
      <c r="BN14" s="196">
        <v>0</v>
      </c>
      <c r="BO14" s="197">
        <v>0</v>
      </c>
      <c r="BP14" s="197">
        <v>0</v>
      </c>
      <c r="BQ14" s="197">
        <v>0</v>
      </c>
      <c r="BR14" s="195">
        <v>2</v>
      </c>
      <c r="BS14" s="198">
        <v>2</v>
      </c>
      <c r="BT14" s="199">
        <v>2</v>
      </c>
      <c r="BU14" s="194">
        <v>0</v>
      </c>
      <c r="BV14" s="195">
        <v>0</v>
      </c>
      <c r="BW14" s="195">
        <v>0</v>
      </c>
      <c r="BX14" s="196">
        <v>0</v>
      </c>
      <c r="BY14" s="197">
        <v>0</v>
      </c>
      <c r="BZ14" s="197">
        <v>0</v>
      </c>
      <c r="CA14" s="197">
        <v>0</v>
      </c>
      <c r="CB14" s="195">
        <v>2</v>
      </c>
      <c r="CC14" s="198">
        <v>2</v>
      </c>
      <c r="CD14" s="200">
        <v>2</v>
      </c>
      <c r="CE14" s="201">
        <v>0</v>
      </c>
      <c r="CF14" s="195">
        <v>0</v>
      </c>
      <c r="CG14" s="195">
        <v>0</v>
      </c>
      <c r="CH14" s="196">
        <v>0</v>
      </c>
      <c r="CI14" s="197">
        <v>0</v>
      </c>
      <c r="CJ14" s="197">
        <v>0</v>
      </c>
      <c r="CK14" s="197">
        <v>0</v>
      </c>
      <c r="CL14" s="195">
        <v>0</v>
      </c>
      <c r="CM14" s="198">
        <v>0</v>
      </c>
      <c r="CN14" s="200">
        <v>0</v>
      </c>
      <c r="CO14" s="201">
        <v>0</v>
      </c>
      <c r="CP14" s="195">
        <v>0</v>
      </c>
      <c r="CQ14" s="195">
        <v>0</v>
      </c>
      <c r="CR14" s="196">
        <v>1</v>
      </c>
      <c r="CS14" s="197">
        <v>0</v>
      </c>
      <c r="CT14" s="197">
        <v>0</v>
      </c>
      <c r="CU14" s="197">
        <v>3</v>
      </c>
      <c r="CV14" s="195">
        <v>31</v>
      </c>
      <c r="CW14" s="198">
        <v>35</v>
      </c>
      <c r="CX14" s="199">
        <v>35</v>
      </c>
      <c r="CY14" s="194">
        <v>0</v>
      </c>
      <c r="CZ14" s="195">
        <v>0</v>
      </c>
      <c r="DA14" s="195">
        <v>0</v>
      </c>
      <c r="DB14" s="196">
        <v>1</v>
      </c>
      <c r="DC14" s="197">
        <v>0</v>
      </c>
      <c r="DD14" s="197">
        <v>0</v>
      </c>
      <c r="DE14" s="197">
        <v>3</v>
      </c>
      <c r="DF14" s="195">
        <v>31</v>
      </c>
      <c r="DG14" s="198">
        <v>35</v>
      </c>
      <c r="DH14" s="200">
        <v>35</v>
      </c>
      <c r="DI14" s="201">
        <v>0</v>
      </c>
      <c r="DJ14" s="195">
        <v>0</v>
      </c>
      <c r="DK14" s="195">
        <v>0</v>
      </c>
      <c r="DL14" s="196">
        <v>0</v>
      </c>
      <c r="DM14" s="197">
        <v>0</v>
      </c>
      <c r="DN14" s="197">
        <v>0</v>
      </c>
      <c r="DO14" s="197">
        <v>0</v>
      </c>
      <c r="DP14" s="195">
        <v>0</v>
      </c>
      <c r="DQ14" s="198">
        <v>0</v>
      </c>
      <c r="DR14" s="200">
        <v>0</v>
      </c>
      <c r="DS14" s="201">
        <v>0</v>
      </c>
      <c r="DT14" s="195">
        <v>0</v>
      </c>
      <c r="DU14" s="195">
        <v>0</v>
      </c>
      <c r="DV14" s="196">
        <v>99</v>
      </c>
      <c r="DW14" s="197">
        <v>168</v>
      </c>
      <c r="DX14" s="197">
        <v>520</v>
      </c>
      <c r="DY14" s="197">
        <v>695</v>
      </c>
      <c r="DZ14" s="195">
        <v>617</v>
      </c>
      <c r="EA14" s="198">
        <v>2099</v>
      </c>
      <c r="EB14" s="200">
        <v>2099</v>
      </c>
      <c r="EC14" s="37"/>
    </row>
    <row r="15" spans="2:133" ht="21" customHeight="1" x14ac:dyDescent="0.2">
      <c r="B15" s="62" t="s">
        <v>11</v>
      </c>
      <c r="C15" s="194">
        <v>0</v>
      </c>
      <c r="D15" s="195">
        <v>0</v>
      </c>
      <c r="E15" s="195">
        <v>0</v>
      </c>
      <c r="F15" s="196">
        <v>2</v>
      </c>
      <c r="G15" s="197">
        <v>6</v>
      </c>
      <c r="H15" s="197">
        <v>198</v>
      </c>
      <c r="I15" s="197">
        <v>350</v>
      </c>
      <c r="J15" s="195">
        <v>197</v>
      </c>
      <c r="K15" s="198">
        <v>753</v>
      </c>
      <c r="L15" s="199">
        <v>753</v>
      </c>
      <c r="M15" s="194">
        <v>0</v>
      </c>
      <c r="N15" s="195">
        <v>0</v>
      </c>
      <c r="O15" s="198">
        <v>0</v>
      </c>
      <c r="P15" s="196">
        <v>2</v>
      </c>
      <c r="Q15" s="197">
        <v>6</v>
      </c>
      <c r="R15" s="197">
        <v>198</v>
      </c>
      <c r="S15" s="197">
        <v>347</v>
      </c>
      <c r="T15" s="195">
        <v>197</v>
      </c>
      <c r="U15" s="198">
        <v>750</v>
      </c>
      <c r="V15" s="200">
        <v>750</v>
      </c>
      <c r="W15" s="201">
        <v>0</v>
      </c>
      <c r="X15" s="195">
        <v>0</v>
      </c>
      <c r="Y15" s="198">
        <v>0</v>
      </c>
      <c r="Z15" s="201">
        <v>0</v>
      </c>
      <c r="AA15" s="197">
        <v>0</v>
      </c>
      <c r="AB15" s="197">
        <v>0</v>
      </c>
      <c r="AC15" s="197">
        <v>3</v>
      </c>
      <c r="AD15" s="195">
        <v>0</v>
      </c>
      <c r="AE15" s="198">
        <v>3</v>
      </c>
      <c r="AF15" s="202">
        <v>3</v>
      </c>
      <c r="AG15" s="201">
        <v>0</v>
      </c>
      <c r="AH15" s="195">
        <v>0</v>
      </c>
      <c r="AI15" s="198">
        <v>0</v>
      </c>
      <c r="AJ15" s="201">
        <v>62</v>
      </c>
      <c r="AK15" s="197">
        <v>84</v>
      </c>
      <c r="AL15" s="197">
        <v>124</v>
      </c>
      <c r="AM15" s="197">
        <v>151</v>
      </c>
      <c r="AN15" s="195">
        <v>70</v>
      </c>
      <c r="AO15" s="198">
        <v>491</v>
      </c>
      <c r="AP15" s="202">
        <v>491</v>
      </c>
      <c r="AQ15" s="201">
        <v>0</v>
      </c>
      <c r="AR15" s="195">
        <v>0</v>
      </c>
      <c r="AS15" s="198">
        <v>0</v>
      </c>
      <c r="AT15" s="196">
        <v>61</v>
      </c>
      <c r="AU15" s="197">
        <v>83</v>
      </c>
      <c r="AV15" s="197">
        <v>121</v>
      </c>
      <c r="AW15" s="197">
        <v>150</v>
      </c>
      <c r="AX15" s="195">
        <v>70</v>
      </c>
      <c r="AY15" s="198">
        <v>485</v>
      </c>
      <c r="AZ15" s="199">
        <v>485</v>
      </c>
      <c r="BA15" s="194">
        <v>0</v>
      </c>
      <c r="BB15" s="195">
        <v>0</v>
      </c>
      <c r="BC15" s="195">
        <v>0</v>
      </c>
      <c r="BD15" s="196">
        <v>1</v>
      </c>
      <c r="BE15" s="197">
        <v>1</v>
      </c>
      <c r="BF15" s="197">
        <v>3</v>
      </c>
      <c r="BG15" s="197">
        <v>1</v>
      </c>
      <c r="BH15" s="195">
        <v>0</v>
      </c>
      <c r="BI15" s="198">
        <v>6</v>
      </c>
      <c r="BJ15" s="200">
        <v>6</v>
      </c>
      <c r="BK15" s="201">
        <v>0</v>
      </c>
      <c r="BL15" s="195">
        <v>0</v>
      </c>
      <c r="BM15" s="195">
        <v>0</v>
      </c>
      <c r="BN15" s="196">
        <v>0</v>
      </c>
      <c r="BO15" s="197">
        <v>0</v>
      </c>
      <c r="BP15" s="197">
        <v>0</v>
      </c>
      <c r="BQ15" s="197">
        <v>0</v>
      </c>
      <c r="BR15" s="195">
        <v>0</v>
      </c>
      <c r="BS15" s="198">
        <v>0</v>
      </c>
      <c r="BT15" s="199">
        <v>0</v>
      </c>
      <c r="BU15" s="194">
        <v>0</v>
      </c>
      <c r="BV15" s="195">
        <v>0</v>
      </c>
      <c r="BW15" s="195">
        <v>0</v>
      </c>
      <c r="BX15" s="196">
        <v>0</v>
      </c>
      <c r="BY15" s="197">
        <v>0</v>
      </c>
      <c r="BZ15" s="197">
        <v>0</v>
      </c>
      <c r="CA15" s="197">
        <v>0</v>
      </c>
      <c r="CB15" s="195">
        <v>0</v>
      </c>
      <c r="CC15" s="198">
        <v>0</v>
      </c>
      <c r="CD15" s="200">
        <v>0</v>
      </c>
      <c r="CE15" s="201">
        <v>0</v>
      </c>
      <c r="CF15" s="195">
        <v>0</v>
      </c>
      <c r="CG15" s="195">
        <v>0</v>
      </c>
      <c r="CH15" s="196">
        <v>0</v>
      </c>
      <c r="CI15" s="197">
        <v>0</v>
      </c>
      <c r="CJ15" s="197">
        <v>0</v>
      </c>
      <c r="CK15" s="197">
        <v>0</v>
      </c>
      <c r="CL15" s="195">
        <v>0</v>
      </c>
      <c r="CM15" s="198">
        <v>0</v>
      </c>
      <c r="CN15" s="200">
        <v>0</v>
      </c>
      <c r="CO15" s="201">
        <v>0</v>
      </c>
      <c r="CP15" s="195">
        <v>0</v>
      </c>
      <c r="CQ15" s="195">
        <v>0</v>
      </c>
      <c r="CR15" s="196">
        <v>1</v>
      </c>
      <c r="CS15" s="197">
        <v>6</v>
      </c>
      <c r="CT15" s="197">
        <v>5</v>
      </c>
      <c r="CU15" s="197">
        <v>10</v>
      </c>
      <c r="CV15" s="195">
        <v>17</v>
      </c>
      <c r="CW15" s="198">
        <v>39</v>
      </c>
      <c r="CX15" s="199">
        <v>39</v>
      </c>
      <c r="CY15" s="194">
        <v>0</v>
      </c>
      <c r="CZ15" s="195">
        <v>0</v>
      </c>
      <c r="DA15" s="195">
        <v>0</v>
      </c>
      <c r="DB15" s="196">
        <v>0</v>
      </c>
      <c r="DC15" s="197">
        <v>6</v>
      </c>
      <c r="DD15" s="197">
        <v>5</v>
      </c>
      <c r="DE15" s="197">
        <v>10</v>
      </c>
      <c r="DF15" s="195">
        <v>14</v>
      </c>
      <c r="DG15" s="198">
        <v>35</v>
      </c>
      <c r="DH15" s="200">
        <v>35</v>
      </c>
      <c r="DI15" s="201">
        <v>0</v>
      </c>
      <c r="DJ15" s="195">
        <v>0</v>
      </c>
      <c r="DK15" s="195">
        <v>0</v>
      </c>
      <c r="DL15" s="196">
        <v>1</v>
      </c>
      <c r="DM15" s="197">
        <v>0</v>
      </c>
      <c r="DN15" s="197">
        <v>0</v>
      </c>
      <c r="DO15" s="197">
        <v>0</v>
      </c>
      <c r="DP15" s="195">
        <v>3</v>
      </c>
      <c r="DQ15" s="198">
        <v>4</v>
      </c>
      <c r="DR15" s="200">
        <v>4</v>
      </c>
      <c r="DS15" s="201">
        <v>0</v>
      </c>
      <c r="DT15" s="195">
        <v>0</v>
      </c>
      <c r="DU15" s="195">
        <v>0</v>
      </c>
      <c r="DV15" s="196">
        <v>65</v>
      </c>
      <c r="DW15" s="197">
        <v>96</v>
      </c>
      <c r="DX15" s="197">
        <v>326</v>
      </c>
      <c r="DY15" s="197">
        <v>510</v>
      </c>
      <c r="DZ15" s="195">
        <v>284</v>
      </c>
      <c r="EA15" s="198">
        <v>1281</v>
      </c>
      <c r="EB15" s="200">
        <v>1281</v>
      </c>
      <c r="EC15" s="37"/>
    </row>
    <row r="16" spans="2:133" ht="21" customHeight="1" x14ac:dyDescent="0.2">
      <c r="B16" s="62" t="s">
        <v>12</v>
      </c>
      <c r="C16" s="194">
        <v>0</v>
      </c>
      <c r="D16" s="195">
        <v>0</v>
      </c>
      <c r="E16" s="195">
        <v>0</v>
      </c>
      <c r="F16" s="196">
        <v>1</v>
      </c>
      <c r="G16" s="197">
        <v>20</v>
      </c>
      <c r="H16" s="197">
        <v>181</v>
      </c>
      <c r="I16" s="197">
        <v>297</v>
      </c>
      <c r="J16" s="195">
        <v>245</v>
      </c>
      <c r="K16" s="198">
        <v>744</v>
      </c>
      <c r="L16" s="199">
        <v>744</v>
      </c>
      <c r="M16" s="194">
        <v>0</v>
      </c>
      <c r="N16" s="195">
        <v>0</v>
      </c>
      <c r="O16" s="198">
        <v>0</v>
      </c>
      <c r="P16" s="196">
        <v>1</v>
      </c>
      <c r="Q16" s="197">
        <v>20</v>
      </c>
      <c r="R16" s="197">
        <v>181</v>
      </c>
      <c r="S16" s="197">
        <v>295</v>
      </c>
      <c r="T16" s="195">
        <v>242</v>
      </c>
      <c r="U16" s="198">
        <v>739</v>
      </c>
      <c r="V16" s="200">
        <v>739</v>
      </c>
      <c r="W16" s="201">
        <v>0</v>
      </c>
      <c r="X16" s="195">
        <v>0</v>
      </c>
      <c r="Y16" s="198">
        <v>0</v>
      </c>
      <c r="Z16" s="201">
        <v>0</v>
      </c>
      <c r="AA16" s="197">
        <v>0</v>
      </c>
      <c r="AB16" s="197">
        <v>0</v>
      </c>
      <c r="AC16" s="197">
        <v>2</v>
      </c>
      <c r="AD16" s="195">
        <v>3</v>
      </c>
      <c r="AE16" s="198">
        <v>5</v>
      </c>
      <c r="AF16" s="202">
        <v>5</v>
      </c>
      <c r="AG16" s="201">
        <v>0</v>
      </c>
      <c r="AH16" s="195">
        <v>0</v>
      </c>
      <c r="AI16" s="198">
        <v>0</v>
      </c>
      <c r="AJ16" s="201">
        <v>39</v>
      </c>
      <c r="AK16" s="197">
        <v>90</v>
      </c>
      <c r="AL16" s="197">
        <v>159</v>
      </c>
      <c r="AM16" s="197">
        <v>168</v>
      </c>
      <c r="AN16" s="195">
        <v>73</v>
      </c>
      <c r="AO16" s="198">
        <v>529</v>
      </c>
      <c r="AP16" s="202">
        <v>529</v>
      </c>
      <c r="AQ16" s="201">
        <v>0</v>
      </c>
      <c r="AR16" s="195">
        <v>0</v>
      </c>
      <c r="AS16" s="198">
        <v>0</v>
      </c>
      <c r="AT16" s="196">
        <v>38</v>
      </c>
      <c r="AU16" s="197">
        <v>90</v>
      </c>
      <c r="AV16" s="197">
        <v>157</v>
      </c>
      <c r="AW16" s="197">
        <v>167</v>
      </c>
      <c r="AX16" s="195">
        <v>73</v>
      </c>
      <c r="AY16" s="198">
        <v>525</v>
      </c>
      <c r="AZ16" s="199">
        <v>525</v>
      </c>
      <c r="BA16" s="194">
        <v>0</v>
      </c>
      <c r="BB16" s="195">
        <v>0</v>
      </c>
      <c r="BC16" s="195">
        <v>0</v>
      </c>
      <c r="BD16" s="196">
        <v>1</v>
      </c>
      <c r="BE16" s="197">
        <v>0</v>
      </c>
      <c r="BF16" s="197">
        <v>2</v>
      </c>
      <c r="BG16" s="197">
        <v>1</v>
      </c>
      <c r="BH16" s="195">
        <v>0</v>
      </c>
      <c r="BI16" s="198">
        <v>4</v>
      </c>
      <c r="BJ16" s="200">
        <v>4</v>
      </c>
      <c r="BK16" s="201">
        <v>0</v>
      </c>
      <c r="BL16" s="195">
        <v>0</v>
      </c>
      <c r="BM16" s="195">
        <v>0</v>
      </c>
      <c r="BN16" s="196">
        <v>0</v>
      </c>
      <c r="BO16" s="197">
        <v>0</v>
      </c>
      <c r="BP16" s="197">
        <v>0</v>
      </c>
      <c r="BQ16" s="197">
        <v>0</v>
      </c>
      <c r="BR16" s="195">
        <v>1</v>
      </c>
      <c r="BS16" s="198">
        <v>1</v>
      </c>
      <c r="BT16" s="199">
        <v>1</v>
      </c>
      <c r="BU16" s="194">
        <v>0</v>
      </c>
      <c r="BV16" s="195">
        <v>0</v>
      </c>
      <c r="BW16" s="195">
        <v>0</v>
      </c>
      <c r="BX16" s="196">
        <v>0</v>
      </c>
      <c r="BY16" s="197">
        <v>0</v>
      </c>
      <c r="BZ16" s="197">
        <v>0</v>
      </c>
      <c r="CA16" s="197">
        <v>0</v>
      </c>
      <c r="CB16" s="195">
        <v>1</v>
      </c>
      <c r="CC16" s="198">
        <v>1</v>
      </c>
      <c r="CD16" s="200">
        <v>1</v>
      </c>
      <c r="CE16" s="201">
        <v>0</v>
      </c>
      <c r="CF16" s="195">
        <v>0</v>
      </c>
      <c r="CG16" s="195">
        <v>0</v>
      </c>
      <c r="CH16" s="196">
        <v>0</v>
      </c>
      <c r="CI16" s="197">
        <v>0</v>
      </c>
      <c r="CJ16" s="197">
        <v>0</v>
      </c>
      <c r="CK16" s="197">
        <v>0</v>
      </c>
      <c r="CL16" s="195">
        <v>0</v>
      </c>
      <c r="CM16" s="198">
        <v>0</v>
      </c>
      <c r="CN16" s="200">
        <v>0</v>
      </c>
      <c r="CO16" s="201">
        <v>0</v>
      </c>
      <c r="CP16" s="195">
        <v>0</v>
      </c>
      <c r="CQ16" s="195">
        <v>0</v>
      </c>
      <c r="CR16" s="196">
        <v>0</v>
      </c>
      <c r="CS16" s="197">
        <v>2</v>
      </c>
      <c r="CT16" s="197">
        <v>1</v>
      </c>
      <c r="CU16" s="197">
        <v>14</v>
      </c>
      <c r="CV16" s="195">
        <v>12</v>
      </c>
      <c r="CW16" s="198">
        <v>29</v>
      </c>
      <c r="CX16" s="199">
        <v>29</v>
      </c>
      <c r="CY16" s="194">
        <v>0</v>
      </c>
      <c r="CZ16" s="195">
        <v>0</v>
      </c>
      <c r="DA16" s="195">
        <v>0</v>
      </c>
      <c r="DB16" s="196">
        <v>0</v>
      </c>
      <c r="DC16" s="197">
        <v>2</v>
      </c>
      <c r="DD16" s="197">
        <v>1</v>
      </c>
      <c r="DE16" s="197">
        <v>14</v>
      </c>
      <c r="DF16" s="195">
        <v>12</v>
      </c>
      <c r="DG16" s="198">
        <v>29</v>
      </c>
      <c r="DH16" s="200">
        <v>29</v>
      </c>
      <c r="DI16" s="201">
        <v>0</v>
      </c>
      <c r="DJ16" s="195">
        <v>0</v>
      </c>
      <c r="DK16" s="195">
        <v>0</v>
      </c>
      <c r="DL16" s="196">
        <v>0</v>
      </c>
      <c r="DM16" s="197">
        <v>0</v>
      </c>
      <c r="DN16" s="197">
        <v>0</v>
      </c>
      <c r="DO16" s="197">
        <v>0</v>
      </c>
      <c r="DP16" s="195">
        <v>0</v>
      </c>
      <c r="DQ16" s="198">
        <v>0</v>
      </c>
      <c r="DR16" s="200">
        <v>0</v>
      </c>
      <c r="DS16" s="201">
        <v>0</v>
      </c>
      <c r="DT16" s="195">
        <v>0</v>
      </c>
      <c r="DU16" s="195">
        <v>0</v>
      </c>
      <c r="DV16" s="196">
        <v>40</v>
      </c>
      <c r="DW16" s="197">
        <v>112</v>
      </c>
      <c r="DX16" s="197">
        <v>341</v>
      </c>
      <c r="DY16" s="197">
        <v>478</v>
      </c>
      <c r="DZ16" s="195">
        <v>330</v>
      </c>
      <c r="EA16" s="198">
        <v>1301</v>
      </c>
      <c r="EB16" s="200">
        <v>1301</v>
      </c>
      <c r="EC16" s="37"/>
    </row>
    <row r="17" spans="2:133" ht="21" customHeight="1" x14ac:dyDescent="0.2">
      <c r="B17" s="62" t="s">
        <v>13</v>
      </c>
      <c r="C17" s="194">
        <v>0</v>
      </c>
      <c r="D17" s="195">
        <v>0</v>
      </c>
      <c r="E17" s="195">
        <v>0</v>
      </c>
      <c r="F17" s="196">
        <v>3</v>
      </c>
      <c r="G17" s="197">
        <v>5</v>
      </c>
      <c r="H17" s="197">
        <v>66</v>
      </c>
      <c r="I17" s="197">
        <v>154</v>
      </c>
      <c r="J17" s="195">
        <v>125</v>
      </c>
      <c r="K17" s="198">
        <v>353</v>
      </c>
      <c r="L17" s="199">
        <v>353</v>
      </c>
      <c r="M17" s="194">
        <v>0</v>
      </c>
      <c r="N17" s="195">
        <v>0</v>
      </c>
      <c r="O17" s="198">
        <v>0</v>
      </c>
      <c r="P17" s="196">
        <v>3</v>
      </c>
      <c r="Q17" s="197">
        <v>5</v>
      </c>
      <c r="R17" s="197">
        <v>66</v>
      </c>
      <c r="S17" s="197">
        <v>154</v>
      </c>
      <c r="T17" s="195">
        <v>124</v>
      </c>
      <c r="U17" s="198">
        <v>352</v>
      </c>
      <c r="V17" s="200">
        <v>352</v>
      </c>
      <c r="W17" s="201">
        <v>0</v>
      </c>
      <c r="X17" s="195">
        <v>0</v>
      </c>
      <c r="Y17" s="198">
        <v>0</v>
      </c>
      <c r="Z17" s="201">
        <v>0</v>
      </c>
      <c r="AA17" s="197">
        <v>0</v>
      </c>
      <c r="AB17" s="197">
        <v>0</v>
      </c>
      <c r="AC17" s="197">
        <v>0</v>
      </c>
      <c r="AD17" s="195">
        <v>1</v>
      </c>
      <c r="AE17" s="198">
        <v>1</v>
      </c>
      <c r="AF17" s="202">
        <v>1</v>
      </c>
      <c r="AG17" s="201">
        <v>0</v>
      </c>
      <c r="AH17" s="195">
        <v>0</v>
      </c>
      <c r="AI17" s="198">
        <v>0</v>
      </c>
      <c r="AJ17" s="201">
        <v>10</v>
      </c>
      <c r="AK17" s="197">
        <v>28</v>
      </c>
      <c r="AL17" s="197">
        <v>30</v>
      </c>
      <c r="AM17" s="197">
        <v>30</v>
      </c>
      <c r="AN17" s="195">
        <v>23</v>
      </c>
      <c r="AO17" s="198">
        <v>121</v>
      </c>
      <c r="AP17" s="202">
        <v>121</v>
      </c>
      <c r="AQ17" s="201">
        <v>0</v>
      </c>
      <c r="AR17" s="195">
        <v>0</v>
      </c>
      <c r="AS17" s="198">
        <v>0</v>
      </c>
      <c r="AT17" s="196">
        <v>10</v>
      </c>
      <c r="AU17" s="197">
        <v>28</v>
      </c>
      <c r="AV17" s="197">
        <v>29</v>
      </c>
      <c r="AW17" s="197">
        <v>30</v>
      </c>
      <c r="AX17" s="195">
        <v>21</v>
      </c>
      <c r="AY17" s="198">
        <v>118</v>
      </c>
      <c r="AZ17" s="199">
        <v>118</v>
      </c>
      <c r="BA17" s="194">
        <v>0</v>
      </c>
      <c r="BB17" s="195">
        <v>0</v>
      </c>
      <c r="BC17" s="195">
        <v>0</v>
      </c>
      <c r="BD17" s="196">
        <v>0</v>
      </c>
      <c r="BE17" s="197">
        <v>0</v>
      </c>
      <c r="BF17" s="197">
        <v>1</v>
      </c>
      <c r="BG17" s="197">
        <v>0</v>
      </c>
      <c r="BH17" s="195">
        <v>2</v>
      </c>
      <c r="BI17" s="198">
        <v>3</v>
      </c>
      <c r="BJ17" s="200">
        <v>3</v>
      </c>
      <c r="BK17" s="201">
        <v>0</v>
      </c>
      <c r="BL17" s="195">
        <v>0</v>
      </c>
      <c r="BM17" s="195">
        <v>0</v>
      </c>
      <c r="BN17" s="196">
        <v>0</v>
      </c>
      <c r="BO17" s="197">
        <v>0</v>
      </c>
      <c r="BP17" s="197">
        <v>0</v>
      </c>
      <c r="BQ17" s="197">
        <v>0</v>
      </c>
      <c r="BR17" s="195">
        <v>0</v>
      </c>
      <c r="BS17" s="198">
        <v>0</v>
      </c>
      <c r="BT17" s="199">
        <v>0</v>
      </c>
      <c r="BU17" s="194">
        <v>0</v>
      </c>
      <c r="BV17" s="195">
        <v>0</v>
      </c>
      <c r="BW17" s="195">
        <v>0</v>
      </c>
      <c r="BX17" s="196">
        <v>0</v>
      </c>
      <c r="BY17" s="197">
        <v>0</v>
      </c>
      <c r="BZ17" s="197">
        <v>0</v>
      </c>
      <c r="CA17" s="197">
        <v>0</v>
      </c>
      <c r="CB17" s="195">
        <v>0</v>
      </c>
      <c r="CC17" s="198">
        <v>0</v>
      </c>
      <c r="CD17" s="200">
        <v>0</v>
      </c>
      <c r="CE17" s="201">
        <v>0</v>
      </c>
      <c r="CF17" s="195">
        <v>0</v>
      </c>
      <c r="CG17" s="195">
        <v>0</v>
      </c>
      <c r="CH17" s="196">
        <v>0</v>
      </c>
      <c r="CI17" s="197">
        <v>0</v>
      </c>
      <c r="CJ17" s="197">
        <v>0</v>
      </c>
      <c r="CK17" s="197">
        <v>0</v>
      </c>
      <c r="CL17" s="195">
        <v>0</v>
      </c>
      <c r="CM17" s="198">
        <v>0</v>
      </c>
      <c r="CN17" s="200">
        <v>0</v>
      </c>
      <c r="CO17" s="201">
        <v>0</v>
      </c>
      <c r="CP17" s="195">
        <v>0</v>
      </c>
      <c r="CQ17" s="195">
        <v>0</v>
      </c>
      <c r="CR17" s="196">
        <v>0</v>
      </c>
      <c r="CS17" s="197">
        <v>0</v>
      </c>
      <c r="CT17" s="197">
        <v>0</v>
      </c>
      <c r="CU17" s="197">
        <v>0</v>
      </c>
      <c r="CV17" s="195">
        <v>0</v>
      </c>
      <c r="CW17" s="198">
        <v>0</v>
      </c>
      <c r="CX17" s="199">
        <v>0</v>
      </c>
      <c r="CY17" s="194">
        <v>0</v>
      </c>
      <c r="CZ17" s="195">
        <v>0</v>
      </c>
      <c r="DA17" s="195">
        <v>0</v>
      </c>
      <c r="DB17" s="196">
        <v>0</v>
      </c>
      <c r="DC17" s="197">
        <v>0</v>
      </c>
      <c r="DD17" s="197">
        <v>0</v>
      </c>
      <c r="DE17" s="197">
        <v>0</v>
      </c>
      <c r="DF17" s="195">
        <v>0</v>
      </c>
      <c r="DG17" s="198">
        <v>0</v>
      </c>
      <c r="DH17" s="200">
        <v>0</v>
      </c>
      <c r="DI17" s="201">
        <v>0</v>
      </c>
      <c r="DJ17" s="195">
        <v>0</v>
      </c>
      <c r="DK17" s="195">
        <v>0</v>
      </c>
      <c r="DL17" s="196">
        <v>0</v>
      </c>
      <c r="DM17" s="197">
        <v>0</v>
      </c>
      <c r="DN17" s="197">
        <v>0</v>
      </c>
      <c r="DO17" s="197">
        <v>0</v>
      </c>
      <c r="DP17" s="195">
        <v>0</v>
      </c>
      <c r="DQ17" s="198">
        <v>0</v>
      </c>
      <c r="DR17" s="200">
        <v>0</v>
      </c>
      <c r="DS17" s="201">
        <v>0</v>
      </c>
      <c r="DT17" s="195">
        <v>0</v>
      </c>
      <c r="DU17" s="195">
        <v>0</v>
      </c>
      <c r="DV17" s="196">
        <v>13</v>
      </c>
      <c r="DW17" s="197">
        <v>33</v>
      </c>
      <c r="DX17" s="197">
        <v>96</v>
      </c>
      <c r="DY17" s="197">
        <v>184</v>
      </c>
      <c r="DZ17" s="195">
        <v>148</v>
      </c>
      <c r="EA17" s="198">
        <v>474</v>
      </c>
      <c r="EB17" s="200">
        <v>474</v>
      </c>
      <c r="EC17" s="37"/>
    </row>
    <row r="18" spans="2:133" ht="21" customHeight="1" x14ac:dyDescent="0.2">
      <c r="B18" s="62" t="s">
        <v>15</v>
      </c>
      <c r="C18" s="194">
        <v>0</v>
      </c>
      <c r="D18" s="195">
        <v>0</v>
      </c>
      <c r="E18" s="195">
        <v>0</v>
      </c>
      <c r="F18" s="196">
        <v>0</v>
      </c>
      <c r="G18" s="197">
        <v>1</v>
      </c>
      <c r="H18" s="197">
        <v>87</v>
      </c>
      <c r="I18" s="197">
        <v>133</v>
      </c>
      <c r="J18" s="195">
        <v>88</v>
      </c>
      <c r="K18" s="198">
        <v>309</v>
      </c>
      <c r="L18" s="199">
        <v>309</v>
      </c>
      <c r="M18" s="194">
        <v>0</v>
      </c>
      <c r="N18" s="195">
        <v>0</v>
      </c>
      <c r="O18" s="198">
        <v>0</v>
      </c>
      <c r="P18" s="196">
        <v>0</v>
      </c>
      <c r="Q18" s="197">
        <v>1</v>
      </c>
      <c r="R18" s="197">
        <v>87</v>
      </c>
      <c r="S18" s="197">
        <v>132</v>
      </c>
      <c r="T18" s="195">
        <v>86</v>
      </c>
      <c r="U18" s="198">
        <v>306</v>
      </c>
      <c r="V18" s="200">
        <v>306</v>
      </c>
      <c r="W18" s="201">
        <v>0</v>
      </c>
      <c r="X18" s="195">
        <v>0</v>
      </c>
      <c r="Y18" s="198">
        <v>0</v>
      </c>
      <c r="Z18" s="201">
        <v>0</v>
      </c>
      <c r="AA18" s="197">
        <v>0</v>
      </c>
      <c r="AB18" s="197">
        <v>0</v>
      </c>
      <c r="AC18" s="197">
        <v>1</v>
      </c>
      <c r="AD18" s="195">
        <v>2</v>
      </c>
      <c r="AE18" s="198">
        <v>3</v>
      </c>
      <c r="AF18" s="202">
        <v>3</v>
      </c>
      <c r="AG18" s="201">
        <v>0</v>
      </c>
      <c r="AH18" s="195">
        <v>0</v>
      </c>
      <c r="AI18" s="198">
        <v>0</v>
      </c>
      <c r="AJ18" s="201">
        <v>26</v>
      </c>
      <c r="AK18" s="197">
        <v>32</v>
      </c>
      <c r="AL18" s="197">
        <v>55</v>
      </c>
      <c r="AM18" s="197">
        <v>50</v>
      </c>
      <c r="AN18" s="195">
        <v>24</v>
      </c>
      <c r="AO18" s="198">
        <v>187</v>
      </c>
      <c r="AP18" s="202">
        <v>187</v>
      </c>
      <c r="AQ18" s="201">
        <v>0</v>
      </c>
      <c r="AR18" s="195">
        <v>0</v>
      </c>
      <c r="AS18" s="198">
        <v>0</v>
      </c>
      <c r="AT18" s="196">
        <v>25</v>
      </c>
      <c r="AU18" s="197">
        <v>32</v>
      </c>
      <c r="AV18" s="197">
        <v>55</v>
      </c>
      <c r="AW18" s="197">
        <v>48</v>
      </c>
      <c r="AX18" s="195">
        <v>23</v>
      </c>
      <c r="AY18" s="198">
        <v>183</v>
      </c>
      <c r="AZ18" s="199">
        <v>183</v>
      </c>
      <c r="BA18" s="194">
        <v>0</v>
      </c>
      <c r="BB18" s="195">
        <v>0</v>
      </c>
      <c r="BC18" s="195">
        <v>0</v>
      </c>
      <c r="BD18" s="196">
        <v>1</v>
      </c>
      <c r="BE18" s="197">
        <v>0</v>
      </c>
      <c r="BF18" s="197">
        <v>0</v>
      </c>
      <c r="BG18" s="197">
        <v>2</v>
      </c>
      <c r="BH18" s="195">
        <v>1</v>
      </c>
      <c r="BI18" s="198">
        <v>4</v>
      </c>
      <c r="BJ18" s="200">
        <v>4</v>
      </c>
      <c r="BK18" s="201">
        <v>0</v>
      </c>
      <c r="BL18" s="195">
        <v>0</v>
      </c>
      <c r="BM18" s="195">
        <v>0</v>
      </c>
      <c r="BN18" s="196">
        <v>0</v>
      </c>
      <c r="BO18" s="197">
        <v>0</v>
      </c>
      <c r="BP18" s="197">
        <v>0</v>
      </c>
      <c r="BQ18" s="197">
        <v>0</v>
      </c>
      <c r="BR18" s="195">
        <v>0</v>
      </c>
      <c r="BS18" s="198">
        <v>0</v>
      </c>
      <c r="BT18" s="199">
        <v>0</v>
      </c>
      <c r="BU18" s="194">
        <v>0</v>
      </c>
      <c r="BV18" s="195">
        <v>0</v>
      </c>
      <c r="BW18" s="195">
        <v>0</v>
      </c>
      <c r="BX18" s="196">
        <v>0</v>
      </c>
      <c r="BY18" s="197">
        <v>0</v>
      </c>
      <c r="BZ18" s="197">
        <v>0</v>
      </c>
      <c r="CA18" s="197">
        <v>0</v>
      </c>
      <c r="CB18" s="195">
        <v>0</v>
      </c>
      <c r="CC18" s="198">
        <v>0</v>
      </c>
      <c r="CD18" s="200">
        <v>0</v>
      </c>
      <c r="CE18" s="201">
        <v>0</v>
      </c>
      <c r="CF18" s="195">
        <v>0</v>
      </c>
      <c r="CG18" s="195">
        <v>0</v>
      </c>
      <c r="CH18" s="196">
        <v>0</v>
      </c>
      <c r="CI18" s="197">
        <v>0</v>
      </c>
      <c r="CJ18" s="197">
        <v>0</v>
      </c>
      <c r="CK18" s="197">
        <v>0</v>
      </c>
      <c r="CL18" s="195">
        <v>0</v>
      </c>
      <c r="CM18" s="198">
        <v>0</v>
      </c>
      <c r="CN18" s="200">
        <v>0</v>
      </c>
      <c r="CO18" s="201">
        <v>0</v>
      </c>
      <c r="CP18" s="195">
        <v>0</v>
      </c>
      <c r="CQ18" s="195">
        <v>0</v>
      </c>
      <c r="CR18" s="196">
        <v>0</v>
      </c>
      <c r="CS18" s="197">
        <v>0</v>
      </c>
      <c r="CT18" s="197">
        <v>0</v>
      </c>
      <c r="CU18" s="197">
        <v>0</v>
      </c>
      <c r="CV18" s="195">
        <v>0</v>
      </c>
      <c r="CW18" s="198">
        <v>0</v>
      </c>
      <c r="CX18" s="199">
        <v>0</v>
      </c>
      <c r="CY18" s="194">
        <v>0</v>
      </c>
      <c r="CZ18" s="195">
        <v>0</v>
      </c>
      <c r="DA18" s="195">
        <v>0</v>
      </c>
      <c r="DB18" s="196">
        <v>0</v>
      </c>
      <c r="DC18" s="197">
        <v>0</v>
      </c>
      <c r="DD18" s="197">
        <v>0</v>
      </c>
      <c r="DE18" s="197">
        <v>0</v>
      </c>
      <c r="DF18" s="195">
        <v>0</v>
      </c>
      <c r="DG18" s="198">
        <v>0</v>
      </c>
      <c r="DH18" s="200">
        <v>0</v>
      </c>
      <c r="DI18" s="201">
        <v>0</v>
      </c>
      <c r="DJ18" s="195">
        <v>0</v>
      </c>
      <c r="DK18" s="195">
        <v>0</v>
      </c>
      <c r="DL18" s="196">
        <v>0</v>
      </c>
      <c r="DM18" s="197">
        <v>0</v>
      </c>
      <c r="DN18" s="197">
        <v>0</v>
      </c>
      <c r="DO18" s="197">
        <v>0</v>
      </c>
      <c r="DP18" s="195">
        <v>0</v>
      </c>
      <c r="DQ18" s="198">
        <v>0</v>
      </c>
      <c r="DR18" s="200">
        <v>0</v>
      </c>
      <c r="DS18" s="201">
        <v>0</v>
      </c>
      <c r="DT18" s="195">
        <v>0</v>
      </c>
      <c r="DU18" s="195">
        <v>0</v>
      </c>
      <c r="DV18" s="196">
        <v>26</v>
      </c>
      <c r="DW18" s="197">
        <v>33</v>
      </c>
      <c r="DX18" s="197">
        <v>142</v>
      </c>
      <c r="DY18" s="197">
        <v>183</v>
      </c>
      <c r="DZ18" s="195">
        <v>112</v>
      </c>
      <c r="EA18" s="198">
        <v>496</v>
      </c>
      <c r="EB18" s="200">
        <v>496</v>
      </c>
      <c r="EC18" s="37"/>
    </row>
    <row r="19" spans="2:133" ht="21" customHeight="1" x14ac:dyDescent="0.2">
      <c r="B19" s="62" t="s">
        <v>16</v>
      </c>
      <c r="C19" s="194">
        <v>0</v>
      </c>
      <c r="D19" s="195">
        <v>0</v>
      </c>
      <c r="E19" s="195">
        <v>0</v>
      </c>
      <c r="F19" s="196">
        <v>5</v>
      </c>
      <c r="G19" s="197">
        <v>21</v>
      </c>
      <c r="H19" s="197">
        <v>198</v>
      </c>
      <c r="I19" s="197">
        <v>299</v>
      </c>
      <c r="J19" s="195">
        <v>206</v>
      </c>
      <c r="K19" s="198">
        <v>729</v>
      </c>
      <c r="L19" s="199">
        <v>729</v>
      </c>
      <c r="M19" s="194">
        <v>0</v>
      </c>
      <c r="N19" s="195">
        <v>0</v>
      </c>
      <c r="O19" s="198">
        <v>0</v>
      </c>
      <c r="P19" s="196">
        <v>5</v>
      </c>
      <c r="Q19" s="197">
        <v>20</v>
      </c>
      <c r="R19" s="197">
        <v>198</v>
      </c>
      <c r="S19" s="197">
        <v>297</v>
      </c>
      <c r="T19" s="195">
        <v>202</v>
      </c>
      <c r="U19" s="198">
        <v>722</v>
      </c>
      <c r="V19" s="200">
        <v>722</v>
      </c>
      <c r="W19" s="201">
        <v>0</v>
      </c>
      <c r="X19" s="195">
        <v>0</v>
      </c>
      <c r="Y19" s="198">
        <v>0</v>
      </c>
      <c r="Z19" s="201">
        <v>0</v>
      </c>
      <c r="AA19" s="197">
        <v>1</v>
      </c>
      <c r="AB19" s="197">
        <v>0</v>
      </c>
      <c r="AC19" s="197">
        <v>2</v>
      </c>
      <c r="AD19" s="195">
        <v>4</v>
      </c>
      <c r="AE19" s="198">
        <v>7</v>
      </c>
      <c r="AF19" s="202">
        <v>7</v>
      </c>
      <c r="AG19" s="201">
        <v>0</v>
      </c>
      <c r="AH19" s="195">
        <v>0</v>
      </c>
      <c r="AI19" s="198">
        <v>0</v>
      </c>
      <c r="AJ19" s="201">
        <v>58</v>
      </c>
      <c r="AK19" s="197">
        <v>92</v>
      </c>
      <c r="AL19" s="197">
        <v>135</v>
      </c>
      <c r="AM19" s="197">
        <v>132</v>
      </c>
      <c r="AN19" s="195">
        <v>59</v>
      </c>
      <c r="AO19" s="198">
        <v>476</v>
      </c>
      <c r="AP19" s="202">
        <v>476</v>
      </c>
      <c r="AQ19" s="201">
        <v>0</v>
      </c>
      <c r="AR19" s="195">
        <v>0</v>
      </c>
      <c r="AS19" s="198">
        <v>0</v>
      </c>
      <c r="AT19" s="196">
        <v>58</v>
      </c>
      <c r="AU19" s="197">
        <v>92</v>
      </c>
      <c r="AV19" s="197">
        <v>135</v>
      </c>
      <c r="AW19" s="197">
        <v>131</v>
      </c>
      <c r="AX19" s="195">
        <v>58</v>
      </c>
      <c r="AY19" s="198">
        <v>474</v>
      </c>
      <c r="AZ19" s="199">
        <v>474</v>
      </c>
      <c r="BA19" s="194">
        <v>0</v>
      </c>
      <c r="BB19" s="195">
        <v>0</v>
      </c>
      <c r="BC19" s="195">
        <v>0</v>
      </c>
      <c r="BD19" s="196">
        <v>0</v>
      </c>
      <c r="BE19" s="197">
        <v>0</v>
      </c>
      <c r="BF19" s="197">
        <v>0</v>
      </c>
      <c r="BG19" s="197">
        <v>1</v>
      </c>
      <c r="BH19" s="195">
        <v>1</v>
      </c>
      <c r="BI19" s="198">
        <v>2</v>
      </c>
      <c r="BJ19" s="200">
        <v>2</v>
      </c>
      <c r="BK19" s="201">
        <v>0</v>
      </c>
      <c r="BL19" s="195">
        <v>0</v>
      </c>
      <c r="BM19" s="195">
        <v>0</v>
      </c>
      <c r="BN19" s="196">
        <v>0</v>
      </c>
      <c r="BO19" s="197">
        <v>0</v>
      </c>
      <c r="BP19" s="197">
        <v>0</v>
      </c>
      <c r="BQ19" s="197">
        <v>0</v>
      </c>
      <c r="BR19" s="195">
        <v>1</v>
      </c>
      <c r="BS19" s="198">
        <v>1</v>
      </c>
      <c r="BT19" s="199">
        <v>1</v>
      </c>
      <c r="BU19" s="194">
        <v>0</v>
      </c>
      <c r="BV19" s="195">
        <v>0</v>
      </c>
      <c r="BW19" s="195">
        <v>0</v>
      </c>
      <c r="BX19" s="196">
        <v>0</v>
      </c>
      <c r="BY19" s="197">
        <v>0</v>
      </c>
      <c r="BZ19" s="197">
        <v>0</v>
      </c>
      <c r="CA19" s="197">
        <v>0</v>
      </c>
      <c r="CB19" s="195">
        <v>1</v>
      </c>
      <c r="CC19" s="198">
        <v>1</v>
      </c>
      <c r="CD19" s="200">
        <v>1</v>
      </c>
      <c r="CE19" s="201">
        <v>0</v>
      </c>
      <c r="CF19" s="195">
        <v>0</v>
      </c>
      <c r="CG19" s="195">
        <v>0</v>
      </c>
      <c r="CH19" s="196">
        <v>0</v>
      </c>
      <c r="CI19" s="197">
        <v>0</v>
      </c>
      <c r="CJ19" s="197">
        <v>0</v>
      </c>
      <c r="CK19" s="197">
        <v>0</v>
      </c>
      <c r="CL19" s="195">
        <v>0</v>
      </c>
      <c r="CM19" s="198">
        <v>0</v>
      </c>
      <c r="CN19" s="200">
        <v>0</v>
      </c>
      <c r="CO19" s="201">
        <v>0</v>
      </c>
      <c r="CP19" s="195">
        <v>0</v>
      </c>
      <c r="CQ19" s="195">
        <v>0</v>
      </c>
      <c r="CR19" s="196">
        <v>1</v>
      </c>
      <c r="CS19" s="197">
        <v>0</v>
      </c>
      <c r="CT19" s="197">
        <v>4</v>
      </c>
      <c r="CU19" s="197">
        <v>10</v>
      </c>
      <c r="CV19" s="195">
        <v>17</v>
      </c>
      <c r="CW19" s="198">
        <v>32</v>
      </c>
      <c r="CX19" s="199">
        <v>32</v>
      </c>
      <c r="CY19" s="194">
        <v>0</v>
      </c>
      <c r="CZ19" s="195">
        <v>0</v>
      </c>
      <c r="DA19" s="195">
        <v>0</v>
      </c>
      <c r="DB19" s="196">
        <v>1</v>
      </c>
      <c r="DC19" s="197">
        <v>0</v>
      </c>
      <c r="DD19" s="197">
        <v>4</v>
      </c>
      <c r="DE19" s="197">
        <v>10</v>
      </c>
      <c r="DF19" s="195">
        <v>17</v>
      </c>
      <c r="DG19" s="198">
        <v>32</v>
      </c>
      <c r="DH19" s="200">
        <v>32</v>
      </c>
      <c r="DI19" s="201">
        <v>0</v>
      </c>
      <c r="DJ19" s="195">
        <v>0</v>
      </c>
      <c r="DK19" s="195">
        <v>0</v>
      </c>
      <c r="DL19" s="196">
        <v>0</v>
      </c>
      <c r="DM19" s="197">
        <v>0</v>
      </c>
      <c r="DN19" s="197">
        <v>0</v>
      </c>
      <c r="DO19" s="197">
        <v>0</v>
      </c>
      <c r="DP19" s="195">
        <v>0</v>
      </c>
      <c r="DQ19" s="198">
        <v>0</v>
      </c>
      <c r="DR19" s="200">
        <v>0</v>
      </c>
      <c r="DS19" s="201">
        <v>0</v>
      </c>
      <c r="DT19" s="195">
        <v>0</v>
      </c>
      <c r="DU19" s="195">
        <v>0</v>
      </c>
      <c r="DV19" s="196">
        <v>64</v>
      </c>
      <c r="DW19" s="197">
        <v>113</v>
      </c>
      <c r="DX19" s="197">
        <v>336</v>
      </c>
      <c r="DY19" s="197">
        <v>439</v>
      </c>
      <c r="DZ19" s="195">
        <v>283</v>
      </c>
      <c r="EA19" s="198">
        <v>1235</v>
      </c>
      <c r="EB19" s="200">
        <v>1235</v>
      </c>
      <c r="EC19" s="37"/>
    </row>
    <row r="20" spans="2:133" ht="21" customHeight="1" x14ac:dyDescent="0.2">
      <c r="B20" s="62" t="s">
        <v>17</v>
      </c>
      <c r="C20" s="194">
        <v>0</v>
      </c>
      <c r="D20" s="195">
        <v>0</v>
      </c>
      <c r="E20" s="195">
        <v>0</v>
      </c>
      <c r="F20" s="196">
        <v>3</v>
      </c>
      <c r="G20" s="197">
        <v>16</v>
      </c>
      <c r="H20" s="197">
        <v>196</v>
      </c>
      <c r="I20" s="197">
        <v>273</v>
      </c>
      <c r="J20" s="195">
        <v>208</v>
      </c>
      <c r="K20" s="198">
        <v>696</v>
      </c>
      <c r="L20" s="199">
        <v>696</v>
      </c>
      <c r="M20" s="194">
        <v>0</v>
      </c>
      <c r="N20" s="195">
        <v>0</v>
      </c>
      <c r="O20" s="198">
        <v>0</v>
      </c>
      <c r="P20" s="196">
        <v>3</v>
      </c>
      <c r="Q20" s="197">
        <v>16</v>
      </c>
      <c r="R20" s="197">
        <v>196</v>
      </c>
      <c r="S20" s="197">
        <v>272</v>
      </c>
      <c r="T20" s="195">
        <v>206</v>
      </c>
      <c r="U20" s="198">
        <v>693</v>
      </c>
      <c r="V20" s="200">
        <v>693</v>
      </c>
      <c r="W20" s="201">
        <v>0</v>
      </c>
      <c r="X20" s="195">
        <v>0</v>
      </c>
      <c r="Y20" s="198">
        <v>0</v>
      </c>
      <c r="Z20" s="201">
        <v>0</v>
      </c>
      <c r="AA20" s="197">
        <v>0</v>
      </c>
      <c r="AB20" s="197">
        <v>0</v>
      </c>
      <c r="AC20" s="197">
        <v>1</v>
      </c>
      <c r="AD20" s="195">
        <v>2</v>
      </c>
      <c r="AE20" s="198">
        <v>3</v>
      </c>
      <c r="AF20" s="202">
        <v>3</v>
      </c>
      <c r="AG20" s="201">
        <v>0</v>
      </c>
      <c r="AH20" s="195">
        <v>0</v>
      </c>
      <c r="AI20" s="198">
        <v>0</v>
      </c>
      <c r="AJ20" s="201">
        <v>41</v>
      </c>
      <c r="AK20" s="197">
        <v>106</v>
      </c>
      <c r="AL20" s="197">
        <v>144</v>
      </c>
      <c r="AM20" s="197">
        <v>130</v>
      </c>
      <c r="AN20" s="195">
        <v>84</v>
      </c>
      <c r="AO20" s="198">
        <v>505</v>
      </c>
      <c r="AP20" s="202">
        <v>505</v>
      </c>
      <c r="AQ20" s="201">
        <v>0</v>
      </c>
      <c r="AR20" s="195">
        <v>0</v>
      </c>
      <c r="AS20" s="198">
        <v>0</v>
      </c>
      <c r="AT20" s="196">
        <v>39</v>
      </c>
      <c r="AU20" s="197">
        <v>104</v>
      </c>
      <c r="AV20" s="197">
        <v>138</v>
      </c>
      <c r="AW20" s="197">
        <v>128</v>
      </c>
      <c r="AX20" s="195">
        <v>83</v>
      </c>
      <c r="AY20" s="198">
        <v>492</v>
      </c>
      <c r="AZ20" s="199">
        <v>492</v>
      </c>
      <c r="BA20" s="194">
        <v>0</v>
      </c>
      <c r="BB20" s="195">
        <v>0</v>
      </c>
      <c r="BC20" s="195">
        <v>0</v>
      </c>
      <c r="BD20" s="196">
        <v>2</v>
      </c>
      <c r="BE20" s="197">
        <v>2</v>
      </c>
      <c r="BF20" s="197">
        <v>6</v>
      </c>
      <c r="BG20" s="197">
        <v>2</v>
      </c>
      <c r="BH20" s="195">
        <v>1</v>
      </c>
      <c r="BI20" s="198">
        <v>13</v>
      </c>
      <c r="BJ20" s="200">
        <v>13</v>
      </c>
      <c r="BK20" s="201">
        <v>0</v>
      </c>
      <c r="BL20" s="195">
        <v>0</v>
      </c>
      <c r="BM20" s="195">
        <v>0</v>
      </c>
      <c r="BN20" s="196">
        <v>0</v>
      </c>
      <c r="BO20" s="197">
        <v>0</v>
      </c>
      <c r="BP20" s="197">
        <v>0</v>
      </c>
      <c r="BQ20" s="197">
        <v>0</v>
      </c>
      <c r="BR20" s="195">
        <v>4</v>
      </c>
      <c r="BS20" s="198">
        <v>4</v>
      </c>
      <c r="BT20" s="199">
        <v>4</v>
      </c>
      <c r="BU20" s="194">
        <v>0</v>
      </c>
      <c r="BV20" s="195">
        <v>0</v>
      </c>
      <c r="BW20" s="195">
        <v>0</v>
      </c>
      <c r="BX20" s="196">
        <v>0</v>
      </c>
      <c r="BY20" s="197">
        <v>0</v>
      </c>
      <c r="BZ20" s="197">
        <v>0</v>
      </c>
      <c r="CA20" s="197">
        <v>0</v>
      </c>
      <c r="CB20" s="195">
        <v>4</v>
      </c>
      <c r="CC20" s="198">
        <v>4</v>
      </c>
      <c r="CD20" s="200">
        <v>4</v>
      </c>
      <c r="CE20" s="201">
        <v>0</v>
      </c>
      <c r="CF20" s="195">
        <v>0</v>
      </c>
      <c r="CG20" s="195">
        <v>0</v>
      </c>
      <c r="CH20" s="196">
        <v>0</v>
      </c>
      <c r="CI20" s="197">
        <v>0</v>
      </c>
      <c r="CJ20" s="197">
        <v>0</v>
      </c>
      <c r="CK20" s="197">
        <v>0</v>
      </c>
      <c r="CL20" s="195">
        <v>0</v>
      </c>
      <c r="CM20" s="198">
        <v>0</v>
      </c>
      <c r="CN20" s="200">
        <v>0</v>
      </c>
      <c r="CO20" s="201">
        <v>0</v>
      </c>
      <c r="CP20" s="195">
        <v>0</v>
      </c>
      <c r="CQ20" s="195">
        <v>0</v>
      </c>
      <c r="CR20" s="196">
        <v>0</v>
      </c>
      <c r="CS20" s="197">
        <v>0</v>
      </c>
      <c r="CT20" s="197">
        <v>1</v>
      </c>
      <c r="CU20" s="197">
        <v>3</v>
      </c>
      <c r="CV20" s="195">
        <v>11</v>
      </c>
      <c r="CW20" s="198">
        <v>15</v>
      </c>
      <c r="CX20" s="199">
        <v>15</v>
      </c>
      <c r="CY20" s="194">
        <v>0</v>
      </c>
      <c r="CZ20" s="195">
        <v>0</v>
      </c>
      <c r="DA20" s="195">
        <v>0</v>
      </c>
      <c r="DB20" s="196">
        <v>0</v>
      </c>
      <c r="DC20" s="197">
        <v>0</v>
      </c>
      <c r="DD20" s="197">
        <v>1</v>
      </c>
      <c r="DE20" s="197">
        <v>3</v>
      </c>
      <c r="DF20" s="195">
        <v>10</v>
      </c>
      <c r="DG20" s="198">
        <v>14</v>
      </c>
      <c r="DH20" s="200">
        <v>14</v>
      </c>
      <c r="DI20" s="201">
        <v>0</v>
      </c>
      <c r="DJ20" s="195">
        <v>0</v>
      </c>
      <c r="DK20" s="195">
        <v>0</v>
      </c>
      <c r="DL20" s="196">
        <v>0</v>
      </c>
      <c r="DM20" s="197">
        <v>0</v>
      </c>
      <c r="DN20" s="197">
        <v>0</v>
      </c>
      <c r="DO20" s="197">
        <v>0</v>
      </c>
      <c r="DP20" s="195">
        <v>1</v>
      </c>
      <c r="DQ20" s="198">
        <v>1</v>
      </c>
      <c r="DR20" s="200">
        <v>1</v>
      </c>
      <c r="DS20" s="201">
        <v>0</v>
      </c>
      <c r="DT20" s="195">
        <v>0</v>
      </c>
      <c r="DU20" s="195">
        <v>0</v>
      </c>
      <c r="DV20" s="196">
        <v>44</v>
      </c>
      <c r="DW20" s="197">
        <v>122</v>
      </c>
      <c r="DX20" s="197">
        <v>341</v>
      </c>
      <c r="DY20" s="197">
        <v>406</v>
      </c>
      <c r="DZ20" s="195">
        <v>307</v>
      </c>
      <c r="EA20" s="198">
        <v>1220</v>
      </c>
      <c r="EB20" s="200">
        <v>1220</v>
      </c>
      <c r="EC20" s="37"/>
    </row>
    <row r="21" spans="2:133" ht="21" customHeight="1" x14ac:dyDescent="0.2">
      <c r="B21" s="62" t="s">
        <v>18</v>
      </c>
      <c r="C21" s="194">
        <v>0</v>
      </c>
      <c r="D21" s="195">
        <v>0</v>
      </c>
      <c r="E21" s="195">
        <v>0</v>
      </c>
      <c r="F21" s="196">
        <v>5</v>
      </c>
      <c r="G21" s="197">
        <v>16</v>
      </c>
      <c r="H21" s="197">
        <v>179</v>
      </c>
      <c r="I21" s="197">
        <v>396</v>
      </c>
      <c r="J21" s="195">
        <v>264</v>
      </c>
      <c r="K21" s="198">
        <v>860</v>
      </c>
      <c r="L21" s="199">
        <v>860</v>
      </c>
      <c r="M21" s="194">
        <v>0</v>
      </c>
      <c r="N21" s="195">
        <v>0</v>
      </c>
      <c r="O21" s="198">
        <v>0</v>
      </c>
      <c r="P21" s="196">
        <v>5</v>
      </c>
      <c r="Q21" s="197">
        <v>16</v>
      </c>
      <c r="R21" s="197">
        <v>175</v>
      </c>
      <c r="S21" s="197">
        <v>394</v>
      </c>
      <c r="T21" s="195">
        <v>261</v>
      </c>
      <c r="U21" s="198">
        <v>851</v>
      </c>
      <c r="V21" s="200">
        <v>851</v>
      </c>
      <c r="W21" s="201">
        <v>0</v>
      </c>
      <c r="X21" s="195">
        <v>0</v>
      </c>
      <c r="Y21" s="198">
        <v>0</v>
      </c>
      <c r="Z21" s="201">
        <v>0</v>
      </c>
      <c r="AA21" s="197">
        <v>0</v>
      </c>
      <c r="AB21" s="197">
        <v>4</v>
      </c>
      <c r="AC21" s="197">
        <v>2</v>
      </c>
      <c r="AD21" s="195">
        <v>3</v>
      </c>
      <c r="AE21" s="198">
        <v>9</v>
      </c>
      <c r="AF21" s="202">
        <v>9</v>
      </c>
      <c r="AG21" s="201">
        <v>0</v>
      </c>
      <c r="AH21" s="195">
        <v>0</v>
      </c>
      <c r="AI21" s="198">
        <v>0</v>
      </c>
      <c r="AJ21" s="201">
        <v>37</v>
      </c>
      <c r="AK21" s="197">
        <v>60</v>
      </c>
      <c r="AL21" s="197">
        <v>111</v>
      </c>
      <c r="AM21" s="197">
        <v>123</v>
      </c>
      <c r="AN21" s="195">
        <v>85</v>
      </c>
      <c r="AO21" s="198">
        <v>416</v>
      </c>
      <c r="AP21" s="202">
        <v>416</v>
      </c>
      <c r="AQ21" s="201">
        <v>0</v>
      </c>
      <c r="AR21" s="195">
        <v>0</v>
      </c>
      <c r="AS21" s="198">
        <v>0</v>
      </c>
      <c r="AT21" s="196">
        <v>37</v>
      </c>
      <c r="AU21" s="197">
        <v>59</v>
      </c>
      <c r="AV21" s="197">
        <v>107</v>
      </c>
      <c r="AW21" s="197">
        <v>121</v>
      </c>
      <c r="AX21" s="195">
        <v>82</v>
      </c>
      <c r="AY21" s="198">
        <v>406</v>
      </c>
      <c r="AZ21" s="199">
        <v>406</v>
      </c>
      <c r="BA21" s="194">
        <v>0</v>
      </c>
      <c r="BB21" s="195">
        <v>0</v>
      </c>
      <c r="BC21" s="195">
        <v>0</v>
      </c>
      <c r="BD21" s="196">
        <v>0</v>
      </c>
      <c r="BE21" s="197">
        <v>1</v>
      </c>
      <c r="BF21" s="197">
        <v>4</v>
      </c>
      <c r="BG21" s="197">
        <v>2</v>
      </c>
      <c r="BH21" s="195">
        <v>3</v>
      </c>
      <c r="BI21" s="198">
        <v>10</v>
      </c>
      <c r="BJ21" s="200">
        <v>10</v>
      </c>
      <c r="BK21" s="201">
        <v>0</v>
      </c>
      <c r="BL21" s="195">
        <v>0</v>
      </c>
      <c r="BM21" s="195">
        <v>0</v>
      </c>
      <c r="BN21" s="196">
        <v>0</v>
      </c>
      <c r="BO21" s="197">
        <v>0</v>
      </c>
      <c r="BP21" s="197">
        <v>0</v>
      </c>
      <c r="BQ21" s="197">
        <v>1</v>
      </c>
      <c r="BR21" s="195">
        <v>6</v>
      </c>
      <c r="BS21" s="198">
        <v>7</v>
      </c>
      <c r="BT21" s="199">
        <v>7</v>
      </c>
      <c r="BU21" s="194">
        <v>0</v>
      </c>
      <c r="BV21" s="195">
        <v>0</v>
      </c>
      <c r="BW21" s="195">
        <v>0</v>
      </c>
      <c r="BX21" s="196">
        <v>0</v>
      </c>
      <c r="BY21" s="197">
        <v>0</v>
      </c>
      <c r="BZ21" s="197">
        <v>0</v>
      </c>
      <c r="CA21" s="197">
        <v>1</v>
      </c>
      <c r="CB21" s="195">
        <v>6</v>
      </c>
      <c r="CC21" s="198">
        <v>7</v>
      </c>
      <c r="CD21" s="200">
        <v>7</v>
      </c>
      <c r="CE21" s="201">
        <v>0</v>
      </c>
      <c r="CF21" s="195">
        <v>0</v>
      </c>
      <c r="CG21" s="195">
        <v>0</v>
      </c>
      <c r="CH21" s="196">
        <v>0</v>
      </c>
      <c r="CI21" s="197">
        <v>0</v>
      </c>
      <c r="CJ21" s="197">
        <v>0</v>
      </c>
      <c r="CK21" s="197">
        <v>0</v>
      </c>
      <c r="CL21" s="195">
        <v>0</v>
      </c>
      <c r="CM21" s="198">
        <v>0</v>
      </c>
      <c r="CN21" s="200">
        <v>0</v>
      </c>
      <c r="CO21" s="201">
        <v>0</v>
      </c>
      <c r="CP21" s="195">
        <v>0</v>
      </c>
      <c r="CQ21" s="195">
        <v>0</v>
      </c>
      <c r="CR21" s="196">
        <v>0</v>
      </c>
      <c r="CS21" s="197">
        <v>0</v>
      </c>
      <c r="CT21" s="197">
        <v>1</v>
      </c>
      <c r="CU21" s="197">
        <v>7</v>
      </c>
      <c r="CV21" s="195">
        <v>19</v>
      </c>
      <c r="CW21" s="198">
        <v>27</v>
      </c>
      <c r="CX21" s="199">
        <v>27</v>
      </c>
      <c r="CY21" s="194">
        <v>0</v>
      </c>
      <c r="CZ21" s="195">
        <v>0</v>
      </c>
      <c r="DA21" s="195">
        <v>0</v>
      </c>
      <c r="DB21" s="196">
        <v>0</v>
      </c>
      <c r="DC21" s="197">
        <v>0</v>
      </c>
      <c r="DD21" s="197">
        <v>1</v>
      </c>
      <c r="DE21" s="197">
        <v>7</v>
      </c>
      <c r="DF21" s="195">
        <v>18</v>
      </c>
      <c r="DG21" s="198">
        <v>26</v>
      </c>
      <c r="DH21" s="200">
        <v>26</v>
      </c>
      <c r="DI21" s="201">
        <v>0</v>
      </c>
      <c r="DJ21" s="195">
        <v>0</v>
      </c>
      <c r="DK21" s="195">
        <v>0</v>
      </c>
      <c r="DL21" s="196">
        <v>0</v>
      </c>
      <c r="DM21" s="197">
        <v>0</v>
      </c>
      <c r="DN21" s="197">
        <v>0</v>
      </c>
      <c r="DO21" s="197">
        <v>0</v>
      </c>
      <c r="DP21" s="195">
        <v>1</v>
      </c>
      <c r="DQ21" s="198">
        <v>1</v>
      </c>
      <c r="DR21" s="200">
        <v>1</v>
      </c>
      <c r="DS21" s="201">
        <v>0</v>
      </c>
      <c r="DT21" s="195">
        <v>0</v>
      </c>
      <c r="DU21" s="195">
        <v>0</v>
      </c>
      <c r="DV21" s="196">
        <v>42</v>
      </c>
      <c r="DW21" s="197">
        <v>76</v>
      </c>
      <c r="DX21" s="197">
        <v>291</v>
      </c>
      <c r="DY21" s="197">
        <v>526</v>
      </c>
      <c r="DZ21" s="195">
        <v>371</v>
      </c>
      <c r="EA21" s="198">
        <v>1306</v>
      </c>
      <c r="EB21" s="200">
        <v>1306</v>
      </c>
      <c r="EC21" s="37"/>
    </row>
    <row r="22" spans="2:133" ht="21" customHeight="1" x14ac:dyDescent="0.2">
      <c r="B22" s="62" t="s">
        <v>19</v>
      </c>
      <c r="C22" s="194">
        <v>0</v>
      </c>
      <c r="D22" s="195">
        <v>0</v>
      </c>
      <c r="E22" s="195">
        <v>0</v>
      </c>
      <c r="F22" s="196">
        <v>0</v>
      </c>
      <c r="G22" s="197">
        <v>7</v>
      </c>
      <c r="H22" s="197">
        <v>112</v>
      </c>
      <c r="I22" s="197">
        <v>143</v>
      </c>
      <c r="J22" s="195">
        <v>92</v>
      </c>
      <c r="K22" s="198">
        <v>354</v>
      </c>
      <c r="L22" s="199">
        <v>354</v>
      </c>
      <c r="M22" s="194">
        <v>0</v>
      </c>
      <c r="N22" s="195">
        <v>0</v>
      </c>
      <c r="O22" s="198">
        <v>0</v>
      </c>
      <c r="P22" s="196">
        <v>0</v>
      </c>
      <c r="Q22" s="197">
        <v>7</v>
      </c>
      <c r="R22" s="197">
        <v>111</v>
      </c>
      <c r="S22" s="197">
        <v>143</v>
      </c>
      <c r="T22" s="195">
        <v>92</v>
      </c>
      <c r="U22" s="198">
        <v>353</v>
      </c>
      <c r="V22" s="200">
        <v>353</v>
      </c>
      <c r="W22" s="201">
        <v>0</v>
      </c>
      <c r="X22" s="195">
        <v>0</v>
      </c>
      <c r="Y22" s="198">
        <v>0</v>
      </c>
      <c r="Z22" s="201">
        <v>0</v>
      </c>
      <c r="AA22" s="197">
        <v>0</v>
      </c>
      <c r="AB22" s="197">
        <v>1</v>
      </c>
      <c r="AC22" s="197">
        <v>0</v>
      </c>
      <c r="AD22" s="195">
        <v>0</v>
      </c>
      <c r="AE22" s="198">
        <v>1</v>
      </c>
      <c r="AF22" s="202">
        <v>1</v>
      </c>
      <c r="AG22" s="201">
        <v>0</v>
      </c>
      <c r="AH22" s="195">
        <v>0</v>
      </c>
      <c r="AI22" s="198">
        <v>0</v>
      </c>
      <c r="AJ22" s="201">
        <v>15</v>
      </c>
      <c r="AK22" s="197">
        <v>49</v>
      </c>
      <c r="AL22" s="197">
        <v>86</v>
      </c>
      <c r="AM22" s="197">
        <v>49</v>
      </c>
      <c r="AN22" s="195">
        <v>33</v>
      </c>
      <c r="AO22" s="198">
        <v>232</v>
      </c>
      <c r="AP22" s="202">
        <v>232</v>
      </c>
      <c r="AQ22" s="201">
        <v>0</v>
      </c>
      <c r="AR22" s="195">
        <v>0</v>
      </c>
      <c r="AS22" s="198">
        <v>0</v>
      </c>
      <c r="AT22" s="196">
        <v>15</v>
      </c>
      <c r="AU22" s="197">
        <v>49</v>
      </c>
      <c r="AV22" s="197">
        <v>84</v>
      </c>
      <c r="AW22" s="197">
        <v>48</v>
      </c>
      <c r="AX22" s="195">
        <v>32</v>
      </c>
      <c r="AY22" s="198">
        <v>228</v>
      </c>
      <c r="AZ22" s="199">
        <v>228</v>
      </c>
      <c r="BA22" s="194">
        <v>0</v>
      </c>
      <c r="BB22" s="195">
        <v>0</v>
      </c>
      <c r="BC22" s="195">
        <v>0</v>
      </c>
      <c r="BD22" s="196">
        <v>0</v>
      </c>
      <c r="BE22" s="197">
        <v>0</v>
      </c>
      <c r="BF22" s="197">
        <v>2</v>
      </c>
      <c r="BG22" s="197">
        <v>1</v>
      </c>
      <c r="BH22" s="195">
        <v>1</v>
      </c>
      <c r="BI22" s="198">
        <v>4</v>
      </c>
      <c r="BJ22" s="200">
        <v>4</v>
      </c>
      <c r="BK22" s="201">
        <v>0</v>
      </c>
      <c r="BL22" s="195">
        <v>0</v>
      </c>
      <c r="BM22" s="195">
        <v>0</v>
      </c>
      <c r="BN22" s="196">
        <v>0</v>
      </c>
      <c r="BO22" s="197">
        <v>0</v>
      </c>
      <c r="BP22" s="197">
        <v>0</v>
      </c>
      <c r="BQ22" s="197">
        <v>0</v>
      </c>
      <c r="BR22" s="195">
        <v>0</v>
      </c>
      <c r="BS22" s="198">
        <v>0</v>
      </c>
      <c r="BT22" s="199">
        <v>0</v>
      </c>
      <c r="BU22" s="194">
        <v>0</v>
      </c>
      <c r="BV22" s="195">
        <v>0</v>
      </c>
      <c r="BW22" s="195">
        <v>0</v>
      </c>
      <c r="BX22" s="196">
        <v>0</v>
      </c>
      <c r="BY22" s="197">
        <v>0</v>
      </c>
      <c r="BZ22" s="197">
        <v>0</v>
      </c>
      <c r="CA22" s="197">
        <v>0</v>
      </c>
      <c r="CB22" s="195">
        <v>0</v>
      </c>
      <c r="CC22" s="198">
        <v>0</v>
      </c>
      <c r="CD22" s="200">
        <v>0</v>
      </c>
      <c r="CE22" s="201">
        <v>0</v>
      </c>
      <c r="CF22" s="195">
        <v>0</v>
      </c>
      <c r="CG22" s="195">
        <v>0</v>
      </c>
      <c r="CH22" s="196">
        <v>0</v>
      </c>
      <c r="CI22" s="197">
        <v>0</v>
      </c>
      <c r="CJ22" s="197">
        <v>0</v>
      </c>
      <c r="CK22" s="197">
        <v>0</v>
      </c>
      <c r="CL22" s="195">
        <v>0</v>
      </c>
      <c r="CM22" s="198">
        <v>0</v>
      </c>
      <c r="CN22" s="200">
        <v>0</v>
      </c>
      <c r="CO22" s="201">
        <v>0</v>
      </c>
      <c r="CP22" s="195">
        <v>0</v>
      </c>
      <c r="CQ22" s="195">
        <v>0</v>
      </c>
      <c r="CR22" s="196">
        <v>0</v>
      </c>
      <c r="CS22" s="197">
        <v>0</v>
      </c>
      <c r="CT22" s="197">
        <v>0</v>
      </c>
      <c r="CU22" s="197">
        <v>5</v>
      </c>
      <c r="CV22" s="195">
        <v>5</v>
      </c>
      <c r="CW22" s="198">
        <v>10</v>
      </c>
      <c r="CX22" s="199">
        <v>10</v>
      </c>
      <c r="CY22" s="194">
        <v>0</v>
      </c>
      <c r="CZ22" s="195">
        <v>0</v>
      </c>
      <c r="DA22" s="195">
        <v>0</v>
      </c>
      <c r="DB22" s="196">
        <v>0</v>
      </c>
      <c r="DC22" s="197">
        <v>0</v>
      </c>
      <c r="DD22" s="197">
        <v>0</v>
      </c>
      <c r="DE22" s="197">
        <v>5</v>
      </c>
      <c r="DF22" s="195">
        <v>4</v>
      </c>
      <c r="DG22" s="198">
        <v>9</v>
      </c>
      <c r="DH22" s="200">
        <v>9</v>
      </c>
      <c r="DI22" s="201">
        <v>0</v>
      </c>
      <c r="DJ22" s="195">
        <v>0</v>
      </c>
      <c r="DK22" s="195">
        <v>0</v>
      </c>
      <c r="DL22" s="196">
        <v>0</v>
      </c>
      <c r="DM22" s="197">
        <v>0</v>
      </c>
      <c r="DN22" s="197">
        <v>0</v>
      </c>
      <c r="DO22" s="197">
        <v>0</v>
      </c>
      <c r="DP22" s="195">
        <v>1</v>
      </c>
      <c r="DQ22" s="198">
        <v>1</v>
      </c>
      <c r="DR22" s="200">
        <v>1</v>
      </c>
      <c r="DS22" s="201">
        <v>0</v>
      </c>
      <c r="DT22" s="195">
        <v>0</v>
      </c>
      <c r="DU22" s="195">
        <v>0</v>
      </c>
      <c r="DV22" s="196">
        <v>15</v>
      </c>
      <c r="DW22" s="197">
        <v>56</v>
      </c>
      <c r="DX22" s="197">
        <v>197</v>
      </c>
      <c r="DY22" s="197">
        <v>195</v>
      </c>
      <c r="DZ22" s="195">
        <v>130</v>
      </c>
      <c r="EA22" s="198">
        <v>593</v>
      </c>
      <c r="EB22" s="200">
        <v>593</v>
      </c>
      <c r="EC22" s="37"/>
    </row>
    <row r="23" spans="2:133" ht="21" customHeight="1" x14ac:dyDescent="0.2">
      <c r="B23" s="62" t="s">
        <v>20</v>
      </c>
      <c r="C23" s="194">
        <v>0</v>
      </c>
      <c r="D23" s="195">
        <v>0</v>
      </c>
      <c r="E23" s="195">
        <v>0</v>
      </c>
      <c r="F23" s="196">
        <v>3</v>
      </c>
      <c r="G23" s="197">
        <v>27</v>
      </c>
      <c r="H23" s="197">
        <v>130</v>
      </c>
      <c r="I23" s="197">
        <v>195</v>
      </c>
      <c r="J23" s="195">
        <v>108</v>
      </c>
      <c r="K23" s="198">
        <v>463</v>
      </c>
      <c r="L23" s="199">
        <v>463</v>
      </c>
      <c r="M23" s="194">
        <v>0</v>
      </c>
      <c r="N23" s="195">
        <v>0</v>
      </c>
      <c r="O23" s="198">
        <v>0</v>
      </c>
      <c r="P23" s="196">
        <v>3</v>
      </c>
      <c r="Q23" s="197">
        <v>27</v>
      </c>
      <c r="R23" s="197">
        <v>129</v>
      </c>
      <c r="S23" s="197">
        <v>194</v>
      </c>
      <c r="T23" s="195">
        <v>106</v>
      </c>
      <c r="U23" s="198">
        <v>459</v>
      </c>
      <c r="V23" s="200">
        <v>459</v>
      </c>
      <c r="W23" s="201">
        <v>0</v>
      </c>
      <c r="X23" s="195">
        <v>0</v>
      </c>
      <c r="Y23" s="198">
        <v>0</v>
      </c>
      <c r="Z23" s="201">
        <v>0</v>
      </c>
      <c r="AA23" s="197">
        <v>0</v>
      </c>
      <c r="AB23" s="197">
        <v>1</v>
      </c>
      <c r="AC23" s="197">
        <v>1</v>
      </c>
      <c r="AD23" s="195">
        <v>2</v>
      </c>
      <c r="AE23" s="198">
        <v>4</v>
      </c>
      <c r="AF23" s="202">
        <v>4</v>
      </c>
      <c r="AG23" s="201">
        <v>0</v>
      </c>
      <c r="AH23" s="195">
        <v>0</v>
      </c>
      <c r="AI23" s="198">
        <v>0</v>
      </c>
      <c r="AJ23" s="201">
        <v>15</v>
      </c>
      <c r="AK23" s="197">
        <v>40</v>
      </c>
      <c r="AL23" s="197">
        <v>43</v>
      </c>
      <c r="AM23" s="197">
        <v>49</v>
      </c>
      <c r="AN23" s="195">
        <v>20</v>
      </c>
      <c r="AO23" s="198">
        <v>167</v>
      </c>
      <c r="AP23" s="202">
        <v>167</v>
      </c>
      <c r="AQ23" s="201">
        <v>0</v>
      </c>
      <c r="AR23" s="195">
        <v>0</v>
      </c>
      <c r="AS23" s="198">
        <v>0</v>
      </c>
      <c r="AT23" s="196">
        <v>14</v>
      </c>
      <c r="AU23" s="197">
        <v>40</v>
      </c>
      <c r="AV23" s="197">
        <v>43</v>
      </c>
      <c r="AW23" s="197">
        <v>48</v>
      </c>
      <c r="AX23" s="195">
        <v>20</v>
      </c>
      <c r="AY23" s="198">
        <v>165</v>
      </c>
      <c r="AZ23" s="199">
        <v>165</v>
      </c>
      <c r="BA23" s="194">
        <v>0</v>
      </c>
      <c r="BB23" s="195">
        <v>0</v>
      </c>
      <c r="BC23" s="195">
        <v>0</v>
      </c>
      <c r="BD23" s="196">
        <v>1</v>
      </c>
      <c r="BE23" s="197">
        <v>0</v>
      </c>
      <c r="BF23" s="197">
        <v>0</v>
      </c>
      <c r="BG23" s="197">
        <v>1</v>
      </c>
      <c r="BH23" s="195">
        <v>0</v>
      </c>
      <c r="BI23" s="198">
        <v>2</v>
      </c>
      <c r="BJ23" s="200">
        <v>2</v>
      </c>
      <c r="BK23" s="201">
        <v>0</v>
      </c>
      <c r="BL23" s="195">
        <v>0</v>
      </c>
      <c r="BM23" s="195">
        <v>0</v>
      </c>
      <c r="BN23" s="196">
        <v>0</v>
      </c>
      <c r="BO23" s="197">
        <v>0</v>
      </c>
      <c r="BP23" s="197">
        <v>0</v>
      </c>
      <c r="BQ23" s="197">
        <v>1</v>
      </c>
      <c r="BR23" s="195">
        <v>0</v>
      </c>
      <c r="BS23" s="198">
        <v>1</v>
      </c>
      <c r="BT23" s="199">
        <v>1</v>
      </c>
      <c r="BU23" s="194">
        <v>0</v>
      </c>
      <c r="BV23" s="195">
        <v>0</v>
      </c>
      <c r="BW23" s="195">
        <v>0</v>
      </c>
      <c r="BX23" s="196">
        <v>0</v>
      </c>
      <c r="BY23" s="197">
        <v>0</v>
      </c>
      <c r="BZ23" s="197">
        <v>0</v>
      </c>
      <c r="CA23" s="197">
        <v>1</v>
      </c>
      <c r="CB23" s="195">
        <v>0</v>
      </c>
      <c r="CC23" s="198">
        <v>1</v>
      </c>
      <c r="CD23" s="200">
        <v>1</v>
      </c>
      <c r="CE23" s="201">
        <v>0</v>
      </c>
      <c r="CF23" s="195">
        <v>0</v>
      </c>
      <c r="CG23" s="195">
        <v>0</v>
      </c>
      <c r="CH23" s="196">
        <v>0</v>
      </c>
      <c r="CI23" s="197">
        <v>0</v>
      </c>
      <c r="CJ23" s="197">
        <v>0</v>
      </c>
      <c r="CK23" s="197">
        <v>0</v>
      </c>
      <c r="CL23" s="195">
        <v>0</v>
      </c>
      <c r="CM23" s="198">
        <v>0</v>
      </c>
      <c r="CN23" s="200">
        <v>0</v>
      </c>
      <c r="CO23" s="201">
        <v>0</v>
      </c>
      <c r="CP23" s="195">
        <v>0</v>
      </c>
      <c r="CQ23" s="195">
        <v>0</v>
      </c>
      <c r="CR23" s="196">
        <v>0</v>
      </c>
      <c r="CS23" s="197">
        <v>0</v>
      </c>
      <c r="CT23" s="197">
        <v>0</v>
      </c>
      <c r="CU23" s="197">
        <v>1</v>
      </c>
      <c r="CV23" s="195">
        <v>5</v>
      </c>
      <c r="CW23" s="198">
        <v>6</v>
      </c>
      <c r="CX23" s="199">
        <v>6</v>
      </c>
      <c r="CY23" s="194">
        <v>0</v>
      </c>
      <c r="CZ23" s="195">
        <v>0</v>
      </c>
      <c r="DA23" s="195">
        <v>0</v>
      </c>
      <c r="DB23" s="196">
        <v>0</v>
      </c>
      <c r="DC23" s="197">
        <v>0</v>
      </c>
      <c r="DD23" s="197">
        <v>0</v>
      </c>
      <c r="DE23" s="197">
        <v>1</v>
      </c>
      <c r="DF23" s="195">
        <v>5</v>
      </c>
      <c r="DG23" s="198">
        <v>6</v>
      </c>
      <c r="DH23" s="200">
        <v>6</v>
      </c>
      <c r="DI23" s="201">
        <v>0</v>
      </c>
      <c r="DJ23" s="195">
        <v>0</v>
      </c>
      <c r="DK23" s="195">
        <v>0</v>
      </c>
      <c r="DL23" s="196">
        <v>0</v>
      </c>
      <c r="DM23" s="197">
        <v>0</v>
      </c>
      <c r="DN23" s="197">
        <v>0</v>
      </c>
      <c r="DO23" s="197">
        <v>0</v>
      </c>
      <c r="DP23" s="195">
        <v>0</v>
      </c>
      <c r="DQ23" s="198">
        <v>0</v>
      </c>
      <c r="DR23" s="200">
        <v>0</v>
      </c>
      <c r="DS23" s="201">
        <v>0</v>
      </c>
      <c r="DT23" s="195">
        <v>0</v>
      </c>
      <c r="DU23" s="195">
        <v>0</v>
      </c>
      <c r="DV23" s="196">
        <v>18</v>
      </c>
      <c r="DW23" s="197">
        <v>67</v>
      </c>
      <c r="DX23" s="197">
        <v>173</v>
      </c>
      <c r="DY23" s="197">
        <v>245</v>
      </c>
      <c r="DZ23" s="195">
        <v>133</v>
      </c>
      <c r="EA23" s="198">
        <v>636</v>
      </c>
      <c r="EB23" s="200">
        <v>636</v>
      </c>
      <c r="EC23" s="37"/>
    </row>
    <row r="24" spans="2:133" ht="21" customHeight="1" x14ac:dyDescent="0.2">
      <c r="B24" s="62" t="s">
        <v>21</v>
      </c>
      <c r="C24" s="194">
        <v>0</v>
      </c>
      <c r="D24" s="195">
        <v>0</v>
      </c>
      <c r="E24" s="195">
        <v>0</v>
      </c>
      <c r="F24" s="196">
        <v>6</v>
      </c>
      <c r="G24" s="197">
        <v>13</v>
      </c>
      <c r="H24" s="197">
        <v>167</v>
      </c>
      <c r="I24" s="197">
        <v>177</v>
      </c>
      <c r="J24" s="195">
        <v>149</v>
      </c>
      <c r="K24" s="198">
        <v>512</v>
      </c>
      <c r="L24" s="199">
        <v>512</v>
      </c>
      <c r="M24" s="194">
        <v>0</v>
      </c>
      <c r="N24" s="195">
        <v>0</v>
      </c>
      <c r="O24" s="198">
        <v>0</v>
      </c>
      <c r="P24" s="196">
        <v>5</v>
      </c>
      <c r="Q24" s="197">
        <v>13</v>
      </c>
      <c r="R24" s="197">
        <v>166</v>
      </c>
      <c r="S24" s="197">
        <v>177</v>
      </c>
      <c r="T24" s="195">
        <v>147</v>
      </c>
      <c r="U24" s="198">
        <v>508</v>
      </c>
      <c r="V24" s="200">
        <v>508</v>
      </c>
      <c r="W24" s="201">
        <v>0</v>
      </c>
      <c r="X24" s="195">
        <v>0</v>
      </c>
      <c r="Y24" s="198">
        <v>0</v>
      </c>
      <c r="Z24" s="201">
        <v>1</v>
      </c>
      <c r="AA24" s="197">
        <v>0</v>
      </c>
      <c r="AB24" s="197">
        <v>1</v>
      </c>
      <c r="AC24" s="197">
        <v>0</v>
      </c>
      <c r="AD24" s="195">
        <v>2</v>
      </c>
      <c r="AE24" s="198">
        <v>4</v>
      </c>
      <c r="AF24" s="202">
        <v>4</v>
      </c>
      <c r="AG24" s="201">
        <v>0</v>
      </c>
      <c r="AH24" s="195">
        <v>0</v>
      </c>
      <c r="AI24" s="198">
        <v>0</v>
      </c>
      <c r="AJ24" s="201">
        <v>18</v>
      </c>
      <c r="AK24" s="197">
        <v>31</v>
      </c>
      <c r="AL24" s="197">
        <v>40</v>
      </c>
      <c r="AM24" s="197">
        <v>48</v>
      </c>
      <c r="AN24" s="195">
        <v>24</v>
      </c>
      <c r="AO24" s="198">
        <v>161</v>
      </c>
      <c r="AP24" s="202">
        <v>161</v>
      </c>
      <c r="AQ24" s="201">
        <v>0</v>
      </c>
      <c r="AR24" s="195">
        <v>0</v>
      </c>
      <c r="AS24" s="198">
        <v>0</v>
      </c>
      <c r="AT24" s="196">
        <v>18</v>
      </c>
      <c r="AU24" s="197">
        <v>31</v>
      </c>
      <c r="AV24" s="197">
        <v>39</v>
      </c>
      <c r="AW24" s="197">
        <v>45</v>
      </c>
      <c r="AX24" s="195">
        <v>23</v>
      </c>
      <c r="AY24" s="198">
        <v>156</v>
      </c>
      <c r="AZ24" s="199">
        <v>156</v>
      </c>
      <c r="BA24" s="194">
        <v>0</v>
      </c>
      <c r="BB24" s="195">
        <v>0</v>
      </c>
      <c r="BC24" s="195">
        <v>0</v>
      </c>
      <c r="BD24" s="196">
        <v>0</v>
      </c>
      <c r="BE24" s="197">
        <v>0</v>
      </c>
      <c r="BF24" s="197">
        <v>1</v>
      </c>
      <c r="BG24" s="197">
        <v>3</v>
      </c>
      <c r="BH24" s="195">
        <v>1</v>
      </c>
      <c r="BI24" s="198">
        <v>5</v>
      </c>
      <c r="BJ24" s="200">
        <v>5</v>
      </c>
      <c r="BK24" s="201">
        <v>0</v>
      </c>
      <c r="BL24" s="195">
        <v>0</v>
      </c>
      <c r="BM24" s="195">
        <v>0</v>
      </c>
      <c r="BN24" s="196">
        <v>0</v>
      </c>
      <c r="BO24" s="197">
        <v>0</v>
      </c>
      <c r="BP24" s="197">
        <v>1</v>
      </c>
      <c r="BQ24" s="197">
        <v>2</v>
      </c>
      <c r="BR24" s="195">
        <v>1</v>
      </c>
      <c r="BS24" s="198">
        <v>4</v>
      </c>
      <c r="BT24" s="199">
        <v>4</v>
      </c>
      <c r="BU24" s="194">
        <v>0</v>
      </c>
      <c r="BV24" s="195">
        <v>0</v>
      </c>
      <c r="BW24" s="195">
        <v>0</v>
      </c>
      <c r="BX24" s="196">
        <v>0</v>
      </c>
      <c r="BY24" s="197">
        <v>0</v>
      </c>
      <c r="BZ24" s="197">
        <v>1</v>
      </c>
      <c r="CA24" s="197">
        <v>2</v>
      </c>
      <c r="CB24" s="195">
        <v>1</v>
      </c>
      <c r="CC24" s="198">
        <v>4</v>
      </c>
      <c r="CD24" s="200">
        <v>4</v>
      </c>
      <c r="CE24" s="201">
        <v>0</v>
      </c>
      <c r="CF24" s="195">
        <v>0</v>
      </c>
      <c r="CG24" s="195">
        <v>0</v>
      </c>
      <c r="CH24" s="196">
        <v>0</v>
      </c>
      <c r="CI24" s="197">
        <v>0</v>
      </c>
      <c r="CJ24" s="197">
        <v>0</v>
      </c>
      <c r="CK24" s="197">
        <v>0</v>
      </c>
      <c r="CL24" s="195">
        <v>0</v>
      </c>
      <c r="CM24" s="198">
        <v>0</v>
      </c>
      <c r="CN24" s="200">
        <v>0</v>
      </c>
      <c r="CO24" s="201">
        <v>0</v>
      </c>
      <c r="CP24" s="195">
        <v>0</v>
      </c>
      <c r="CQ24" s="195">
        <v>0</v>
      </c>
      <c r="CR24" s="196">
        <v>0</v>
      </c>
      <c r="CS24" s="197">
        <v>0</v>
      </c>
      <c r="CT24" s="197">
        <v>1</v>
      </c>
      <c r="CU24" s="197">
        <v>14</v>
      </c>
      <c r="CV24" s="195">
        <v>15</v>
      </c>
      <c r="CW24" s="198">
        <v>30</v>
      </c>
      <c r="CX24" s="199">
        <v>30</v>
      </c>
      <c r="CY24" s="194">
        <v>0</v>
      </c>
      <c r="CZ24" s="195">
        <v>0</v>
      </c>
      <c r="DA24" s="195">
        <v>0</v>
      </c>
      <c r="DB24" s="196">
        <v>0</v>
      </c>
      <c r="DC24" s="197">
        <v>0</v>
      </c>
      <c r="DD24" s="197">
        <v>1</v>
      </c>
      <c r="DE24" s="197">
        <v>14</v>
      </c>
      <c r="DF24" s="195">
        <v>13</v>
      </c>
      <c r="DG24" s="198">
        <v>28</v>
      </c>
      <c r="DH24" s="200">
        <v>28</v>
      </c>
      <c r="DI24" s="201">
        <v>0</v>
      </c>
      <c r="DJ24" s="195">
        <v>0</v>
      </c>
      <c r="DK24" s="195">
        <v>0</v>
      </c>
      <c r="DL24" s="196">
        <v>0</v>
      </c>
      <c r="DM24" s="197">
        <v>0</v>
      </c>
      <c r="DN24" s="197">
        <v>0</v>
      </c>
      <c r="DO24" s="197">
        <v>0</v>
      </c>
      <c r="DP24" s="195">
        <v>2</v>
      </c>
      <c r="DQ24" s="198">
        <v>2</v>
      </c>
      <c r="DR24" s="200">
        <v>2</v>
      </c>
      <c r="DS24" s="201">
        <v>0</v>
      </c>
      <c r="DT24" s="195">
        <v>0</v>
      </c>
      <c r="DU24" s="195">
        <v>0</v>
      </c>
      <c r="DV24" s="196">
        <v>24</v>
      </c>
      <c r="DW24" s="197">
        <v>44</v>
      </c>
      <c r="DX24" s="197">
        <v>209</v>
      </c>
      <c r="DY24" s="197">
        <v>238</v>
      </c>
      <c r="DZ24" s="195">
        <v>188</v>
      </c>
      <c r="EA24" s="198">
        <v>703</v>
      </c>
      <c r="EB24" s="200">
        <v>703</v>
      </c>
      <c r="EC24" s="37"/>
    </row>
    <row r="25" spans="2:133" ht="21" customHeight="1" x14ac:dyDescent="0.2">
      <c r="B25" s="62" t="s">
        <v>22</v>
      </c>
      <c r="C25" s="194">
        <v>0</v>
      </c>
      <c r="D25" s="195">
        <v>0</v>
      </c>
      <c r="E25" s="195">
        <v>0</v>
      </c>
      <c r="F25" s="196">
        <v>2</v>
      </c>
      <c r="G25" s="197">
        <v>2</v>
      </c>
      <c r="H25" s="197">
        <v>46</v>
      </c>
      <c r="I25" s="197">
        <v>62</v>
      </c>
      <c r="J25" s="195">
        <v>36</v>
      </c>
      <c r="K25" s="198">
        <v>148</v>
      </c>
      <c r="L25" s="199">
        <v>148</v>
      </c>
      <c r="M25" s="194">
        <v>0</v>
      </c>
      <c r="N25" s="195">
        <v>0</v>
      </c>
      <c r="O25" s="198">
        <v>0</v>
      </c>
      <c r="P25" s="196">
        <v>2</v>
      </c>
      <c r="Q25" s="197">
        <v>2</v>
      </c>
      <c r="R25" s="197">
        <v>46</v>
      </c>
      <c r="S25" s="197">
        <v>62</v>
      </c>
      <c r="T25" s="195">
        <v>35</v>
      </c>
      <c r="U25" s="198">
        <v>147</v>
      </c>
      <c r="V25" s="200">
        <v>147</v>
      </c>
      <c r="W25" s="201">
        <v>0</v>
      </c>
      <c r="X25" s="195">
        <v>0</v>
      </c>
      <c r="Y25" s="198">
        <v>0</v>
      </c>
      <c r="Z25" s="201">
        <v>0</v>
      </c>
      <c r="AA25" s="197">
        <v>0</v>
      </c>
      <c r="AB25" s="197">
        <v>0</v>
      </c>
      <c r="AC25" s="197">
        <v>0</v>
      </c>
      <c r="AD25" s="195">
        <v>1</v>
      </c>
      <c r="AE25" s="198">
        <v>1</v>
      </c>
      <c r="AF25" s="202">
        <v>1</v>
      </c>
      <c r="AG25" s="201">
        <v>0</v>
      </c>
      <c r="AH25" s="195">
        <v>0</v>
      </c>
      <c r="AI25" s="198">
        <v>0</v>
      </c>
      <c r="AJ25" s="201">
        <v>11</v>
      </c>
      <c r="AK25" s="197">
        <v>27</v>
      </c>
      <c r="AL25" s="197">
        <v>29</v>
      </c>
      <c r="AM25" s="197">
        <v>35</v>
      </c>
      <c r="AN25" s="195">
        <v>14</v>
      </c>
      <c r="AO25" s="198">
        <v>116</v>
      </c>
      <c r="AP25" s="202">
        <v>116</v>
      </c>
      <c r="AQ25" s="201">
        <v>0</v>
      </c>
      <c r="AR25" s="195">
        <v>0</v>
      </c>
      <c r="AS25" s="198">
        <v>0</v>
      </c>
      <c r="AT25" s="196">
        <v>11</v>
      </c>
      <c r="AU25" s="197">
        <v>27</v>
      </c>
      <c r="AV25" s="197">
        <v>29</v>
      </c>
      <c r="AW25" s="197">
        <v>35</v>
      </c>
      <c r="AX25" s="195">
        <v>14</v>
      </c>
      <c r="AY25" s="198">
        <v>116</v>
      </c>
      <c r="AZ25" s="199">
        <v>116</v>
      </c>
      <c r="BA25" s="194">
        <v>0</v>
      </c>
      <c r="BB25" s="195">
        <v>0</v>
      </c>
      <c r="BC25" s="195">
        <v>0</v>
      </c>
      <c r="BD25" s="196">
        <v>0</v>
      </c>
      <c r="BE25" s="197">
        <v>0</v>
      </c>
      <c r="BF25" s="197">
        <v>0</v>
      </c>
      <c r="BG25" s="197">
        <v>0</v>
      </c>
      <c r="BH25" s="195">
        <v>0</v>
      </c>
      <c r="BI25" s="198">
        <v>0</v>
      </c>
      <c r="BJ25" s="200">
        <v>0</v>
      </c>
      <c r="BK25" s="201">
        <v>0</v>
      </c>
      <c r="BL25" s="195">
        <v>0</v>
      </c>
      <c r="BM25" s="195">
        <v>0</v>
      </c>
      <c r="BN25" s="196">
        <v>0</v>
      </c>
      <c r="BO25" s="197">
        <v>0</v>
      </c>
      <c r="BP25" s="197">
        <v>0</v>
      </c>
      <c r="BQ25" s="197">
        <v>0</v>
      </c>
      <c r="BR25" s="195">
        <v>3</v>
      </c>
      <c r="BS25" s="198">
        <v>3</v>
      </c>
      <c r="BT25" s="199">
        <v>3</v>
      </c>
      <c r="BU25" s="194">
        <v>0</v>
      </c>
      <c r="BV25" s="195">
        <v>0</v>
      </c>
      <c r="BW25" s="195">
        <v>0</v>
      </c>
      <c r="BX25" s="196">
        <v>0</v>
      </c>
      <c r="BY25" s="197">
        <v>0</v>
      </c>
      <c r="BZ25" s="197">
        <v>0</v>
      </c>
      <c r="CA25" s="197">
        <v>0</v>
      </c>
      <c r="CB25" s="195">
        <v>3</v>
      </c>
      <c r="CC25" s="198">
        <v>3</v>
      </c>
      <c r="CD25" s="200">
        <v>3</v>
      </c>
      <c r="CE25" s="201">
        <v>0</v>
      </c>
      <c r="CF25" s="195">
        <v>0</v>
      </c>
      <c r="CG25" s="195">
        <v>0</v>
      </c>
      <c r="CH25" s="196">
        <v>0</v>
      </c>
      <c r="CI25" s="197">
        <v>0</v>
      </c>
      <c r="CJ25" s="197">
        <v>0</v>
      </c>
      <c r="CK25" s="197">
        <v>0</v>
      </c>
      <c r="CL25" s="195">
        <v>0</v>
      </c>
      <c r="CM25" s="198">
        <v>0</v>
      </c>
      <c r="CN25" s="200">
        <v>0</v>
      </c>
      <c r="CO25" s="201">
        <v>0</v>
      </c>
      <c r="CP25" s="195">
        <v>0</v>
      </c>
      <c r="CQ25" s="195">
        <v>0</v>
      </c>
      <c r="CR25" s="196">
        <v>0</v>
      </c>
      <c r="CS25" s="197">
        <v>0</v>
      </c>
      <c r="CT25" s="197">
        <v>0</v>
      </c>
      <c r="CU25" s="197">
        <v>5</v>
      </c>
      <c r="CV25" s="195">
        <v>2</v>
      </c>
      <c r="CW25" s="198">
        <v>7</v>
      </c>
      <c r="CX25" s="199">
        <v>7</v>
      </c>
      <c r="CY25" s="194">
        <v>0</v>
      </c>
      <c r="CZ25" s="195">
        <v>0</v>
      </c>
      <c r="DA25" s="195">
        <v>0</v>
      </c>
      <c r="DB25" s="196">
        <v>0</v>
      </c>
      <c r="DC25" s="197">
        <v>0</v>
      </c>
      <c r="DD25" s="197">
        <v>0</v>
      </c>
      <c r="DE25" s="197">
        <v>5</v>
      </c>
      <c r="DF25" s="195">
        <v>2</v>
      </c>
      <c r="DG25" s="198">
        <v>7</v>
      </c>
      <c r="DH25" s="200">
        <v>7</v>
      </c>
      <c r="DI25" s="201">
        <v>0</v>
      </c>
      <c r="DJ25" s="195">
        <v>0</v>
      </c>
      <c r="DK25" s="195">
        <v>0</v>
      </c>
      <c r="DL25" s="196">
        <v>0</v>
      </c>
      <c r="DM25" s="197">
        <v>0</v>
      </c>
      <c r="DN25" s="197">
        <v>0</v>
      </c>
      <c r="DO25" s="197">
        <v>0</v>
      </c>
      <c r="DP25" s="195">
        <v>0</v>
      </c>
      <c r="DQ25" s="198">
        <v>0</v>
      </c>
      <c r="DR25" s="200">
        <v>0</v>
      </c>
      <c r="DS25" s="201">
        <v>0</v>
      </c>
      <c r="DT25" s="195">
        <v>0</v>
      </c>
      <c r="DU25" s="195">
        <v>0</v>
      </c>
      <c r="DV25" s="196">
        <v>13</v>
      </c>
      <c r="DW25" s="197">
        <v>29</v>
      </c>
      <c r="DX25" s="197">
        <v>75</v>
      </c>
      <c r="DY25" s="197">
        <v>102</v>
      </c>
      <c r="DZ25" s="195">
        <v>55</v>
      </c>
      <c r="EA25" s="198">
        <v>274</v>
      </c>
      <c r="EB25" s="200">
        <v>274</v>
      </c>
      <c r="EC25" s="37"/>
    </row>
    <row r="26" spans="2:133" ht="21" customHeight="1" x14ac:dyDescent="0.2">
      <c r="B26" s="62" t="s">
        <v>23</v>
      </c>
      <c r="C26" s="194">
        <v>0</v>
      </c>
      <c r="D26" s="195">
        <v>0</v>
      </c>
      <c r="E26" s="195">
        <v>0</v>
      </c>
      <c r="F26" s="196">
        <v>4</v>
      </c>
      <c r="G26" s="197">
        <v>10</v>
      </c>
      <c r="H26" s="197">
        <v>87</v>
      </c>
      <c r="I26" s="197">
        <v>122</v>
      </c>
      <c r="J26" s="195">
        <v>105</v>
      </c>
      <c r="K26" s="198">
        <v>328</v>
      </c>
      <c r="L26" s="199">
        <v>328</v>
      </c>
      <c r="M26" s="194">
        <v>0</v>
      </c>
      <c r="N26" s="195">
        <v>0</v>
      </c>
      <c r="O26" s="198">
        <v>0</v>
      </c>
      <c r="P26" s="196">
        <v>4</v>
      </c>
      <c r="Q26" s="197">
        <v>10</v>
      </c>
      <c r="R26" s="197">
        <v>87</v>
      </c>
      <c r="S26" s="197">
        <v>121</v>
      </c>
      <c r="T26" s="195">
        <v>104</v>
      </c>
      <c r="U26" s="198">
        <v>326</v>
      </c>
      <c r="V26" s="200">
        <v>326</v>
      </c>
      <c r="W26" s="201">
        <v>0</v>
      </c>
      <c r="X26" s="195">
        <v>0</v>
      </c>
      <c r="Y26" s="198">
        <v>0</v>
      </c>
      <c r="Z26" s="201">
        <v>0</v>
      </c>
      <c r="AA26" s="197">
        <v>0</v>
      </c>
      <c r="AB26" s="197">
        <v>0</v>
      </c>
      <c r="AC26" s="197">
        <v>1</v>
      </c>
      <c r="AD26" s="195">
        <v>1</v>
      </c>
      <c r="AE26" s="198">
        <v>2</v>
      </c>
      <c r="AF26" s="202">
        <v>2</v>
      </c>
      <c r="AG26" s="201">
        <v>0</v>
      </c>
      <c r="AH26" s="195">
        <v>0</v>
      </c>
      <c r="AI26" s="198">
        <v>0</v>
      </c>
      <c r="AJ26" s="201">
        <v>12</v>
      </c>
      <c r="AK26" s="197">
        <v>25</v>
      </c>
      <c r="AL26" s="197">
        <v>35</v>
      </c>
      <c r="AM26" s="197">
        <v>55</v>
      </c>
      <c r="AN26" s="195">
        <v>40</v>
      </c>
      <c r="AO26" s="198">
        <v>167</v>
      </c>
      <c r="AP26" s="202">
        <v>167</v>
      </c>
      <c r="AQ26" s="201">
        <v>0</v>
      </c>
      <c r="AR26" s="195">
        <v>0</v>
      </c>
      <c r="AS26" s="198">
        <v>0</v>
      </c>
      <c r="AT26" s="196">
        <v>12</v>
      </c>
      <c r="AU26" s="197">
        <v>24</v>
      </c>
      <c r="AV26" s="197">
        <v>35</v>
      </c>
      <c r="AW26" s="197">
        <v>55</v>
      </c>
      <c r="AX26" s="195">
        <v>36</v>
      </c>
      <c r="AY26" s="198">
        <v>162</v>
      </c>
      <c r="AZ26" s="199">
        <v>162</v>
      </c>
      <c r="BA26" s="194">
        <v>0</v>
      </c>
      <c r="BB26" s="195">
        <v>0</v>
      </c>
      <c r="BC26" s="195">
        <v>0</v>
      </c>
      <c r="BD26" s="196">
        <v>0</v>
      </c>
      <c r="BE26" s="197">
        <v>1</v>
      </c>
      <c r="BF26" s="197">
        <v>0</v>
      </c>
      <c r="BG26" s="197">
        <v>0</v>
      </c>
      <c r="BH26" s="195">
        <v>4</v>
      </c>
      <c r="BI26" s="198">
        <v>5</v>
      </c>
      <c r="BJ26" s="200">
        <v>5</v>
      </c>
      <c r="BK26" s="201">
        <v>0</v>
      </c>
      <c r="BL26" s="195">
        <v>0</v>
      </c>
      <c r="BM26" s="195">
        <v>0</v>
      </c>
      <c r="BN26" s="196">
        <v>0</v>
      </c>
      <c r="BO26" s="197">
        <v>0</v>
      </c>
      <c r="BP26" s="197">
        <v>0</v>
      </c>
      <c r="BQ26" s="197">
        <v>1</v>
      </c>
      <c r="BR26" s="195">
        <v>1</v>
      </c>
      <c r="BS26" s="198">
        <v>2</v>
      </c>
      <c r="BT26" s="199">
        <v>2</v>
      </c>
      <c r="BU26" s="194">
        <v>0</v>
      </c>
      <c r="BV26" s="195">
        <v>0</v>
      </c>
      <c r="BW26" s="195">
        <v>0</v>
      </c>
      <c r="BX26" s="196">
        <v>0</v>
      </c>
      <c r="BY26" s="197">
        <v>0</v>
      </c>
      <c r="BZ26" s="197">
        <v>0</v>
      </c>
      <c r="CA26" s="197">
        <v>1</v>
      </c>
      <c r="CB26" s="195">
        <v>1</v>
      </c>
      <c r="CC26" s="198">
        <v>2</v>
      </c>
      <c r="CD26" s="200">
        <v>2</v>
      </c>
      <c r="CE26" s="201">
        <v>0</v>
      </c>
      <c r="CF26" s="195">
        <v>0</v>
      </c>
      <c r="CG26" s="195">
        <v>0</v>
      </c>
      <c r="CH26" s="196">
        <v>0</v>
      </c>
      <c r="CI26" s="197">
        <v>0</v>
      </c>
      <c r="CJ26" s="197">
        <v>0</v>
      </c>
      <c r="CK26" s="197">
        <v>0</v>
      </c>
      <c r="CL26" s="195">
        <v>0</v>
      </c>
      <c r="CM26" s="198">
        <v>0</v>
      </c>
      <c r="CN26" s="200">
        <v>0</v>
      </c>
      <c r="CO26" s="201">
        <v>0</v>
      </c>
      <c r="CP26" s="195">
        <v>0</v>
      </c>
      <c r="CQ26" s="195">
        <v>0</v>
      </c>
      <c r="CR26" s="196">
        <v>0</v>
      </c>
      <c r="CS26" s="197">
        <v>0</v>
      </c>
      <c r="CT26" s="197">
        <v>0</v>
      </c>
      <c r="CU26" s="197">
        <v>2</v>
      </c>
      <c r="CV26" s="195">
        <v>9</v>
      </c>
      <c r="CW26" s="198">
        <v>11</v>
      </c>
      <c r="CX26" s="199">
        <v>11</v>
      </c>
      <c r="CY26" s="194">
        <v>0</v>
      </c>
      <c r="CZ26" s="195">
        <v>0</v>
      </c>
      <c r="DA26" s="195">
        <v>0</v>
      </c>
      <c r="DB26" s="196">
        <v>0</v>
      </c>
      <c r="DC26" s="197">
        <v>0</v>
      </c>
      <c r="DD26" s="197">
        <v>0</v>
      </c>
      <c r="DE26" s="197">
        <v>2</v>
      </c>
      <c r="DF26" s="195">
        <v>9</v>
      </c>
      <c r="DG26" s="198">
        <v>11</v>
      </c>
      <c r="DH26" s="200">
        <v>11</v>
      </c>
      <c r="DI26" s="201">
        <v>0</v>
      </c>
      <c r="DJ26" s="195">
        <v>0</v>
      </c>
      <c r="DK26" s="195">
        <v>0</v>
      </c>
      <c r="DL26" s="196">
        <v>0</v>
      </c>
      <c r="DM26" s="197">
        <v>0</v>
      </c>
      <c r="DN26" s="197">
        <v>0</v>
      </c>
      <c r="DO26" s="197">
        <v>0</v>
      </c>
      <c r="DP26" s="195">
        <v>0</v>
      </c>
      <c r="DQ26" s="198">
        <v>0</v>
      </c>
      <c r="DR26" s="200">
        <v>0</v>
      </c>
      <c r="DS26" s="201">
        <v>0</v>
      </c>
      <c r="DT26" s="195">
        <v>0</v>
      </c>
      <c r="DU26" s="195">
        <v>0</v>
      </c>
      <c r="DV26" s="196">
        <v>16</v>
      </c>
      <c r="DW26" s="197">
        <v>35</v>
      </c>
      <c r="DX26" s="197">
        <v>122</v>
      </c>
      <c r="DY26" s="197">
        <v>180</v>
      </c>
      <c r="DZ26" s="195">
        <v>155</v>
      </c>
      <c r="EA26" s="198">
        <v>508</v>
      </c>
      <c r="EB26" s="200">
        <v>508</v>
      </c>
      <c r="EC26" s="37"/>
    </row>
    <row r="27" spans="2:133" ht="21" customHeight="1" x14ac:dyDescent="0.2">
      <c r="B27" s="62" t="s">
        <v>24</v>
      </c>
      <c r="C27" s="194">
        <v>0</v>
      </c>
      <c r="D27" s="195">
        <v>0</v>
      </c>
      <c r="E27" s="195">
        <v>0</v>
      </c>
      <c r="F27" s="196">
        <v>0</v>
      </c>
      <c r="G27" s="197">
        <v>0</v>
      </c>
      <c r="H27" s="197">
        <v>31</v>
      </c>
      <c r="I27" s="197">
        <v>74</v>
      </c>
      <c r="J27" s="195">
        <v>62</v>
      </c>
      <c r="K27" s="198">
        <v>167</v>
      </c>
      <c r="L27" s="199">
        <v>167</v>
      </c>
      <c r="M27" s="194">
        <v>0</v>
      </c>
      <c r="N27" s="195">
        <v>0</v>
      </c>
      <c r="O27" s="198">
        <v>0</v>
      </c>
      <c r="P27" s="196">
        <v>0</v>
      </c>
      <c r="Q27" s="197">
        <v>0</v>
      </c>
      <c r="R27" s="197">
        <v>31</v>
      </c>
      <c r="S27" s="197">
        <v>74</v>
      </c>
      <c r="T27" s="195">
        <v>62</v>
      </c>
      <c r="U27" s="198">
        <v>167</v>
      </c>
      <c r="V27" s="200">
        <v>167</v>
      </c>
      <c r="W27" s="201">
        <v>0</v>
      </c>
      <c r="X27" s="195">
        <v>0</v>
      </c>
      <c r="Y27" s="198">
        <v>0</v>
      </c>
      <c r="Z27" s="201">
        <v>0</v>
      </c>
      <c r="AA27" s="197">
        <v>0</v>
      </c>
      <c r="AB27" s="197">
        <v>0</v>
      </c>
      <c r="AC27" s="197">
        <v>0</v>
      </c>
      <c r="AD27" s="195">
        <v>0</v>
      </c>
      <c r="AE27" s="198">
        <v>0</v>
      </c>
      <c r="AF27" s="202">
        <v>0</v>
      </c>
      <c r="AG27" s="201">
        <v>0</v>
      </c>
      <c r="AH27" s="195">
        <v>0</v>
      </c>
      <c r="AI27" s="198">
        <v>0</v>
      </c>
      <c r="AJ27" s="201">
        <v>12</v>
      </c>
      <c r="AK27" s="197">
        <v>15</v>
      </c>
      <c r="AL27" s="197">
        <v>28</v>
      </c>
      <c r="AM27" s="197">
        <v>29</v>
      </c>
      <c r="AN27" s="195">
        <v>13</v>
      </c>
      <c r="AO27" s="198">
        <v>97</v>
      </c>
      <c r="AP27" s="202">
        <v>97</v>
      </c>
      <c r="AQ27" s="201">
        <v>0</v>
      </c>
      <c r="AR27" s="195">
        <v>0</v>
      </c>
      <c r="AS27" s="198">
        <v>0</v>
      </c>
      <c r="AT27" s="196">
        <v>12</v>
      </c>
      <c r="AU27" s="197">
        <v>15</v>
      </c>
      <c r="AV27" s="197">
        <v>27</v>
      </c>
      <c r="AW27" s="197">
        <v>28</v>
      </c>
      <c r="AX27" s="195">
        <v>13</v>
      </c>
      <c r="AY27" s="198">
        <v>95</v>
      </c>
      <c r="AZ27" s="199">
        <v>95</v>
      </c>
      <c r="BA27" s="194">
        <v>0</v>
      </c>
      <c r="BB27" s="195">
        <v>0</v>
      </c>
      <c r="BC27" s="195">
        <v>0</v>
      </c>
      <c r="BD27" s="196">
        <v>0</v>
      </c>
      <c r="BE27" s="197">
        <v>0</v>
      </c>
      <c r="BF27" s="197">
        <v>1</v>
      </c>
      <c r="BG27" s="197">
        <v>1</v>
      </c>
      <c r="BH27" s="195">
        <v>0</v>
      </c>
      <c r="BI27" s="198">
        <v>2</v>
      </c>
      <c r="BJ27" s="200">
        <v>2</v>
      </c>
      <c r="BK27" s="201">
        <v>0</v>
      </c>
      <c r="BL27" s="195">
        <v>0</v>
      </c>
      <c r="BM27" s="195">
        <v>0</v>
      </c>
      <c r="BN27" s="196">
        <v>0</v>
      </c>
      <c r="BO27" s="197">
        <v>0</v>
      </c>
      <c r="BP27" s="197">
        <v>0</v>
      </c>
      <c r="BQ27" s="197">
        <v>0</v>
      </c>
      <c r="BR27" s="195">
        <v>0</v>
      </c>
      <c r="BS27" s="198">
        <v>0</v>
      </c>
      <c r="BT27" s="199">
        <v>0</v>
      </c>
      <c r="BU27" s="194">
        <v>0</v>
      </c>
      <c r="BV27" s="195">
        <v>0</v>
      </c>
      <c r="BW27" s="195">
        <v>0</v>
      </c>
      <c r="BX27" s="196">
        <v>0</v>
      </c>
      <c r="BY27" s="197">
        <v>0</v>
      </c>
      <c r="BZ27" s="197">
        <v>0</v>
      </c>
      <c r="CA27" s="197">
        <v>0</v>
      </c>
      <c r="CB27" s="195">
        <v>0</v>
      </c>
      <c r="CC27" s="198">
        <v>0</v>
      </c>
      <c r="CD27" s="200">
        <v>0</v>
      </c>
      <c r="CE27" s="201">
        <v>0</v>
      </c>
      <c r="CF27" s="195">
        <v>0</v>
      </c>
      <c r="CG27" s="195">
        <v>0</v>
      </c>
      <c r="CH27" s="196">
        <v>0</v>
      </c>
      <c r="CI27" s="197">
        <v>0</v>
      </c>
      <c r="CJ27" s="197">
        <v>0</v>
      </c>
      <c r="CK27" s="197">
        <v>0</v>
      </c>
      <c r="CL27" s="195">
        <v>0</v>
      </c>
      <c r="CM27" s="198">
        <v>0</v>
      </c>
      <c r="CN27" s="200">
        <v>0</v>
      </c>
      <c r="CO27" s="201">
        <v>0</v>
      </c>
      <c r="CP27" s="195">
        <v>0</v>
      </c>
      <c r="CQ27" s="195">
        <v>0</v>
      </c>
      <c r="CR27" s="196">
        <v>0</v>
      </c>
      <c r="CS27" s="197">
        <v>0</v>
      </c>
      <c r="CT27" s="197">
        <v>0</v>
      </c>
      <c r="CU27" s="197">
        <v>0</v>
      </c>
      <c r="CV27" s="195">
        <v>0</v>
      </c>
      <c r="CW27" s="198">
        <v>0</v>
      </c>
      <c r="CX27" s="199">
        <v>0</v>
      </c>
      <c r="CY27" s="194">
        <v>0</v>
      </c>
      <c r="CZ27" s="195">
        <v>0</v>
      </c>
      <c r="DA27" s="195">
        <v>0</v>
      </c>
      <c r="DB27" s="196">
        <v>0</v>
      </c>
      <c r="DC27" s="197">
        <v>0</v>
      </c>
      <c r="DD27" s="197">
        <v>0</v>
      </c>
      <c r="DE27" s="197">
        <v>0</v>
      </c>
      <c r="DF27" s="195">
        <v>0</v>
      </c>
      <c r="DG27" s="198">
        <v>0</v>
      </c>
      <c r="DH27" s="200">
        <v>0</v>
      </c>
      <c r="DI27" s="201">
        <v>0</v>
      </c>
      <c r="DJ27" s="195">
        <v>0</v>
      </c>
      <c r="DK27" s="195">
        <v>0</v>
      </c>
      <c r="DL27" s="196">
        <v>0</v>
      </c>
      <c r="DM27" s="197">
        <v>0</v>
      </c>
      <c r="DN27" s="197">
        <v>0</v>
      </c>
      <c r="DO27" s="197">
        <v>0</v>
      </c>
      <c r="DP27" s="195">
        <v>0</v>
      </c>
      <c r="DQ27" s="198">
        <v>0</v>
      </c>
      <c r="DR27" s="200">
        <v>0</v>
      </c>
      <c r="DS27" s="201">
        <v>0</v>
      </c>
      <c r="DT27" s="195">
        <v>0</v>
      </c>
      <c r="DU27" s="195">
        <v>0</v>
      </c>
      <c r="DV27" s="196">
        <v>12</v>
      </c>
      <c r="DW27" s="197">
        <v>15</v>
      </c>
      <c r="DX27" s="197">
        <v>59</v>
      </c>
      <c r="DY27" s="197">
        <v>102</v>
      </c>
      <c r="DZ27" s="195">
        <v>75</v>
      </c>
      <c r="EA27" s="198">
        <v>263</v>
      </c>
      <c r="EB27" s="200">
        <v>263</v>
      </c>
      <c r="EC27" s="37"/>
    </row>
    <row r="28" spans="2:133" ht="21" customHeight="1" x14ac:dyDescent="0.2">
      <c r="B28" s="62" t="s">
        <v>25</v>
      </c>
      <c r="C28" s="194">
        <v>0</v>
      </c>
      <c r="D28" s="195">
        <v>0</v>
      </c>
      <c r="E28" s="195">
        <v>0</v>
      </c>
      <c r="F28" s="196">
        <v>3</v>
      </c>
      <c r="G28" s="197">
        <v>7</v>
      </c>
      <c r="H28" s="197">
        <v>59</v>
      </c>
      <c r="I28" s="197">
        <v>74</v>
      </c>
      <c r="J28" s="195">
        <v>54</v>
      </c>
      <c r="K28" s="198">
        <v>197</v>
      </c>
      <c r="L28" s="199">
        <v>197</v>
      </c>
      <c r="M28" s="194">
        <v>0</v>
      </c>
      <c r="N28" s="195">
        <v>0</v>
      </c>
      <c r="O28" s="198">
        <v>0</v>
      </c>
      <c r="P28" s="196">
        <v>3</v>
      </c>
      <c r="Q28" s="197">
        <v>7</v>
      </c>
      <c r="R28" s="197">
        <v>59</v>
      </c>
      <c r="S28" s="197">
        <v>73</v>
      </c>
      <c r="T28" s="195">
        <v>49</v>
      </c>
      <c r="U28" s="198">
        <v>191</v>
      </c>
      <c r="V28" s="200">
        <v>191</v>
      </c>
      <c r="W28" s="201">
        <v>0</v>
      </c>
      <c r="X28" s="195">
        <v>0</v>
      </c>
      <c r="Y28" s="198">
        <v>0</v>
      </c>
      <c r="Z28" s="201">
        <v>0</v>
      </c>
      <c r="AA28" s="197">
        <v>0</v>
      </c>
      <c r="AB28" s="197">
        <v>0</v>
      </c>
      <c r="AC28" s="197">
        <v>1</v>
      </c>
      <c r="AD28" s="195">
        <v>5</v>
      </c>
      <c r="AE28" s="198">
        <v>6</v>
      </c>
      <c r="AF28" s="202">
        <v>6</v>
      </c>
      <c r="AG28" s="201">
        <v>0</v>
      </c>
      <c r="AH28" s="195">
        <v>0</v>
      </c>
      <c r="AI28" s="198">
        <v>0</v>
      </c>
      <c r="AJ28" s="201">
        <v>14</v>
      </c>
      <c r="AK28" s="197">
        <v>17</v>
      </c>
      <c r="AL28" s="197">
        <v>22</v>
      </c>
      <c r="AM28" s="197">
        <v>45</v>
      </c>
      <c r="AN28" s="195">
        <v>17</v>
      </c>
      <c r="AO28" s="198">
        <v>115</v>
      </c>
      <c r="AP28" s="202">
        <v>115</v>
      </c>
      <c r="AQ28" s="201">
        <v>0</v>
      </c>
      <c r="AR28" s="195">
        <v>0</v>
      </c>
      <c r="AS28" s="198">
        <v>0</v>
      </c>
      <c r="AT28" s="196">
        <v>14</v>
      </c>
      <c r="AU28" s="197">
        <v>17</v>
      </c>
      <c r="AV28" s="197">
        <v>22</v>
      </c>
      <c r="AW28" s="197">
        <v>44</v>
      </c>
      <c r="AX28" s="195">
        <v>17</v>
      </c>
      <c r="AY28" s="198">
        <v>114</v>
      </c>
      <c r="AZ28" s="199">
        <v>114</v>
      </c>
      <c r="BA28" s="194">
        <v>0</v>
      </c>
      <c r="BB28" s="195">
        <v>0</v>
      </c>
      <c r="BC28" s="195">
        <v>0</v>
      </c>
      <c r="BD28" s="196">
        <v>0</v>
      </c>
      <c r="BE28" s="197">
        <v>0</v>
      </c>
      <c r="BF28" s="197">
        <v>0</v>
      </c>
      <c r="BG28" s="197">
        <v>1</v>
      </c>
      <c r="BH28" s="195">
        <v>0</v>
      </c>
      <c r="BI28" s="198">
        <v>1</v>
      </c>
      <c r="BJ28" s="200">
        <v>1</v>
      </c>
      <c r="BK28" s="201">
        <v>0</v>
      </c>
      <c r="BL28" s="195">
        <v>0</v>
      </c>
      <c r="BM28" s="195">
        <v>0</v>
      </c>
      <c r="BN28" s="196">
        <v>0</v>
      </c>
      <c r="BO28" s="197">
        <v>0</v>
      </c>
      <c r="BP28" s="197">
        <v>0</v>
      </c>
      <c r="BQ28" s="197">
        <v>0</v>
      </c>
      <c r="BR28" s="195">
        <v>0</v>
      </c>
      <c r="BS28" s="198">
        <v>0</v>
      </c>
      <c r="BT28" s="199">
        <v>0</v>
      </c>
      <c r="BU28" s="194">
        <v>0</v>
      </c>
      <c r="BV28" s="195">
        <v>0</v>
      </c>
      <c r="BW28" s="195">
        <v>0</v>
      </c>
      <c r="BX28" s="196">
        <v>0</v>
      </c>
      <c r="BY28" s="197">
        <v>0</v>
      </c>
      <c r="BZ28" s="197">
        <v>0</v>
      </c>
      <c r="CA28" s="197">
        <v>0</v>
      </c>
      <c r="CB28" s="195">
        <v>0</v>
      </c>
      <c r="CC28" s="198">
        <v>0</v>
      </c>
      <c r="CD28" s="200">
        <v>0</v>
      </c>
      <c r="CE28" s="201">
        <v>0</v>
      </c>
      <c r="CF28" s="195">
        <v>0</v>
      </c>
      <c r="CG28" s="195">
        <v>0</v>
      </c>
      <c r="CH28" s="196">
        <v>0</v>
      </c>
      <c r="CI28" s="197">
        <v>0</v>
      </c>
      <c r="CJ28" s="197">
        <v>0</v>
      </c>
      <c r="CK28" s="197">
        <v>0</v>
      </c>
      <c r="CL28" s="195">
        <v>0</v>
      </c>
      <c r="CM28" s="198">
        <v>0</v>
      </c>
      <c r="CN28" s="200">
        <v>0</v>
      </c>
      <c r="CO28" s="201">
        <v>0</v>
      </c>
      <c r="CP28" s="195">
        <v>0</v>
      </c>
      <c r="CQ28" s="195">
        <v>0</v>
      </c>
      <c r="CR28" s="196">
        <v>0</v>
      </c>
      <c r="CS28" s="197">
        <v>1</v>
      </c>
      <c r="CT28" s="197">
        <v>0</v>
      </c>
      <c r="CU28" s="197">
        <v>1</v>
      </c>
      <c r="CV28" s="195">
        <v>2</v>
      </c>
      <c r="CW28" s="198">
        <v>4</v>
      </c>
      <c r="CX28" s="199">
        <v>4</v>
      </c>
      <c r="CY28" s="194">
        <v>0</v>
      </c>
      <c r="CZ28" s="195">
        <v>0</v>
      </c>
      <c r="DA28" s="195">
        <v>0</v>
      </c>
      <c r="DB28" s="196">
        <v>0</v>
      </c>
      <c r="DC28" s="197">
        <v>1</v>
      </c>
      <c r="DD28" s="197">
        <v>0</v>
      </c>
      <c r="DE28" s="197">
        <v>1</v>
      </c>
      <c r="DF28" s="195">
        <v>2</v>
      </c>
      <c r="DG28" s="198">
        <v>4</v>
      </c>
      <c r="DH28" s="200">
        <v>4</v>
      </c>
      <c r="DI28" s="201">
        <v>0</v>
      </c>
      <c r="DJ28" s="195">
        <v>0</v>
      </c>
      <c r="DK28" s="195">
        <v>0</v>
      </c>
      <c r="DL28" s="196">
        <v>0</v>
      </c>
      <c r="DM28" s="197">
        <v>0</v>
      </c>
      <c r="DN28" s="197">
        <v>0</v>
      </c>
      <c r="DO28" s="197">
        <v>0</v>
      </c>
      <c r="DP28" s="195">
        <v>0</v>
      </c>
      <c r="DQ28" s="198">
        <v>0</v>
      </c>
      <c r="DR28" s="200">
        <v>0</v>
      </c>
      <c r="DS28" s="201">
        <v>0</v>
      </c>
      <c r="DT28" s="195">
        <v>0</v>
      </c>
      <c r="DU28" s="195">
        <v>0</v>
      </c>
      <c r="DV28" s="196">
        <v>17</v>
      </c>
      <c r="DW28" s="197">
        <v>25</v>
      </c>
      <c r="DX28" s="197">
        <v>81</v>
      </c>
      <c r="DY28" s="197">
        <v>120</v>
      </c>
      <c r="DZ28" s="195">
        <v>73</v>
      </c>
      <c r="EA28" s="198">
        <v>316</v>
      </c>
      <c r="EB28" s="200">
        <v>316</v>
      </c>
      <c r="EC28" s="37"/>
    </row>
    <row r="29" spans="2:133" ht="21" customHeight="1" x14ac:dyDescent="0.2">
      <c r="B29" s="62" t="s">
        <v>26</v>
      </c>
      <c r="C29" s="194">
        <v>0</v>
      </c>
      <c r="D29" s="195">
        <v>0</v>
      </c>
      <c r="E29" s="195">
        <v>0</v>
      </c>
      <c r="F29" s="196">
        <v>0</v>
      </c>
      <c r="G29" s="197">
        <v>10</v>
      </c>
      <c r="H29" s="197">
        <v>38</v>
      </c>
      <c r="I29" s="197">
        <v>82</v>
      </c>
      <c r="J29" s="195">
        <v>42</v>
      </c>
      <c r="K29" s="198">
        <v>172</v>
      </c>
      <c r="L29" s="199">
        <v>172</v>
      </c>
      <c r="M29" s="194">
        <v>0</v>
      </c>
      <c r="N29" s="195">
        <v>0</v>
      </c>
      <c r="O29" s="198">
        <v>0</v>
      </c>
      <c r="P29" s="196">
        <v>0</v>
      </c>
      <c r="Q29" s="197">
        <v>10</v>
      </c>
      <c r="R29" s="197">
        <v>38</v>
      </c>
      <c r="S29" s="197">
        <v>80</v>
      </c>
      <c r="T29" s="195">
        <v>42</v>
      </c>
      <c r="U29" s="198">
        <v>170</v>
      </c>
      <c r="V29" s="200">
        <v>170</v>
      </c>
      <c r="W29" s="201">
        <v>0</v>
      </c>
      <c r="X29" s="195">
        <v>0</v>
      </c>
      <c r="Y29" s="198">
        <v>0</v>
      </c>
      <c r="Z29" s="201">
        <v>0</v>
      </c>
      <c r="AA29" s="197">
        <v>0</v>
      </c>
      <c r="AB29" s="197">
        <v>0</v>
      </c>
      <c r="AC29" s="197">
        <v>2</v>
      </c>
      <c r="AD29" s="195">
        <v>0</v>
      </c>
      <c r="AE29" s="198">
        <v>2</v>
      </c>
      <c r="AF29" s="202">
        <v>2</v>
      </c>
      <c r="AG29" s="201">
        <v>0</v>
      </c>
      <c r="AH29" s="195">
        <v>0</v>
      </c>
      <c r="AI29" s="198">
        <v>0</v>
      </c>
      <c r="AJ29" s="201">
        <v>12</v>
      </c>
      <c r="AK29" s="197">
        <v>24</v>
      </c>
      <c r="AL29" s="197">
        <v>16</v>
      </c>
      <c r="AM29" s="197">
        <v>26</v>
      </c>
      <c r="AN29" s="195">
        <v>13</v>
      </c>
      <c r="AO29" s="198">
        <v>91</v>
      </c>
      <c r="AP29" s="202">
        <v>91</v>
      </c>
      <c r="AQ29" s="201">
        <v>0</v>
      </c>
      <c r="AR29" s="195">
        <v>0</v>
      </c>
      <c r="AS29" s="198">
        <v>0</v>
      </c>
      <c r="AT29" s="196">
        <v>12</v>
      </c>
      <c r="AU29" s="197">
        <v>24</v>
      </c>
      <c r="AV29" s="197">
        <v>16</v>
      </c>
      <c r="AW29" s="197">
        <v>25</v>
      </c>
      <c r="AX29" s="195">
        <v>13</v>
      </c>
      <c r="AY29" s="198">
        <v>90</v>
      </c>
      <c r="AZ29" s="199">
        <v>90</v>
      </c>
      <c r="BA29" s="194">
        <v>0</v>
      </c>
      <c r="BB29" s="195">
        <v>0</v>
      </c>
      <c r="BC29" s="195">
        <v>0</v>
      </c>
      <c r="BD29" s="196">
        <v>0</v>
      </c>
      <c r="BE29" s="197">
        <v>0</v>
      </c>
      <c r="BF29" s="197">
        <v>0</v>
      </c>
      <c r="BG29" s="197">
        <v>1</v>
      </c>
      <c r="BH29" s="195">
        <v>0</v>
      </c>
      <c r="BI29" s="198">
        <v>1</v>
      </c>
      <c r="BJ29" s="200">
        <v>1</v>
      </c>
      <c r="BK29" s="201">
        <v>0</v>
      </c>
      <c r="BL29" s="195">
        <v>0</v>
      </c>
      <c r="BM29" s="195">
        <v>0</v>
      </c>
      <c r="BN29" s="196">
        <v>0</v>
      </c>
      <c r="BO29" s="197">
        <v>0</v>
      </c>
      <c r="BP29" s="197">
        <v>0</v>
      </c>
      <c r="BQ29" s="197">
        <v>0</v>
      </c>
      <c r="BR29" s="195">
        <v>0</v>
      </c>
      <c r="BS29" s="198">
        <v>0</v>
      </c>
      <c r="BT29" s="199">
        <v>0</v>
      </c>
      <c r="BU29" s="194">
        <v>0</v>
      </c>
      <c r="BV29" s="195">
        <v>0</v>
      </c>
      <c r="BW29" s="195">
        <v>0</v>
      </c>
      <c r="BX29" s="196">
        <v>0</v>
      </c>
      <c r="BY29" s="197">
        <v>0</v>
      </c>
      <c r="BZ29" s="197">
        <v>0</v>
      </c>
      <c r="CA29" s="197">
        <v>0</v>
      </c>
      <c r="CB29" s="195">
        <v>0</v>
      </c>
      <c r="CC29" s="198">
        <v>0</v>
      </c>
      <c r="CD29" s="200">
        <v>0</v>
      </c>
      <c r="CE29" s="201">
        <v>0</v>
      </c>
      <c r="CF29" s="195">
        <v>0</v>
      </c>
      <c r="CG29" s="195">
        <v>0</v>
      </c>
      <c r="CH29" s="196">
        <v>0</v>
      </c>
      <c r="CI29" s="197">
        <v>0</v>
      </c>
      <c r="CJ29" s="197">
        <v>0</v>
      </c>
      <c r="CK29" s="197">
        <v>0</v>
      </c>
      <c r="CL29" s="195">
        <v>0</v>
      </c>
      <c r="CM29" s="198">
        <v>0</v>
      </c>
      <c r="CN29" s="200">
        <v>0</v>
      </c>
      <c r="CO29" s="201">
        <v>0</v>
      </c>
      <c r="CP29" s="195">
        <v>0</v>
      </c>
      <c r="CQ29" s="195">
        <v>0</v>
      </c>
      <c r="CR29" s="196">
        <v>0</v>
      </c>
      <c r="CS29" s="197">
        <v>0</v>
      </c>
      <c r="CT29" s="197">
        <v>0</v>
      </c>
      <c r="CU29" s="197">
        <v>0</v>
      </c>
      <c r="CV29" s="195">
        <v>2</v>
      </c>
      <c r="CW29" s="198">
        <v>2</v>
      </c>
      <c r="CX29" s="199">
        <v>2</v>
      </c>
      <c r="CY29" s="194">
        <v>0</v>
      </c>
      <c r="CZ29" s="195">
        <v>0</v>
      </c>
      <c r="DA29" s="195">
        <v>0</v>
      </c>
      <c r="DB29" s="196">
        <v>0</v>
      </c>
      <c r="DC29" s="197">
        <v>0</v>
      </c>
      <c r="DD29" s="197">
        <v>0</v>
      </c>
      <c r="DE29" s="197">
        <v>0</v>
      </c>
      <c r="DF29" s="195">
        <v>2</v>
      </c>
      <c r="DG29" s="198">
        <v>2</v>
      </c>
      <c r="DH29" s="200">
        <v>2</v>
      </c>
      <c r="DI29" s="201">
        <v>0</v>
      </c>
      <c r="DJ29" s="195">
        <v>0</v>
      </c>
      <c r="DK29" s="195">
        <v>0</v>
      </c>
      <c r="DL29" s="196">
        <v>0</v>
      </c>
      <c r="DM29" s="197">
        <v>0</v>
      </c>
      <c r="DN29" s="197">
        <v>0</v>
      </c>
      <c r="DO29" s="197">
        <v>0</v>
      </c>
      <c r="DP29" s="195">
        <v>0</v>
      </c>
      <c r="DQ29" s="198">
        <v>0</v>
      </c>
      <c r="DR29" s="200">
        <v>0</v>
      </c>
      <c r="DS29" s="201">
        <v>0</v>
      </c>
      <c r="DT29" s="195">
        <v>0</v>
      </c>
      <c r="DU29" s="195">
        <v>0</v>
      </c>
      <c r="DV29" s="196">
        <v>12</v>
      </c>
      <c r="DW29" s="197">
        <v>34</v>
      </c>
      <c r="DX29" s="197">
        <v>54</v>
      </c>
      <c r="DY29" s="197">
        <v>107</v>
      </c>
      <c r="DZ29" s="195">
        <v>57</v>
      </c>
      <c r="EA29" s="198">
        <v>264</v>
      </c>
      <c r="EB29" s="200">
        <v>264</v>
      </c>
      <c r="EC29" s="37"/>
    </row>
    <row r="30" spans="2:133" ht="21" customHeight="1" x14ac:dyDescent="0.2">
      <c r="B30" s="62" t="s">
        <v>27</v>
      </c>
      <c r="C30" s="194">
        <v>0</v>
      </c>
      <c r="D30" s="195">
        <v>0</v>
      </c>
      <c r="E30" s="195">
        <v>0</v>
      </c>
      <c r="F30" s="196">
        <v>2</v>
      </c>
      <c r="G30" s="197">
        <v>2</v>
      </c>
      <c r="H30" s="197">
        <v>33</v>
      </c>
      <c r="I30" s="197">
        <v>63</v>
      </c>
      <c r="J30" s="195">
        <v>41</v>
      </c>
      <c r="K30" s="198">
        <v>141</v>
      </c>
      <c r="L30" s="199">
        <v>141</v>
      </c>
      <c r="M30" s="194">
        <v>0</v>
      </c>
      <c r="N30" s="195">
        <v>0</v>
      </c>
      <c r="O30" s="198">
        <v>0</v>
      </c>
      <c r="P30" s="196">
        <v>2</v>
      </c>
      <c r="Q30" s="197">
        <v>2</v>
      </c>
      <c r="R30" s="197">
        <v>31</v>
      </c>
      <c r="S30" s="197">
        <v>63</v>
      </c>
      <c r="T30" s="195">
        <v>41</v>
      </c>
      <c r="U30" s="198">
        <v>139</v>
      </c>
      <c r="V30" s="200">
        <v>139</v>
      </c>
      <c r="W30" s="201">
        <v>0</v>
      </c>
      <c r="X30" s="195">
        <v>0</v>
      </c>
      <c r="Y30" s="198">
        <v>0</v>
      </c>
      <c r="Z30" s="201">
        <v>0</v>
      </c>
      <c r="AA30" s="197">
        <v>0</v>
      </c>
      <c r="AB30" s="197">
        <v>2</v>
      </c>
      <c r="AC30" s="197">
        <v>0</v>
      </c>
      <c r="AD30" s="195">
        <v>0</v>
      </c>
      <c r="AE30" s="198">
        <v>2</v>
      </c>
      <c r="AF30" s="202">
        <v>2</v>
      </c>
      <c r="AG30" s="201">
        <v>0</v>
      </c>
      <c r="AH30" s="195">
        <v>0</v>
      </c>
      <c r="AI30" s="198">
        <v>0</v>
      </c>
      <c r="AJ30" s="201">
        <v>9</v>
      </c>
      <c r="AK30" s="197">
        <v>22</v>
      </c>
      <c r="AL30" s="197">
        <v>23</v>
      </c>
      <c r="AM30" s="197">
        <v>23</v>
      </c>
      <c r="AN30" s="195">
        <v>14</v>
      </c>
      <c r="AO30" s="198">
        <v>91</v>
      </c>
      <c r="AP30" s="202">
        <v>91</v>
      </c>
      <c r="AQ30" s="201">
        <v>0</v>
      </c>
      <c r="AR30" s="195">
        <v>0</v>
      </c>
      <c r="AS30" s="198">
        <v>0</v>
      </c>
      <c r="AT30" s="196">
        <v>9</v>
      </c>
      <c r="AU30" s="197">
        <v>20</v>
      </c>
      <c r="AV30" s="197">
        <v>22</v>
      </c>
      <c r="AW30" s="197">
        <v>22</v>
      </c>
      <c r="AX30" s="195">
        <v>14</v>
      </c>
      <c r="AY30" s="198">
        <v>87</v>
      </c>
      <c r="AZ30" s="199">
        <v>87</v>
      </c>
      <c r="BA30" s="194">
        <v>0</v>
      </c>
      <c r="BB30" s="195">
        <v>0</v>
      </c>
      <c r="BC30" s="195">
        <v>0</v>
      </c>
      <c r="BD30" s="196">
        <v>0</v>
      </c>
      <c r="BE30" s="197">
        <v>2</v>
      </c>
      <c r="BF30" s="197">
        <v>1</v>
      </c>
      <c r="BG30" s="197">
        <v>1</v>
      </c>
      <c r="BH30" s="195">
        <v>0</v>
      </c>
      <c r="BI30" s="198">
        <v>4</v>
      </c>
      <c r="BJ30" s="200">
        <v>4</v>
      </c>
      <c r="BK30" s="201">
        <v>0</v>
      </c>
      <c r="BL30" s="195">
        <v>0</v>
      </c>
      <c r="BM30" s="195">
        <v>0</v>
      </c>
      <c r="BN30" s="196">
        <v>0</v>
      </c>
      <c r="BO30" s="197">
        <v>0</v>
      </c>
      <c r="BP30" s="197">
        <v>0</v>
      </c>
      <c r="BQ30" s="197">
        <v>0</v>
      </c>
      <c r="BR30" s="195">
        <v>0</v>
      </c>
      <c r="BS30" s="198">
        <v>0</v>
      </c>
      <c r="BT30" s="199">
        <v>0</v>
      </c>
      <c r="BU30" s="194">
        <v>0</v>
      </c>
      <c r="BV30" s="195">
        <v>0</v>
      </c>
      <c r="BW30" s="195">
        <v>0</v>
      </c>
      <c r="BX30" s="196">
        <v>0</v>
      </c>
      <c r="BY30" s="197">
        <v>0</v>
      </c>
      <c r="BZ30" s="197">
        <v>0</v>
      </c>
      <c r="CA30" s="197">
        <v>0</v>
      </c>
      <c r="CB30" s="195">
        <v>0</v>
      </c>
      <c r="CC30" s="198">
        <v>0</v>
      </c>
      <c r="CD30" s="200">
        <v>0</v>
      </c>
      <c r="CE30" s="201">
        <v>0</v>
      </c>
      <c r="CF30" s="195">
        <v>0</v>
      </c>
      <c r="CG30" s="195">
        <v>0</v>
      </c>
      <c r="CH30" s="196">
        <v>0</v>
      </c>
      <c r="CI30" s="197">
        <v>0</v>
      </c>
      <c r="CJ30" s="197">
        <v>0</v>
      </c>
      <c r="CK30" s="197">
        <v>0</v>
      </c>
      <c r="CL30" s="195">
        <v>0</v>
      </c>
      <c r="CM30" s="198">
        <v>0</v>
      </c>
      <c r="CN30" s="200">
        <v>0</v>
      </c>
      <c r="CO30" s="201">
        <v>0</v>
      </c>
      <c r="CP30" s="195">
        <v>0</v>
      </c>
      <c r="CQ30" s="195">
        <v>0</v>
      </c>
      <c r="CR30" s="196">
        <v>0</v>
      </c>
      <c r="CS30" s="197">
        <v>0</v>
      </c>
      <c r="CT30" s="197">
        <v>0</v>
      </c>
      <c r="CU30" s="197">
        <v>3</v>
      </c>
      <c r="CV30" s="195">
        <v>2</v>
      </c>
      <c r="CW30" s="198">
        <v>5</v>
      </c>
      <c r="CX30" s="199">
        <v>5</v>
      </c>
      <c r="CY30" s="194">
        <v>0</v>
      </c>
      <c r="CZ30" s="195">
        <v>0</v>
      </c>
      <c r="DA30" s="195">
        <v>0</v>
      </c>
      <c r="DB30" s="196">
        <v>0</v>
      </c>
      <c r="DC30" s="197">
        <v>0</v>
      </c>
      <c r="DD30" s="197">
        <v>0</v>
      </c>
      <c r="DE30" s="197">
        <v>3</v>
      </c>
      <c r="DF30" s="195">
        <v>0</v>
      </c>
      <c r="DG30" s="198">
        <v>3</v>
      </c>
      <c r="DH30" s="200">
        <v>3</v>
      </c>
      <c r="DI30" s="201">
        <v>0</v>
      </c>
      <c r="DJ30" s="195">
        <v>0</v>
      </c>
      <c r="DK30" s="195">
        <v>0</v>
      </c>
      <c r="DL30" s="196">
        <v>0</v>
      </c>
      <c r="DM30" s="197">
        <v>0</v>
      </c>
      <c r="DN30" s="197">
        <v>0</v>
      </c>
      <c r="DO30" s="197">
        <v>0</v>
      </c>
      <c r="DP30" s="195">
        <v>2</v>
      </c>
      <c r="DQ30" s="198">
        <v>2</v>
      </c>
      <c r="DR30" s="200">
        <v>2</v>
      </c>
      <c r="DS30" s="201">
        <v>0</v>
      </c>
      <c r="DT30" s="195">
        <v>0</v>
      </c>
      <c r="DU30" s="195">
        <v>0</v>
      </c>
      <c r="DV30" s="196">
        <v>11</v>
      </c>
      <c r="DW30" s="197">
        <v>24</v>
      </c>
      <c r="DX30" s="197">
        <v>56</v>
      </c>
      <c r="DY30" s="197">
        <v>88</v>
      </c>
      <c r="DZ30" s="195">
        <v>55</v>
      </c>
      <c r="EA30" s="198">
        <v>234</v>
      </c>
      <c r="EB30" s="200">
        <v>234</v>
      </c>
      <c r="EC30" s="37"/>
    </row>
    <row r="31" spans="2:133" ht="21" customHeight="1" x14ac:dyDescent="0.2">
      <c r="B31" s="62" t="s">
        <v>28</v>
      </c>
      <c r="C31" s="194">
        <v>0</v>
      </c>
      <c r="D31" s="195">
        <v>0</v>
      </c>
      <c r="E31" s="195">
        <v>0</v>
      </c>
      <c r="F31" s="196">
        <v>0</v>
      </c>
      <c r="G31" s="197">
        <v>1</v>
      </c>
      <c r="H31" s="197">
        <v>13</v>
      </c>
      <c r="I31" s="197">
        <v>19</v>
      </c>
      <c r="J31" s="195">
        <v>11</v>
      </c>
      <c r="K31" s="198">
        <v>44</v>
      </c>
      <c r="L31" s="199">
        <v>44</v>
      </c>
      <c r="M31" s="194">
        <v>0</v>
      </c>
      <c r="N31" s="195">
        <v>0</v>
      </c>
      <c r="O31" s="198">
        <v>0</v>
      </c>
      <c r="P31" s="196">
        <v>0</v>
      </c>
      <c r="Q31" s="197">
        <v>1</v>
      </c>
      <c r="R31" s="197">
        <v>13</v>
      </c>
      <c r="S31" s="197">
        <v>19</v>
      </c>
      <c r="T31" s="195">
        <v>11</v>
      </c>
      <c r="U31" s="198">
        <v>44</v>
      </c>
      <c r="V31" s="200">
        <v>44</v>
      </c>
      <c r="W31" s="201">
        <v>0</v>
      </c>
      <c r="X31" s="195">
        <v>0</v>
      </c>
      <c r="Y31" s="198">
        <v>0</v>
      </c>
      <c r="Z31" s="201">
        <v>0</v>
      </c>
      <c r="AA31" s="197">
        <v>0</v>
      </c>
      <c r="AB31" s="197">
        <v>0</v>
      </c>
      <c r="AC31" s="197">
        <v>0</v>
      </c>
      <c r="AD31" s="195">
        <v>0</v>
      </c>
      <c r="AE31" s="198">
        <v>0</v>
      </c>
      <c r="AF31" s="202">
        <v>0</v>
      </c>
      <c r="AG31" s="201">
        <v>0</v>
      </c>
      <c r="AH31" s="195">
        <v>0</v>
      </c>
      <c r="AI31" s="198">
        <v>0</v>
      </c>
      <c r="AJ31" s="201">
        <v>2</v>
      </c>
      <c r="AK31" s="197">
        <v>10</v>
      </c>
      <c r="AL31" s="197">
        <v>7</v>
      </c>
      <c r="AM31" s="197">
        <v>13</v>
      </c>
      <c r="AN31" s="195">
        <v>4</v>
      </c>
      <c r="AO31" s="198">
        <v>36</v>
      </c>
      <c r="AP31" s="202">
        <v>36</v>
      </c>
      <c r="AQ31" s="201">
        <v>0</v>
      </c>
      <c r="AR31" s="195">
        <v>0</v>
      </c>
      <c r="AS31" s="198">
        <v>0</v>
      </c>
      <c r="AT31" s="196">
        <v>2</v>
      </c>
      <c r="AU31" s="197">
        <v>10</v>
      </c>
      <c r="AV31" s="197">
        <v>7</v>
      </c>
      <c r="AW31" s="197">
        <v>13</v>
      </c>
      <c r="AX31" s="195">
        <v>3</v>
      </c>
      <c r="AY31" s="198">
        <v>35</v>
      </c>
      <c r="AZ31" s="199">
        <v>35</v>
      </c>
      <c r="BA31" s="194">
        <v>0</v>
      </c>
      <c r="BB31" s="195">
        <v>0</v>
      </c>
      <c r="BC31" s="195">
        <v>0</v>
      </c>
      <c r="BD31" s="196">
        <v>0</v>
      </c>
      <c r="BE31" s="197">
        <v>0</v>
      </c>
      <c r="BF31" s="197">
        <v>0</v>
      </c>
      <c r="BG31" s="197">
        <v>0</v>
      </c>
      <c r="BH31" s="195">
        <v>1</v>
      </c>
      <c r="BI31" s="198">
        <v>1</v>
      </c>
      <c r="BJ31" s="200">
        <v>1</v>
      </c>
      <c r="BK31" s="201">
        <v>0</v>
      </c>
      <c r="BL31" s="195">
        <v>0</v>
      </c>
      <c r="BM31" s="195">
        <v>0</v>
      </c>
      <c r="BN31" s="196">
        <v>0</v>
      </c>
      <c r="BO31" s="197">
        <v>0</v>
      </c>
      <c r="BP31" s="197">
        <v>0</v>
      </c>
      <c r="BQ31" s="197">
        <v>0</v>
      </c>
      <c r="BR31" s="195">
        <v>0</v>
      </c>
      <c r="BS31" s="198">
        <v>0</v>
      </c>
      <c r="BT31" s="199">
        <v>0</v>
      </c>
      <c r="BU31" s="194">
        <v>0</v>
      </c>
      <c r="BV31" s="195">
        <v>0</v>
      </c>
      <c r="BW31" s="195">
        <v>0</v>
      </c>
      <c r="BX31" s="196">
        <v>0</v>
      </c>
      <c r="BY31" s="197">
        <v>0</v>
      </c>
      <c r="BZ31" s="197">
        <v>0</v>
      </c>
      <c r="CA31" s="197">
        <v>0</v>
      </c>
      <c r="CB31" s="195">
        <v>0</v>
      </c>
      <c r="CC31" s="198">
        <v>0</v>
      </c>
      <c r="CD31" s="200">
        <v>0</v>
      </c>
      <c r="CE31" s="201">
        <v>0</v>
      </c>
      <c r="CF31" s="195">
        <v>0</v>
      </c>
      <c r="CG31" s="195">
        <v>0</v>
      </c>
      <c r="CH31" s="196">
        <v>0</v>
      </c>
      <c r="CI31" s="197">
        <v>0</v>
      </c>
      <c r="CJ31" s="197">
        <v>0</v>
      </c>
      <c r="CK31" s="197">
        <v>0</v>
      </c>
      <c r="CL31" s="195">
        <v>0</v>
      </c>
      <c r="CM31" s="198">
        <v>0</v>
      </c>
      <c r="CN31" s="200">
        <v>0</v>
      </c>
      <c r="CO31" s="201">
        <v>0</v>
      </c>
      <c r="CP31" s="195">
        <v>0</v>
      </c>
      <c r="CQ31" s="195">
        <v>0</v>
      </c>
      <c r="CR31" s="196">
        <v>0</v>
      </c>
      <c r="CS31" s="197">
        <v>0</v>
      </c>
      <c r="CT31" s="197">
        <v>0</v>
      </c>
      <c r="CU31" s="197">
        <v>0</v>
      </c>
      <c r="CV31" s="195">
        <v>0</v>
      </c>
      <c r="CW31" s="198">
        <v>0</v>
      </c>
      <c r="CX31" s="199">
        <v>0</v>
      </c>
      <c r="CY31" s="194">
        <v>0</v>
      </c>
      <c r="CZ31" s="195">
        <v>0</v>
      </c>
      <c r="DA31" s="195">
        <v>0</v>
      </c>
      <c r="DB31" s="196">
        <v>0</v>
      </c>
      <c r="DC31" s="197">
        <v>0</v>
      </c>
      <c r="DD31" s="197">
        <v>0</v>
      </c>
      <c r="DE31" s="197">
        <v>0</v>
      </c>
      <c r="DF31" s="195">
        <v>0</v>
      </c>
      <c r="DG31" s="198">
        <v>0</v>
      </c>
      <c r="DH31" s="200">
        <v>0</v>
      </c>
      <c r="DI31" s="201">
        <v>0</v>
      </c>
      <c r="DJ31" s="195">
        <v>0</v>
      </c>
      <c r="DK31" s="195">
        <v>0</v>
      </c>
      <c r="DL31" s="196">
        <v>0</v>
      </c>
      <c r="DM31" s="197">
        <v>0</v>
      </c>
      <c r="DN31" s="197">
        <v>0</v>
      </c>
      <c r="DO31" s="197">
        <v>0</v>
      </c>
      <c r="DP31" s="195">
        <v>0</v>
      </c>
      <c r="DQ31" s="198">
        <v>0</v>
      </c>
      <c r="DR31" s="200">
        <v>0</v>
      </c>
      <c r="DS31" s="201">
        <v>0</v>
      </c>
      <c r="DT31" s="195">
        <v>0</v>
      </c>
      <c r="DU31" s="195">
        <v>0</v>
      </c>
      <c r="DV31" s="196">
        <v>2</v>
      </c>
      <c r="DW31" s="197">
        <v>11</v>
      </c>
      <c r="DX31" s="197">
        <v>20</v>
      </c>
      <c r="DY31" s="197">
        <v>32</v>
      </c>
      <c r="DZ31" s="195">
        <v>15</v>
      </c>
      <c r="EA31" s="198">
        <v>80</v>
      </c>
      <c r="EB31" s="200">
        <v>80</v>
      </c>
      <c r="EC31" s="37"/>
    </row>
    <row r="32" spans="2:133" ht="21" customHeight="1" x14ac:dyDescent="0.2">
      <c r="B32" s="62" t="s">
        <v>29</v>
      </c>
      <c r="C32" s="194">
        <v>0</v>
      </c>
      <c r="D32" s="195">
        <v>0</v>
      </c>
      <c r="E32" s="195">
        <v>0</v>
      </c>
      <c r="F32" s="196">
        <v>0</v>
      </c>
      <c r="G32" s="197">
        <v>3</v>
      </c>
      <c r="H32" s="197">
        <v>14</v>
      </c>
      <c r="I32" s="197">
        <v>32</v>
      </c>
      <c r="J32" s="195">
        <v>20</v>
      </c>
      <c r="K32" s="198">
        <v>69</v>
      </c>
      <c r="L32" s="199">
        <v>69</v>
      </c>
      <c r="M32" s="194">
        <v>0</v>
      </c>
      <c r="N32" s="195">
        <v>0</v>
      </c>
      <c r="O32" s="198">
        <v>0</v>
      </c>
      <c r="P32" s="196">
        <v>0</v>
      </c>
      <c r="Q32" s="197">
        <v>3</v>
      </c>
      <c r="R32" s="197">
        <v>14</v>
      </c>
      <c r="S32" s="197">
        <v>32</v>
      </c>
      <c r="T32" s="195">
        <v>20</v>
      </c>
      <c r="U32" s="198">
        <v>69</v>
      </c>
      <c r="V32" s="200">
        <v>69</v>
      </c>
      <c r="W32" s="201">
        <v>0</v>
      </c>
      <c r="X32" s="195">
        <v>0</v>
      </c>
      <c r="Y32" s="198">
        <v>0</v>
      </c>
      <c r="Z32" s="201">
        <v>0</v>
      </c>
      <c r="AA32" s="197">
        <v>0</v>
      </c>
      <c r="AB32" s="197">
        <v>0</v>
      </c>
      <c r="AC32" s="197">
        <v>0</v>
      </c>
      <c r="AD32" s="195">
        <v>0</v>
      </c>
      <c r="AE32" s="198">
        <v>0</v>
      </c>
      <c r="AF32" s="202">
        <v>0</v>
      </c>
      <c r="AG32" s="201">
        <v>0</v>
      </c>
      <c r="AH32" s="195">
        <v>0</v>
      </c>
      <c r="AI32" s="198">
        <v>0</v>
      </c>
      <c r="AJ32" s="201">
        <v>3</v>
      </c>
      <c r="AK32" s="197">
        <v>5</v>
      </c>
      <c r="AL32" s="197">
        <v>10</v>
      </c>
      <c r="AM32" s="197">
        <v>16</v>
      </c>
      <c r="AN32" s="195">
        <v>8</v>
      </c>
      <c r="AO32" s="198">
        <v>42</v>
      </c>
      <c r="AP32" s="202">
        <v>42</v>
      </c>
      <c r="AQ32" s="201">
        <v>0</v>
      </c>
      <c r="AR32" s="195">
        <v>0</v>
      </c>
      <c r="AS32" s="198">
        <v>0</v>
      </c>
      <c r="AT32" s="196">
        <v>3</v>
      </c>
      <c r="AU32" s="197">
        <v>5</v>
      </c>
      <c r="AV32" s="197">
        <v>10</v>
      </c>
      <c r="AW32" s="197">
        <v>16</v>
      </c>
      <c r="AX32" s="195">
        <v>7</v>
      </c>
      <c r="AY32" s="198">
        <v>41</v>
      </c>
      <c r="AZ32" s="199">
        <v>41</v>
      </c>
      <c r="BA32" s="194">
        <v>0</v>
      </c>
      <c r="BB32" s="195">
        <v>0</v>
      </c>
      <c r="BC32" s="195">
        <v>0</v>
      </c>
      <c r="BD32" s="196">
        <v>0</v>
      </c>
      <c r="BE32" s="197">
        <v>0</v>
      </c>
      <c r="BF32" s="197">
        <v>0</v>
      </c>
      <c r="BG32" s="197">
        <v>0</v>
      </c>
      <c r="BH32" s="195">
        <v>1</v>
      </c>
      <c r="BI32" s="198">
        <v>1</v>
      </c>
      <c r="BJ32" s="200">
        <v>1</v>
      </c>
      <c r="BK32" s="201">
        <v>0</v>
      </c>
      <c r="BL32" s="195">
        <v>0</v>
      </c>
      <c r="BM32" s="195">
        <v>0</v>
      </c>
      <c r="BN32" s="196">
        <v>0</v>
      </c>
      <c r="BO32" s="197">
        <v>0</v>
      </c>
      <c r="BP32" s="197">
        <v>0</v>
      </c>
      <c r="BQ32" s="197">
        <v>0</v>
      </c>
      <c r="BR32" s="195">
        <v>0</v>
      </c>
      <c r="BS32" s="198">
        <v>0</v>
      </c>
      <c r="BT32" s="199">
        <v>0</v>
      </c>
      <c r="BU32" s="194">
        <v>0</v>
      </c>
      <c r="BV32" s="195">
        <v>0</v>
      </c>
      <c r="BW32" s="195">
        <v>0</v>
      </c>
      <c r="BX32" s="196">
        <v>0</v>
      </c>
      <c r="BY32" s="197">
        <v>0</v>
      </c>
      <c r="BZ32" s="197">
        <v>0</v>
      </c>
      <c r="CA32" s="197">
        <v>0</v>
      </c>
      <c r="CB32" s="195">
        <v>0</v>
      </c>
      <c r="CC32" s="198">
        <v>0</v>
      </c>
      <c r="CD32" s="200">
        <v>0</v>
      </c>
      <c r="CE32" s="201">
        <v>0</v>
      </c>
      <c r="CF32" s="195">
        <v>0</v>
      </c>
      <c r="CG32" s="195">
        <v>0</v>
      </c>
      <c r="CH32" s="196">
        <v>0</v>
      </c>
      <c r="CI32" s="197">
        <v>0</v>
      </c>
      <c r="CJ32" s="197">
        <v>0</v>
      </c>
      <c r="CK32" s="197">
        <v>0</v>
      </c>
      <c r="CL32" s="195">
        <v>0</v>
      </c>
      <c r="CM32" s="198">
        <v>0</v>
      </c>
      <c r="CN32" s="200">
        <v>0</v>
      </c>
      <c r="CO32" s="201">
        <v>0</v>
      </c>
      <c r="CP32" s="195">
        <v>0</v>
      </c>
      <c r="CQ32" s="195">
        <v>0</v>
      </c>
      <c r="CR32" s="196">
        <v>0</v>
      </c>
      <c r="CS32" s="197">
        <v>0</v>
      </c>
      <c r="CT32" s="197">
        <v>0</v>
      </c>
      <c r="CU32" s="197">
        <v>1</v>
      </c>
      <c r="CV32" s="195">
        <v>0</v>
      </c>
      <c r="CW32" s="198">
        <v>1</v>
      </c>
      <c r="CX32" s="199">
        <v>1</v>
      </c>
      <c r="CY32" s="194">
        <v>0</v>
      </c>
      <c r="CZ32" s="195">
        <v>0</v>
      </c>
      <c r="DA32" s="195">
        <v>0</v>
      </c>
      <c r="DB32" s="196">
        <v>0</v>
      </c>
      <c r="DC32" s="197">
        <v>0</v>
      </c>
      <c r="DD32" s="197">
        <v>0</v>
      </c>
      <c r="DE32" s="197">
        <v>1</v>
      </c>
      <c r="DF32" s="195">
        <v>0</v>
      </c>
      <c r="DG32" s="198">
        <v>1</v>
      </c>
      <c r="DH32" s="200">
        <v>1</v>
      </c>
      <c r="DI32" s="201">
        <v>0</v>
      </c>
      <c r="DJ32" s="195">
        <v>0</v>
      </c>
      <c r="DK32" s="195">
        <v>0</v>
      </c>
      <c r="DL32" s="196">
        <v>0</v>
      </c>
      <c r="DM32" s="197">
        <v>0</v>
      </c>
      <c r="DN32" s="197">
        <v>0</v>
      </c>
      <c r="DO32" s="197">
        <v>0</v>
      </c>
      <c r="DP32" s="195">
        <v>0</v>
      </c>
      <c r="DQ32" s="198">
        <v>0</v>
      </c>
      <c r="DR32" s="200">
        <v>0</v>
      </c>
      <c r="DS32" s="201">
        <v>0</v>
      </c>
      <c r="DT32" s="195">
        <v>0</v>
      </c>
      <c r="DU32" s="195">
        <v>0</v>
      </c>
      <c r="DV32" s="196">
        <v>3</v>
      </c>
      <c r="DW32" s="197">
        <v>8</v>
      </c>
      <c r="DX32" s="197">
        <v>24</v>
      </c>
      <c r="DY32" s="197">
        <v>49</v>
      </c>
      <c r="DZ32" s="195">
        <v>27</v>
      </c>
      <c r="EA32" s="198">
        <v>111</v>
      </c>
      <c r="EB32" s="200">
        <v>111</v>
      </c>
      <c r="EC32" s="37"/>
    </row>
    <row r="33" spans="2:133" ht="21" customHeight="1" x14ac:dyDescent="0.2">
      <c r="B33" s="62" t="s">
        <v>30</v>
      </c>
      <c r="C33" s="194">
        <v>0</v>
      </c>
      <c r="D33" s="195">
        <v>0</v>
      </c>
      <c r="E33" s="195">
        <v>0</v>
      </c>
      <c r="F33" s="196">
        <v>1</v>
      </c>
      <c r="G33" s="197">
        <v>1</v>
      </c>
      <c r="H33" s="197">
        <v>24</v>
      </c>
      <c r="I33" s="197">
        <v>24</v>
      </c>
      <c r="J33" s="195">
        <v>13</v>
      </c>
      <c r="K33" s="198">
        <v>63</v>
      </c>
      <c r="L33" s="199">
        <v>63</v>
      </c>
      <c r="M33" s="194">
        <v>0</v>
      </c>
      <c r="N33" s="195">
        <v>0</v>
      </c>
      <c r="O33" s="198">
        <v>0</v>
      </c>
      <c r="P33" s="196">
        <v>1</v>
      </c>
      <c r="Q33" s="197">
        <v>1</v>
      </c>
      <c r="R33" s="197">
        <v>24</v>
      </c>
      <c r="S33" s="197">
        <v>24</v>
      </c>
      <c r="T33" s="195">
        <v>13</v>
      </c>
      <c r="U33" s="198">
        <v>63</v>
      </c>
      <c r="V33" s="200">
        <v>63</v>
      </c>
      <c r="W33" s="201">
        <v>0</v>
      </c>
      <c r="X33" s="195">
        <v>0</v>
      </c>
      <c r="Y33" s="198">
        <v>0</v>
      </c>
      <c r="Z33" s="201">
        <v>0</v>
      </c>
      <c r="AA33" s="197">
        <v>0</v>
      </c>
      <c r="AB33" s="197">
        <v>0</v>
      </c>
      <c r="AC33" s="197">
        <v>0</v>
      </c>
      <c r="AD33" s="195">
        <v>0</v>
      </c>
      <c r="AE33" s="198">
        <v>0</v>
      </c>
      <c r="AF33" s="202">
        <v>0</v>
      </c>
      <c r="AG33" s="201">
        <v>0</v>
      </c>
      <c r="AH33" s="195">
        <v>0</v>
      </c>
      <c r="AI33" s="198">
        <v>0</v>
      </c>
      <c r="AJ33" s="201">
        <v>9</v>
      </c>
      <c r="AK33" s="197">
        <v>2</v>
      </c>
      <c r="AL33" s="197">
        <v>12</v>
      </c>
      <c r="AM33" s="197">
        <v>17</v>
      </c>
      <c r="AN33" s="195">
        <v>8</v>
      </c>
      <c r="AO33" s="198">
        <v>48</v>
      </c>
      <c r="AP33" s="202">
        <v>48</v>
      </c>
      <c r="AQ33" s="201">
        <v>0</v>
      </c>
      <c r="AR33" s="195">
        <v>0</v>
      </c>
      <c r="AS33" s="198">
        <v>0</v>
      </c>
      <c r="AT33" s="196">
        <v>9</v>
      </c>
      <c r="AU33" s="197">
        <v>2</v>
      </c>
      <c r="AV33" s="197">
        <v>11</v>
      </c>
      <c r="AW33" s="197">
        <v>17</v>
      </c>
      <c r="AX33" s="195">
        <v>8</v>
      </c>
      <c r="AY33" s="198">
        <v>47</v>
      </c>
      <c r="AZ33" s="199">
        <v>47</v>
      </c>
      <c r="BA33" s="194">
        <v>0</v>
      </c>
      <c r="BB33" s="195">
        <v>0</v>
      </c>
      <c r="BC33" s="195">
        <v>0</v>
      </c>
      <c r="BD33" s="196">
        <v>0</v>
      </c>
      <c r="BE33" s="197">
        <v>0</v>
      </c>
      <c r="BF33" s="197">
        <v>1</v>
      </c>
      <c r="BG33" s="197">
        <v>0</v>
      </c>
      <c r="BH33" s="195">
        <v>0</v>
      </c>
      <c r="BI33" s="198">
        <v>1</v>
      </c>
      <c r="BJ33" s="200">
        <v>1</v>
      </c>
      <c r="BK33" s="201">
        <v>0</v>
      </c>
      <c r="BL33" s="195">
        <v>0</v>
      </c>
      <c r="BM33" s="195">
        <v>0</v>
      </c>
      <c r="BN33" s="196">
        <v>0</v>
      </c>
      <c r="BO33" s="197">
        <v>0</v>
      </c>
      <c r="BP33" s="197">
        <v>0</v>
      </c>
      <c r="BQ33" s="197">
        <v>0</v>
      </c>
      <c r="BR33" s="195">
        <v>0</v>
      </c>
      <c r="BS33" s="198">
        <v>0</v>
      </c>
      <c r="BT33" s="199">
        <v>0</v>
      </c>
      <c r="BU33" s="194">
        <v>0</v>
      </c>
      <c r="BV33" s="195">
        <v>0</v>
      </c>
      <c r="BW33" s="195">
        <v>0</v>
      </c>
      <c r="BX33" s="196">
        <v>0</v>
      </c>
      <c r="BY33" s="197">
        <v>0</v>
      </c>
      <c r="BZ33" s="197">
        <v>0</v>
      </c>
      <c r="CA33" s="197">
        <v>0</v>
      </c>
      <c r="CB33" s="195">
        <v>0</v>
      </c>
      <c r="CC33" s="198">
        <v>0</v>
      </c>
      <c r="CD33" s="200">
        <v>0</v>
      </c>
      <c r="CE33" s="201">
        <v>0</v>
      </c>
      <c r="CF33" s="195">
        <v>0</v>
      </c>
      <c r="CG33" s="195">
        <v>0</v>
      </c>
      <c r="CH33" s="196">
        <v>0</v>
      </c>
      <c r="CI33" s="197">
        <v>0</v>
      </c>
      <c r="CJ33" s="197">
        <v>0</v>
      </c>
      <c r="CK33" s="197">
        <v>0</v>
      </c>
      <c r="CL33" s="195">
        <v>0</v>
      </c>
      <c r="CM33" s="198">
        <v>0</v>
      </c>
      <c r="CN33" s="200">
        <v>0</v>
      </c>
      <c r="CO33" s="201">
        <v>0</v>
      </c>
      <c r="CP33" s="195">
        <v>0</v>
      </c>
      <c r="CQ33" s="195">
        <v>0</v>
      </c>
      <c r="CR33" s="196">
        <v>0</v>
      </c>
      <c r="CS33" s="197">
        <v>1</v>
      </c>
      <c r="CT33" s="197">
        <v>1</v>
      </c>
      <c r="CU33" s="197">
        <v>0</v>
      </c>
      <c r="CV33" s="195">
        <v>3</v>
      </c>
      <c r="CW33" s="198">
        <v>5</v>
      </c>
      <c r="CX33" s="199">
        <v>5</v>
      </c>
      <c r="CY33" s="194">
        <v>0</v>
      </c>
      <c r="CZ33" s="195">
        <v>0</v>
      </c>
      <c r="DA33" s="195">
        <v>0</v>
      </c>
      <c r="DB33" s="196">
        <v>0</v>
      </c>
      <c r="DC33" s="197">
        <v>1</v>
      </c>
      <c r="DD33" s="197">
        <v>1</v>
      </c>
      <c r="DE33" s="197">
        <v>0</v>
      </c>
      <c r="DF33" s="195">
        <v>2</v>
      </c>
      <c r="DG33" s="198">
        <v>4</v>
      </c>
      <c r="DH33" s="200">
        <v>4</v>
      </c>
      <c r="DI33" s="201">
        <v>0</v>
      </c>
      <c r="DJ33" s="195">
        <v>0</v>
      </c>
      <c r="DK33" s="195">
        <v>0</v>
      </c>
      <c r="DL33" s="196">
        <v>0</v>
      </c>
      <c r="DM33" s="197">
        <v>0</v>
      </c>
      <c r="DN33" s="197">
        <v>0</v>
      </c>
      <c r="DO33" s="197">
        <v>0</v>
      </c>
      <c r="DP33" s="195">
        <v>1</v>
      </c>
      <c r="DQ33" s="198">
        <v>1</v>
      </c>
      <c r="DR33" s="200">
        <v>1</v>
      </c>
      <c r="DS33" s="201">
        <v>0</v>
      </c>
      <c r="DT33" s="195">
        <v>0</v>
      </c>
      <c r="DU33" s="195">
        <v>0</v>
      </c>
      <c r="DV33" s="196">
        <v>10</v>
      </c>
      <c r="DW33" s="197">
        <v>4</v>
      </c>
      <c r="DX33" s="197">
        <v>37</v>
      </c>
      <c r="DY33" s="197">
        <v>41</v>
      </c>
      <c r="DZ33" s="195">
        <v>24</v>
      </c>
      <c r="EA33" s="198">
        <v>116</v>
      </c>
      <c r="EB33" s="200">
        <v>116</v>
      </c>
      <c r="EC33" s="37"/>
    </row>
    <row r="34" spans="2:133" ht="21" customHeight="1" x14ac:dyDescent="0.2">
      <c r="B34" s="62" t="s">
        <v>31</v>
      </c>
      <c r="C34" s="194">
        <v>0</v>
      </c>
      <c r="D34" s="195">
        <v>0</v>
      </c>
      <c r="E34" s="195">
        <v>0</v>
      </c>
      <c r="F34" s="196">
        <v>0</v>
      </c>
      <c r="G34" s="197">
        <v>2</v>
      </c>
      <c r="H34" s="197">
        <v>30</v>
      </c>
      <c r="I34" s="197">
        <v>28</v>
      </c>
      <c r="J34" s="195">
        <v>22</v>
      </c>
      <c r="K34" s="198">
        <v>82</v>
      </c>
      <c r="L34" s="199">
        <v>82</v>
      </c>
      <c r="M34" s="194">
        <v>0</v>
      </c>
      <c r="N34" s="195">
        <v>0</v>
      </c>
      <c r="O34" s="198">
        <v>0</v>
      </c>
      <c r="P34" s="196">
        <v>0</v>
      </c>
      <c r="Q34" s="197">
        <v>2</v>
      </c>
      <c r="R34" s="197">
        <v>30</v>
      </c>
      <c r="S34" s="197">
        <v>28</v>
      </c>
      <c r="T34" s="195">
        <v>22</v>
      </c>
      <c r="U34" s="198">
        <v>82</v>
      </c>
      <c r="V34" s="200">
        <v>82</v>
      </c>
      <c r="W34" s="201">
        <v>0</v>
      </c>
      <c r="X34" s="195">
        <v>0</v>
      </c>
      <c r="Y34" s="198">
        <v>0</v>
      </c>
      <c r="Z34" s="201">
        <v>0</v>
      </c>
      <c r="AA34" s="197">
        <v>0</v>
      </c>
      <c r="AB34" s="197">
        <v>0</v>
      </c>
      <c r="AC34" s="197">
        <v>0</v>
      </c>
      <c r="AD34" s="195">
        <v>0</v>
      </c>
      <c r="AE34" s="198">
        <v>0</v>
      </c>
      <c r="AF34" s="202">
        <v>0</v>
      </c>
      <c r="AG34" s="201">
        <v>0</v>
      </c>
      <c r="AH34" s="195">
        <v>0</v>
      </c>
      <c r="AI34" s="198">
        <v>0</v>
      </c>
      <c r="AJ34" s="201">
        <v>2</v>
      </c>
      <c r="AK34" s="197">
        <v>13</v>
      </c>
      <c r="AL34" s="197">
        <v>9</v>
      </c>
      <c r="AM34" s="197">
        <v>10</v>
      </c>
      <c r="AN34" s="195">
        <v>5</v>
      </c>
      <c r="AO34" s="198">
        <v>39</v>
      </c>
      <c r="AP34" s="202">
        <v>39</v>
      </c>
      <c r="AQ34" s="201">
        <v>0</v>
      </c>
      <c r="AR34" s="195">
        <v>0</v>
      </c>
      <c r="AS34" s="198">
        <v>0</v>
      </c>
      <c r="AT34" s="196">
        <v>2</v>
      </c>
      <c r="AU34" s="197">
        <v>13</v>
      </c>
      <c r="AV34" s="197">
        <v>9</v>
      </c>
      <c r="AW34" s="197">
        <v>10</v>
      </c>
      <c r="AX34" s="195">
        <v>5</v>
      </c>
      <c r="AY34" s="198">
        <v>39</v>
      </c>
      <c r="AZ34" s="199">
        <v>39</v>
      </c>
      <c r="BA34" s="194">
        <v>0</v>
      </c>
      <c r="BB34" s="195">
        <v>0</v>
      </c>
      <c r="BC34" s="195">
        <v>0</v>
      </c>
      <c r="BD34" s="196">
        <v>0</v>
      </c>
      <c r="BE34" s="197">
        <v>0</v>
      </c>
      <c r="BF34" s="197">
        <v>0</v>
      </c>
      <c r="BG34" s="197">
        <v>0</v>
      </c>
      <c r="BH34" s="195">
        <v>0</v>
      </c>
      <c r="BI34" s="198">
        <v>0</v>
      </c>
      <c r="BJ34" s="200">
        <v>0</v>
      </c>
      <c r="BK34" s="201">
        <v>0</v>
      </c>
      <c r="BL34" s="195">
        <v>0</v>
      </c>
      <c r="BM34" s="195">
        <v>0</v>
      </c>
      <c r="BN34" s="196">
        <v>0</v>
      </c>
      <c r="BO34" s="197">
        <v>0</v>
      </c>
      <c r="BP34" s="197">
        <v>0</v>
      </c>
      <c r="BQ34" s="197">
        <v>0</v>
      </c>
      <c r="BR34" s="195">
        <v>0</v>
      </c>
      <c r="BS34" s="198">
        <v>0</v>
      </c>
      <c r="BT34" s="199">
        <v>0</v>
      </c>
      <c r="BU34" s="194">
        <v>0</v>
      </c>
      <c r="BV34" s="195">
        <v>0</v>
      </c>
      <c r="BW34" s="195">
        <v>0</v>
      </c>
      <c r="BX34" s="196">
        <v>0</v>
      </c>
      <c r="BY34" s="197">
        <v>0</v>
      </c>
      <c r="BZ34" s="197">
        <v>0</v>
      </c>
      <c r="CA34" s="197">
        <v>0</v>
      </c>
      <c r="CB34" s="195">
        <v>0</v>
      </c>
      <c r="CC34" s="198">
        <v>0</v>
      </c>
      <c r="CD34" s="200">
        <v>0</v>
      </c>
      <c r="CE34" s="201">
        <v>0</v>
      </c>
      <c r="CF34" s="195">
        <v>0</v>
      </c>
      <c r="CG34" s="195">
        <v>0</v>
      </c>
      <c r="CH34" s="196">
        <v>0</v>
      </c>
      <c r="CI34" s="197">
        <v>0</v>
      </c>
      <c r="CJ34" s="197">
        <v>0</v>
      </c>
      <c r="CK34" s="197">
        <v>0</v>
      </c>
      <c r="CL34" s="195">
        <v>0</v>
      </c>
      <c r="CM34" s="198">
        <v>0</v>
      </c>
      <c r="CN34" s="200">
        <v>0</v>
      </c>
      <c r="CO34" s="201">
        <v>0</v>
      </c>
      <c r="CP34" s="195">
        <v>0</v>
      </c>
      <c r="CQ34" s="195">
        <v>0</v>
      </c>
      <c r="CR34" s="196">
        <v>0</v>
      </c>
      <c r="CS34" s="197">
        <v>0</v>
      </c>
      <c r="CT34" s="197">
        <v>0</v>
      </c>
      <c r="CU34" s="197">
        <v>0</v>
      </c>
      <c r="CV34" s="195">
        <v>0</v>
      </c>
      <c r="CW34" s="198">
        <v>0</v>
      </c>
      <c r="CX34" s="199">
        <v>0</v>
      </c>
      <c r="CY34" s="194">
        <v>0</v>
      </c>
      <c r="CZ34" s="195">
        <v>0</v>
      </c>
      <c r="DA34" s="195">
        <v>0</v>
      </c>
      <c r="DB34" s="196">
        <v>0</v>
      </c>
      <c r="DC34" s="197">
        <v>0</v>
      </c>
      <c r="DD34" s="197">
        <v>0</v>
      </c>
      <c r="DE34" s="197">
        <v>0</v>
      </c>
      <c r="DF34" s="195">
        <v>0</v>
      </c>
      <c r="DG34" s="198">
        <v>0</v>
      </c>
      <c r="DH34" s="200">
        <v>0</v>
      </c>
      <c r="DI34" s="201">
        <v>0</v>
      </c>
      <c r="DJ34" s="195">
        <v>0</v>
      </c>
      <c r="DK34" s="195">
        <v>0</v>
      </c>
      <c r="DL34" s="196">
        <v>0</v>
      </c>
      <c r="DM34" s="197">
        <v>0</v>
      </c>
      <c r="DN34" s="197">
        <v>0</v>
      </c>
      <c r="DO34" s="197">
        <v>0</v>
      </c>
      <c r="DP34" s="195">
        <v>0</v>
      </c>
      <c r="DQ34" s="198">
        <v>0</v>
      </c>
      <c r="DR34" s="200">
        <v>0</v>
      </c>
      <c r="DS34" s="201">
        <v>0</v>
      </c>
      <c r="DT34" s="195">
        <v>0</v>
      </c>
      <c r="DU34" s="195">
        <v>0</v>
      </c>
      <c r="DV34" s="196">
        <v>2</v>
      </c>
      <c r="DW34" s="197">
        <v>15</v>
      </c>
      <c r="DX34" s="197">
        <v>39</v>
      </c>
      <c r="DY34" s="197">
        <v>38</v>
      </c>
      <c r="DZ34" s="195">
        <v>27</v>
      </c>
      <c r="EA34" s="198">
        <v>121</v>
      </c>
      <c r="EB34" s="200">
        <v>121</v>
      </c>
      <c r="EC34" s="37"/>
    </row>
    <row r="35" spans="2:133" ht="21" customHeight="1" x14ac:dyDescent="0.2">
      <c r="B35" s="62" t="s">
        <v>32</v>
      </c>
      <c r="C35" s="194">
        <v>0</v>
      </c>
      <c r="D35" s="195">
        <v>0</v>
      </c>
      <c r="E35" s="195">
        <v>0</v>
      </c>
      <c r="F35" s="196">
        <v>2</v>
      </c>
      <c r="G35" s="197">
        <v>0</v>
      </c>
      <c r="H35" s="197">
        <v>11</v>
      </c>
      <c r="I35" s="197">
        <v>22</v>
      </c>
      <c r="J35" s="195">
        <v>13</v>
      </c>
      <c r="K35" s="198">
        <v>48</v>
      </c>
      <c r="L35" s="199">
        <v>48</v>
      </c>
      <c r="M35" s="194">
        <v>0</v>
      </c>
      <c r="N35" s="195">
        <v>0</v>
      </c>
      <c r="O35" s="198">
        <v>0</v>
      </c>
      <c r="P35" s="196">
        <v>2</v>
      </c>
      <c r="Q35" s="197">
        <v>0</v>
      </c>
      <c r="R35" s="197">
        <v>11</v>
      </c>
      <c r="S35" s="197">
        <v>22</v>
      </c>
      <c r="T35" s="195">
        <v>12</v>
      </c>
      <c r="U35" s="198">
        <v>47</v>
      </c>
      <c r="V35" s="200">
        <v>47</v>
      </c>
      <c r="W35" s="201">
        <v>0</v>
      </c>
      <c r="X35" s="195">
        <v>0</v>
      </c>
      <c r="Y35" s="198">
        <v>0</v>
      </c>
      <c r="Z35" s="201">
        <v>0</v>
      </c>
      <c r="AA35" s="197">
        <v>0</v>
      </c>
      <c r="AB35" s="197">
        <v>0</v>
      </c>
      <c r="AC35" s="197">
        <v>0</v>
      </c>
      <c r="AD35" s="195">
        <v>1</v>
      </c>
      <c r="AE35" s="198">
        <v>1</v>
      </c>
      <c r="AF35" s="202">
        <v>1</v>
      </c>
      <c r="AG35" s="201">
        <v>0</v>
      </c>
      <c r="AH35" s="195">
        <v>0</v>
      </c>
      <c r="AI35" s="198">
        <v>0</v>
      </c>
      <c r="AJ35" s="201">
        <v>2</v>
      </c>
      <c r="AK35" s="197">
        <v>10</v>
      </c>
      <c r="AL35" s="197">
        <v>13</v>
      </c>
      <c r="AM35" s="197">
        <v>19</v>
      </c>
      <c r="AN35" s="195">
        <v>7</v>
      </c>
      <c r="AO35" s="198">
        <v>51</v>
      </c>
      <c r="AP35" s="202">
        <v>51</v>
      </c>
      <c r="AQ35" s="201">
        <v>0</v>
      </c>
      <c r="AR35" s="195">
        <v>0</v>
      </c>
      <c r="AS35" s="198">
        <v>0</v>
      </c>
      <c r="AT35" s="196">
        <v>2</v>
      </c>
      <c r="AU35" s="197">
        <v>10</v>
      </c>
      <c r="AV35" s="197">
        <v>13</v>
      </c>
      <c r="AW35" s="197">
        <v>19</v>
      </c>
      <c r="AX35" s="195">
        <v>7</v>
      </c>
      <c r="AY35" s="198">
        <v>51</v>
      </c>
      <c r="AZ35" s="199">
        <v>51</v>
      </c>
      <c r="BA35" s="194">
        <v>0</v>
      </c>
      <c r="BB35" s="195">
        <v>0</v>
      </c>
      <c r="BC35" s="195">
        <v>0</v>
      </c>
      <c r="BD35" s="196">
        <v>0</v>
      </c>
      <c r="BE35" s="197">
        <v>0</v>
      </c>
      <c r="BF35" s="197">
        <v>0</v>
      </c>
      <c r="BG35" s="197">
        <v>0</v>
      </c>
      <c r="BH35" s="195">
        <v>0</v>
      </c>
      <c r="BI35" s="198">
        <v>0</v>
      </c>
      <c r="BJ35" s="200">
        <v>0</v>
      </c>
      <c r="BK35" s="201">
        <v>0</v>
      </c>
      <c r="BL35" s="195">
        <v>0</v>
      </c>
      <c r="BM35" s="195">
        <v>0</v>
      </c>
      <c r="BN35" s="196">
        <v>0</v>
      </c>
      <c r="BO35" s="197">
        <v>0</v>
      </c>
      <c r="BP35" s="197">
        <v>0</v>
      </c>
      <c r="BQ35" s="197">
        <v>0</v>
      </c>
      <c r="BR35" s="195">
        <v>0</v>
      </c>
      <c r="BS35" s="198">
        <v>0</v>
      </c>
      <c r="BT35" s="199">
        <v>0</v>
      </c>
      <c r="BU35" s="194">
        <v>0</v>
      </c>
      <c r="BV35" s="195">
        <v>0</v>
      </c>
      <c r="BW35" s="195">
        <v>0</v>
      </c>
      <c r="BX35" s="196">
        <v>0</v>
      </c>
      <c r="BY35" s="197">
        <v>0</v>
      </c>
      <c r="BZ35" s="197">
        <v>0</v>
      </c>
      <c r="CA35" s="197">
        <v>0</v>
      </c>
      <c r="CB35" s="195">
        <v>0</v>
      </c>
      <c r="CC35" s="198">
        <v>0</v>
      </c>
      <c r="CD35" s="200">
        <v>0</v>
      </c>
      <c r="CE35" s="201">
        <v>0</v>
      </c>
      <c r="CF35" s="195">
        <v>0</v>
      </c>
      <c r="CG35" s="195">
        <v>0</v>
      </c>
      <c r="CH35" s="196">
        <v>0</v>
      </c>
      <c r="CI35" s="197">
        <v>0</v>
      </c>
      <c r="CJ35" s="197">
        <v>0</v>
      </c>
      <c r="CK35" s="197">
        <v>0</v>
      </c>
      <c r="CL35" s="195">
        <v>0</v>
      </c>
      <c r="CM35" s="198">
        <v>0</v>
      </c>
      <c r="CN35" s="200">
        <v>0</v>
      </c>
      <c r="CO35" s="201">
        <v>0</v>
      </c>
      <c r="CP35" s="195">
        <v>0</v>
      </c>
      <c r="CQ35" s="195">
        <v>0</v>
      </c>
      <c r="CR35" s="196">
        <v>0</v>
      </c>
      <c r="CS35" s="197">
        <v>0</v>
      </c>
      <c r="CT35" s="197">
        <v>0</v>
      </c>
      <c r="CU35" s="197">
        <v>0</v>
      </c>
      <c r="CV35" s="195">
        <v>1</v>
      </c>
      <c r="CW35" s="198">
        <v>1</v>
      </c>
      <c r="CX35" s="199">
        <v>1</v>
      </c>
      <c r="CY35" s="194">
        <v>0</v>
      </c>
      <c r="CZ35" s="195">
        <v>0</v>
      </c>
      <c r="DA35" s="195">
        <v>0</v>
      </c>
      <c r="DB35" s="196">
        <v>0</v>
      </c>
      <c r="DC35" s="197">
        <v>0</v>
      </c>
      <c r="DD35" s="197">
        <v>0</v>
      </c>
      <c r="DE35" s="197">
        <v>0</v>
      </c>
      <c r="DF35" s="195">
        <v>1</v>
      </c>
      <c r="DG35" s="198">
        <v>1</v>
      </c>
      <c r="DH35" s="200">
        <v>1</v>
      </c>
      <c r="DI35" s="201">
        <v>0</v>
      </c>
      <c r="DJ35" s="195">
        <v>0</v>
      </c>
      <c r="DK35" s="195">
        <v>0</v>
      </c>
      <c r="DL35" s="196">
        <v>0</v>
      </c>
      <c r="DM35" s="197">
        <v>0</v>
      </c>
      <c r="DN35" s="197">
        <v>0</v>
      </c>
      <c r="DO35" s="197">
        <v>0</v>
      </c>
      <c r="DP35" s="195">
        <v>0</v>
      </c>
      <c r="DQ35" s="198">
        <v>0</v>
      </c>
      <c r="DR35" s="200">
        <v>0</v>
      </c>
      <c r="DS35" s="201">
        <v>0</v>
      </c>
      <c r="DT35" s="195">
        <v>0</v>
      </c>
      <c r="DU35" s="195">
        <v>0</v>
      </c>
      <c r="DV35" s="196">
        <v>4</v>
      </c>
      <c r="DW35" s="197">
        <v>10</v>
      </c>
      <c r="DX35" s="197">
        <v>24</v>
      </c>
      <c r="DY35" s="197">
        <v>41</v>
      </c>
      <c r="DZ35" s="195">
        <v>20</v>
      </c>
      <c r="EA35" s="198">
        <v>99</v>
      </c>
      <c r="EB35" s="200">
        <v>99</v>
      </c>
      <c r="EC35" s="37"/>
    </row>
    <row r="36" spans="2:133" ht="21" customHeight="1" x14ac:dyDescent="0.2">
      <c r="B36" s="62" t="s">
        <v>33</v>
      </c>
      <c r="C36" s="194">
        <v>0</v>
      </c>
      <c r="D36" s="195">
        <v>0</v>
      </c>
      <c r="E36" s="195">
        <v>0</v>
      </c>
      <c r="F36" s="196">
        <v>0</v>
      </c>
      <c r="G36" s="197">
        <v>5</v>
      </c>
      <c r="H36" s="197">
        <v>25</v>
      </c>
      <c r="I36" s="197">
        <v>34</v>
      </c>
      <c r="J36" s="195">
        <v>21</v>
      </c>
      <c r="K36" s="198">
        <v>85</v>
      </c>
      <c r="L36" s="199">
        <v>85</v>
      </c>
      <c r="M36" s="194">
        <v>0</v>
      </c>
      <c r="N36" s="195">
        <v>0</v>
      </c>
      <c r="O36" s="198">
        <v>0</v>
      </c>
      <c r="P36" s="196">
        <v>0</v>
      </c>
      <c r="Q36" s="197">
        <v>5</v>
      </c>
      <c r="R36" s="197">
        <v>25</v>
      </c>
      <c r="S36" s="197">
        <v>34</v>
      </c>
      <c r="T36" s="195">
        <v>21</v>
      </c>
      <c r="U36" s="198">
        <v>85</v>
      </c>
      <c r="V36" s="200">
        <v>85</v>
      </c>
      <c r="W36" s="201">
        <v>0</v>
      </c>
      <c r="X36" s="195">
        <v>0</v>
      </c>
      <c r="Y36" s="198">
        <v>0</v>
      </c>
      <c r="Z36" s="201">
        <v>0</v>
      </c>
      <c r="AA36" s="197">
        <v>0</v>
      </c>
      <c r="AB36" s="197">
        <v>0</v>
      </c>
      <c r="AC36" s="197">
        <v>0</v>
      </c>
      <c r="AD36" s="195">
        <v>0</v>
      </c>
      <c r="AE36" s="198">
        <v>0</v>
      </c>
      <c r="AF36" s="202">
        <v>0</v>
      </c>
      <c r="AG36" s="201">
        <v>0</v>
      </c>
      <c r="AH36" s="195">
        <v>0</v>
      </c>
      <c r="AI36" s="198">
        <v>0</v>
      </c>
      <c r="AJ36" s="201">
        <v>10</v>
      </c>
      <c r="AK36" s="197">
        <v>8</v>
      </c>
      <c r="AL36" s="197">
        <v>9</v>
      </c>
      <c r="AM36" s="197">
        <v>16</v>
      </c>
      <c r="AN36" s="195">
        <v>4</v>
      </c>
      <c r="AO36" s="198">
        <v>47</v>
      </c>
      <c r="AP36" s="202">
        <v>47</v>
      </c>
      <c r="AQ36" s="201">
        <v>0</v>
      </c>
      <c r="AR36" s="195">
        <v>0</v>
      </c>
      <c r="AS36" s="198">
        <v>0</v>
      </c>
      <c r="AT36" s="196">
        <v>10</v>
      </c>
      <c r="AU36" s="197">
        <v>8</v>
      </c>
      <c r="AV36" s="197">
        <v>9</v>
      </c>
      <c r="AW36" s="197">
        <v>16</v>
      </c>
      <c r="AX36" s="195">
        <v>4</v>
      </c>
      <c r="AY36" s="198">
        <v>47</v>
      </c>
      <c r="AZ36" s="199">
        <v>47</v>
      </c>
      <c r="BA36" s="194">
        <v>0</v>
      </c>
      <c r="BB36" s="195">
        <v>0</v>
      </c>
      <c r="BC36" s="195">
        <v>0</v>
      </c>
      <c r="BD36" s="196">
        <v>0</v>
      </c>
      <c r="BE36" s="197">
        <v>0</v>
      </c>
      <c r="BF36" s="197">
        <v>0</v>
      </c>
      <c r="BG36" s="197">
        <v>0</v>
      </c>
      <c r="BH36" s="195">
        <v>0</v>
      </c>
      <c r="BI36" s="198">
        <v>0</v>
      </c>
      <c r="BJ36" s="200">
        <v>0</v>
      </c>
      <c r="BK36" s="201">
        <v>0</v>
      </c>
      <c r="BL36" s="195">
        <v>0</v>
      </c>
      <c r="BM36" s="195">
        <v>0</v>
      </c>
      <c r="BN36" s="196">
        <v>0</v>
      </c>
      <c r="BO36" s="197">
        <v>0</v>
      </c>
      <c r="BP36" s="197">
        <v>0</v>
      </c>
      <c r="BQ36" s="197">
        <v>0</v>
      </c>
      <c r="BR36" s="195">
        <v>0</v>
      </c>
      <c r="BS36" s="198">
        <v>0</v>
      </c>
      <c r="BT36" s="199">
        <v>0</v>
      </c>
      <c r="BU36" s="194">
        <v>0</v>
      </c>
      <c r="BV36" s="195">
        <v>0</v>
      </c>
      <c r="BW36" s="195">
        <v>0</v>
      </c>
      <c r="BX36" s="196">
        <v>0</v>
      </c>
      <c r="BY36" s="197">
        <v>0</v>
      </c>
      <c r="BZ36" s="197">
        <v>0</v>
      </c>
      <c r="CA36" s="197">
        <v>0</v>
      </c>
      <c r="CB36" s="195">
        <v>0</v>
      </c>
      <c r="CC36" s="198">
        <v>0</v>
      </c>
      <c r="CD36" s="200">
        <v>0</v>
      </c>
      <c r="CE36" s="201">
        <v>0</v>
      </c>
      <c r="CF36" s="195">
        <v>0</v>
      </c>
      <c r="CG36" s="195">
        <v>0</v>
      </c>
      <c r="CH36" s="196">
        <v>0</v>
      </c>
      <c r="CI36" s="197">
        <v>0</v>
      </c>
      <c r="CJ36" s="197">
        <v>0</v>
      </c>
      <c r="CK36" s="197">
        <v>0</v>
      </c>
      <c r="CL36" s="195">
        <v>0</v>
      </c>
      <c r="CM36" s="198">
        <v>0</v>
      </c>
      <c r="CN36" s="200">
        <v>0</v>
      </c>
      <c r="CO36" s="201">
        <v>0</v>
      </c>
      <c r="CP36" s="195">
        <v>0</v>
      </c>
      <c r="CQ36" s="195">
        <v>0</v>
      </c>
      <c r="CR36" s="196">
        <v>3</v>
      </c>
      <c r="CS36" s="197">
        <v>7</v>
      </c>
      <c r="CT36" s="197">
        <v>6</v>
      </c>
      <c r="CU36" s="197">
        <v>7</v>
      </c>
      <c r="CV36" s="195">
        <v>7</v>
      </c>
      <c r="CW36" s="198">
        <v>30</v>
      </c>
      <c r="CX36" s="199">
        <v>30</v>
      </c>
      <c r="CY36" s="194">
        <v>0</v>
      </c>
      <c r="CZ36" s="195">
        <v>0</v>
      </c>
      <c r="DA36" s="195">
        <v>0</v>
      </c>
      <c r="DB36" s="196">
        <v>3</v>
      </c>
      <c r="DC36" s="197">
        <v>7</v>
      </c>
      <c r="DD36" s="197">
        <v>6</v>
      </c>
      <c r="DE36" s="197">
        <v>7</v>
      </c>
      <c r="DF36" s="195">
        <v>7</v>
      </c>
      <c r="DG36" s="198">
        <v>30</v>
      </c>
      <c r="DH36" s="200">
        <v>30</v>
      </c>
      <c r="DI36" s="201">
        <v>0</v>
      </c>
      <c r="DJ36" s="195">
        <v>0</v>
      </c>
      <c r="DK36" s="195">
        <v>0</v>
      </c>
      <c r="DL36" s="196">
        <v>0</v>
      </c>
      <c r="DM36" s="197">
        <v>0</v>
      </c>
      <c r="DN36" s="197">
        <v>0</v>
      </c>
      <c r="DO36" s="197">
        <v>0</v>
      </c>
      <c r="DP36" s="195">
        <v>0</v>
      </c>
      <c r="DQ36" s="198">
        <v>0</v>
      </c>
      <c r="DR36" s="200">
        <v>0</v>
      </c>
      <c r="DS36" s="201">
        <v>0</v>
      </c>
      <c r="DT36" s="195">
        <v>0</v>
      </c>
      <c r="DU36" s="195">
        <v>0</v>
      </c>
      <c r="DV36" s="196">
        <v>13</v>
      </c>
      <c r="DW36" s="197">
        <v>20</v>
      </c>
      <c r="DX36" s="197">
        <v>39</v>
      </c>
      <c r="DY36" s="197">
        <v>57</v>
      </c>
      <c r="DZ36" s="195">
        <v>32</v>
      </c>
      <c r="EA36" s="198">
        <v>161</v>
      </c>
      <c r="EB36" s="200">
        <v>161</v>
      </c>
      <c r="EC36" s="37"/>
    </row>
    <row r="37" spans="2:133" ht="21" customHeight="1" x14ac:dyDescent="0.2">
      <c r="B37" s="62" t="s">
        <v>34</v>
      </c>
      <c r="C37" s="194">
        <v>0</v>
      </c>
      <c r="D37" s="195">
        <v>0</v>
      </c>
      <c r="E37" s="195">
        <v>0</v>
      </c>
      <c r="F37" s="196">
        <v>0</v>
      </c>
      <c r="G37" s="197">
        <v>0</v>
      </c>
      <c r="H37" s="197">
        <v>7</v>
      </c>
      <c r="I37" s="197">
        <v>24</v>
      </c>
      <c r="J37" s="195">
        <v>12</v>
      </c>
      <c r="K37" s="198">
        <v>43</v>
      </c>
      <c r="L37" s="199">
        <v>43</v>
      </c>
      <c r="M37" s="194">
        <v>0</v>
      </c>
      <c r="N37" s="195">
        <v>0</v>
      </c>
      <c r="O37" s="198">
        <v>0</v>
      </c>
      <c r="P37" s="196">
        <v>0</v>
      </c>
      <c r="Q37" s="197">
        <v>0</v>
      </c>
      <c r="R37" s="197">
        <v>7</v>
      </c>
      <c r="S37" s="197">
        <v>24</v>
      </c>
      <c r="T37" s="195">
        <v>12</v>
      </c>
      <c r="U37" s="198">
        <v>43</v>
      </c>
      <c r="V37" s="200">
        <v>43</v>
      </c>
      <c r="W37" s="201">
        <v>0</v>
      </c>
      <c r="X37" s="195">
        <v>0</v>
      </c>
      <c r="Y37" s="198">
        <v>0</v>
      </c>
      <c r="Z37" s="201">
        <v>0</v>
      </c>
      <c r="AA37" s="197">
        <v>0</v>
      </c>
      <c r="AB37" s="197">
        <v>0</v>
      </c>
      <c r="AC37" s="197">
        <v>0</v>
      </c>
      <c r="AD37" s="195">
        <v>0</v>
      </c>
      <c r="AE37" s="198">
        <v>0</v>
      </c>
      <c r="AF37" s="202">
        <v>0</v>
      </c>
      <c r="AG37" s="201">
        <v>0</v>
      </c>
      <c r="AH37" s="195">
        <v>0</v>
      </c>
      <c r="AI37" s="198">
        <v>0</v>
      </c>
      <c r="AJ37" s="201">
        <v>3</v>
      </c>
      <c r="AK37" s="197">
        <v>11</v>
      </c>
      <c r="AL37" s="197">
        <v>10</v>
      </c>
      <c r="AM37" s="197">
        <v>13</v>
      </c>
      <c r="AN37" s="195">
        <v>6</v>
      </c>
      <c r="AO37" s="198">
        <v>43</v>
      </c>
      <c r="AP37" s="202">
        <v>43</v>
      </c>
      <c r="AQ37" s="201">
        <v>0</v>
      </c>
      <c r="AR37" s="195">
        <v>0</v>
      </c>
      <c r="AS37" s="198">
        <v>0</v>
      </c>
      <c r="AT37" s="196">
        <v>3</v>
      </c>
      <c r="AU37" s="197">
        <v>11</v>
      </c>
      <c r="AV37" s="197">
        <v>10</v>
      </c>
      <c r="AW37" s="197">
        <v>13</v>
      </c>
      <c r="AX37" s="195">
        <v>6</v>
      </c>
      <c r="AY37" s="198">
        <v>43</v>
      </c>
      <c r="AZ37" s="199">
        <v>43</v>
      </c>
      <c r="BA37" s="194">
        <v>0</v>
      </c>
      <c r="BB37" s="195">
        <v>0</v>
      </c>
      <c r="BC37" s="195">
        <v>0</v>
      </c>
      <c r="BD37" s="196">
        <v>0</v>
      </c>
      <c r="BE37" s="197">
        <v>0</v>
      </c>
      <c r="BF37" s="197">
        <v>0</v>
      </c>
      <c r="BG37" s="197">
        <v>0</v>
      </c>
      <c r="BH37" s="195">
        <v>0</v>
      </c>
      <c r="BI37" s="198">
        <v>0</v>
      </c>
      <c r="BJ37" s="200">
        <v>0</v>
      </c>
      <c r="BK37" s="201">
        <v>0</v>
      </c>
      <c r="BL37" s="195">
        <v>0</v>
      </c>
      <c r="BM37" s="195">
        <v>0</v>
      </c>
      <c r="BN37" s="196">
        <v>0</v>
      </c>
      <c r="BO37" s="197">
        <v>0</v>
      </c>
      <c r="BP37" s="197">
        <v>0</v>
      </c>
      <c r="BQ37" s="197">
        <v>0</v>
      </c>
      <c r="BR37" s="195">
        <v>0</v>
      </c>
      <c r="BS37" s="198">
        <v>0</v>
      </c>
      <c r="BT37" s="199">
        <v>0</v>
      </c>
      <c r="BU37" s="194">
        <v>0</v>
      </c>
      <c r="BV37" s="195">
        <v>0</v>
      </c>
      <c r="BW37" s="195">
        <v>0</v>
      </c>
      <c r="BX37" s="196">
        <v>0</v>
      </c>
      <c r="BY37" s="197">
        <v>0</v>
      </c>
      <c r="BZ37" s="197">
        <v>0</v>
      </c>
      <c r="CA37" s="197">
        <v>0</v>
      </c>
      <c r="CB37" s="195">
        <v>0</v>
      </c>
      <c r="CC37" s="198">
        <v>0</v>
      </c>
      <c r="CD37" s="200">
        <v>0</v>
      </c>
      <c r="CE37" s="201">
        <v>0</v>
      </c>
      <c r="CF37" s="195">
        <v>0</v>
      </c>
      <c r="CG37" s="195">
        <v>0</v>
      </c>
      <c r="CH37" s="196">
        <v>0</v>
      </c>
      <c r="CI37" s="197">
        <v>0</v>
      </c>
      <c r="CJ37" s="197">
        <v>0</v>
      </c>
      <c r="CK37" s="197">
        <v>0</v>
      </c>
      <c r="CL37" s="195">
        <v>0</v>
      </c>
      <c r="CM37" s="198">
        <v>0</v>
      </c>
      <c r="CN37" s="200">
        <v>0</v>
      </c>
      <c r="CO37" s="201">
        <v>0</v>
      </c>
      <c r="CP37" s="195">
        <v>0</v>
      </c>
      <c r="CQ37" s="195">
        <v>0</v>
      </c>
      <c r="CR37" s="196">
        <v>0</v>
      </c>
      <c r="CS37" s="197">
        <v>1</v>
      </c>
      <c r="CT37" s="197">
        <v>0</v>
      </c>
      <c r="CU37" s="197">
        <v>1</v>
      </c>
      <c r="CV37" s="195">
        <v>0</v>
      </c>
      <c r="CW37" s="198">
        <v>2</v>
      </c>
      <c r="CX37" s="199">
        <v>2</v>
      </c>
      <c r="CY37" s="194">
        <v>0</v>
      </c>
      <c r="CZ37" s="195">
        <v>0</v>
      </c>
      <c r="DA37" s="195">
        <v>0</v>
      </c>
      <c r="DB37" s="196">
        <v>0</v>
      </c>
      <c r="DC37" s="197">
        <v>1</v>
      </c>
      <c r="DD37" s="197">
        <v>0</v>
      </c>
      <c r="DE37" s="197">
        <v>1</v>
      </c>
      <c r="DF37" s="195">
        <v>0</v>
      </c>
      <c r="DG37" s="198">
        <v>2</v>
      </c>
      <c r="DH37" s="200">
        <v>2</v>
      </c>
      <c r="DI37" s="201">
        <v>0</v>
      </c>
      <c r="DJ37" s="195">
        <v>0</v>
      </c>
      <c r="DK37" s="195">
        <v>0</v>
      </c>
      <c r="DL37" s="196">
        <v>0</v>
      </c>
      <c r="DM37" s="197">
        <v>0</v>
      </c>
      <c r="DN37" s="197">
        <v>0</v>
      </c>
      <c r="DO37" s="197">
        <v>0</v>
      </c>
      <c r="DP37" s="195">
        <v>0</v>
      </c>
      <c r="DQ37" s="198">
        <v>0</v>
      </c>
      <c r="DR37" s="200">
        <v>0</v>
      </c>
      <c r="DS37" s="201">
        <v>0</v>
      </c>
      <c r="DT37" s="195">
        <v>0</v>
      </c>
      <c r="DU37" s="195">
        <v>0</v>
      </c>
      <c r="DV37" s="196">
        <v>3</v>
      </c>
      <c r="DW37" s="197">
        <v>12</v>
      </c>
      <c r="DX37" s="197">
        <v>17</v>
      </c>
      <c r="DY37" s="197">
        <v>38</v>
      </c>
      <c r="DZ37" s="195">
        <v>18</v>
      </c>
      <c r="EA37" s="198">
        <v>88</v>
      </c>
      <c r="EB37" s="200">
        <v>88</v>
      </c>
      <c r="EC37" s="37"/>
    </row>
    <row r="38" spans="2:133" ht="21" customHeight="1" x14ac:dyDescent="0.2">
      <c r="B38" s="62" t="s">
        <v>35</v>
      </c>
      <c r="C38" s="194">
        <v>0</v>
      </c>
      <c r="D38" s="195">
        <v>0</v>
      </c>
      <c r="E38" s="195">
        <v>0</v>
      </c>
      <c r="F38" s="196">
        <v>1</v>
      </c>
      <c r="G38" s="197">
        <v>2</v>
      </c>
      <c r="H38" s="197">
        <v>26</v>
      </c>
      <c r="I38" s="197">
        <v>48</v>
      </c>
      <c r="J38" s="195">
        <v>28</v>
      </c>
      <c r="K38" s="198">
        <v>105</v>
      </c>
      <c r="L38" s="199">
        <v>105</v>
      </c>
      <c r="M38" s="194">
        <v>0</v>
      </c>
      <c r="N38" s="195">
        <v>0</v>
      </c>
      <c r="O38" s="198">
        <v>0</v>
      </c>
      <c r="P38" s="196">
        <v>1</v>
      </c>
      <c r="Q38" s="197">
        <v>2</v>
      </c>
      <c r="R38" s="197">
        <v>26</v>
      </c>
      <c r="S38" s="197">
        <v>48</v>
      </c>
      <c r="T38" s="195">
        <v>28</v>
      </c>
      <c r="U38" s="198">
        <v>105</v>
      </c>
      <c r="V38" s="200">
        <v>105</v>
      </c>
      <c r="W38" s="201">
        <v>0</v>
      </c>
      <c r="X38" s="195">
        <v>0</v>
      </c>
      <c r="Y38" s="198">
        <v>0</v>
      </c>
      <c r="Z38" s="201">
        <v>0</v>
      </c>
      <c r="AA38" s="197">
        <v>0</v>
      </c>
      <c r="AB38" s="197">
        <v>0</v>
      </c>
      <c r="AC38" s="197">
        <v>0</v>
      </c>
      <c r="AD38" s="195">
        <v>0</v>
      </c>
      <c r="AE38" s="198">
        <v>0</v>
      </c>
      <c r="AF38" s="202">
        <v>0</v>
      </c>
      <c r="AG38" s="201">
        <v>0</v>
      </c>
      <c r="AH38" s="195">
        <v>0</v>
      </c>
      <c r="AI38" s="198">
        <v>0</v>
      </c>
      <c r="AJ38" s="201">
        <v>18</v>
      </c>
      <c r="AK38" s="197">
        <v>31</v>
      </c>
      <c r="AL38" s="197">
        <v>19</v>
      </c>
      <c r="AM38" s="197">
        <v>17</v>
      </c>
      <c r="AN38" s="195">
        <v>7</v>
      </c>
      <c r="AO38" s="198">
        <v>92</v>
      </c>
      <c r="AP38" s="202">
        <v>92</v>
      </c>
      <c r="AQ38" s="201">
        <v>0</v>
      </c>
      <c r="AR38" s="195">
        <v>0</v>
      </c>
      <c r="AS38" s="198">
        <v>0</v>
      </c>
      <c r="AT38" s="196">
        <v>18</v>
      </c>
      <c r="AU38" s="197">
        <v>31</v>
      </c>
      <c r="AV38" s="197">
        <v>19</v>
      </c>
      <c r="AW38" s="197">
        <v>16</v>
      </c>
      <c r="AX38" s="195">
        <v>7</v>
      </c>
      <c r="AY38" s="198">
        <v>91</v>
      </c>
      <c r="AZ38" s="199">
        <v>91</v>
      </c>
      <c r="BA38" s="194">
        <v>0</v>
      </c>
      <c r="BB38" s="195">
        <v>0</v>
      </c>
      <c r="BC38" s="195">
        <v>0</v>
      </c>
      <c r="BD38" s="196">
        <v>0</v>
      </c>
      <c r="BE38" s="197">
        <v>0</v>
      </c>
      <c r="BF38" s="197">
        <v>0</v>
      </c>
      <c r="BG38" s="197">
        <v>1</v>
      </c>
      <c r="BH38" s="195">
        <v>0</v>
      </c>
      <c r="BI38" s="198">
        <v>1</v>
      </c>
      <c r="BJ38" s="200">
        <v>1</v>
      </c>
      <c r="BK38" s="201">
        <v>0</v>
      </c>
      <c r="BL38" s="195">
        <v>0</v>
      </c>
      <c r="BM38" s="195">
        <v>0</v>
      </c>
      <c r="BN38" s="196">
        <v>0</v>
      </c>
      <c r="BO38" s="197">
        <v>0</v>
      </c>
      <c r="BP38" s="197">
        <v>0</v>
      </c>
      <c r="BQ38" s="197">
        <v>0</v>
      </c>
      <c r="BR38" s="195">
        <v>0</v>
      </c>
      <c r="BS38" s="198">
        <v>0</v>
      </c>
      <c r="BT38" s="199">
        <v>0</v>
      </c>
      <c r="BU38" s="194">
        <v>0</v>
      </c>
      <c r="BV38" s="195">
        <v>0</v>
      </c>
      <c r="BW38" s="195">
        <v>0</v>
      </c>
      <c r="BX38" s="196">
        <v>0</v>
      </c>
      <c r="BY38" s="197">
        <v>0</v>
      </c>
      <c r="BZ38" s="197">
        <v>0</v>
      </c>
      <c r="CA38" s="197">
        <v>0</v>
      </c>
      <c r="CB38" s="195">
        <v>0</v>
      </c>
      <c r="CC38" s="198">
        <v>0</v>
      </c>
      <c r="CD38" s="200">
        <v>0</v>
      </c>
      <c r="CE38" s="201">
        <v>0</v>
      </c>
      <c r="CF38" s="195">
        <v>0</v>
      </c>
      <c r="CG38" s="195">
        <v>0</v>
      </c>
      <c r="CH38" s="196">
        <v>0</v>
      </c>
      <c r="CI38" s="197">
        <v>0</v>
      </c>
      <c r="CJ38" s="197">
        <v>0</v>
      </c>
      <c r="CK38" s="197">
        <v>0</v>
      </c>
      <c r="CL38" s="195">
        <v>0</v>
      </c>
      <c r="CM38" s="198">
        <v>0</v>
      </c>
      <c r="CN38" s="200">
        <v>0</v>
      </c>
      <c r="CO38" s="201">
        <v>0</v>
      </c>
      <c r="CP38" s="195">
        <v>0</v>
      </c>
      <c r="CQ38" s="195">
        <v>0</v>
      </c>
      <c r="CR38" s="196">
        <v>3</v>
      </c>
      <c r="CS38" s="197">
        <v>3</v>
      </c>
      <c r="CT38" s="197">
        <v>5</v>
      </c>
      <c r="CU38" s="197">
        <v>6</v>
      </c>
      <c r="CV38" s="195">
        <v>11</v>
      </c>
      <c r="CW38" s="198">
        <v>28</v>
      </c>
      <c r="CX38" s="199">
        <v>28</v>
      </c>
      <c r="CY38" s="194">
        <v>0</v>
      </c>
      <c r="CZ38" s="195">
        <v>0</v>
      </c>
      <c r="DA38" s="195">
        <v>0</v>
      </c>
      <c r="DB38" s="196">
        <v>3</v>
      </c>
      <c r="DC38" s="197">
        <v>2</v>
      </c>
      <c r="DD38" s="197">
        <v>5</v>
      </c>
      <c r="DE38" s="197">
        <v>6</v>
      </c>
      <c r="DF38" s="195">
        <v>10</v>
      </c>
      <c r="DG38" s="198">
        <v>26</v>
      </c>
      <c r="DH38" s="200">
        <v>26</v>
      </c>
      <c r="DI38" s="201">
        <v>0</v>
      </c>
      <c r="DJ38" s="195">
        <v>0</v>
      </c>
      <c r="DK38" s="195">
        <v>0</v>
      </c>
      <c r="DL38" s="196">
        <v>0</v>
      </c>
      <c r="DM38" s="197">
        <v>1</v>
      </c>
      <c r="DN38" s="197">
        <v>0</v>
      </c>
      <c r="DO38" s="197">
        <v>0</v>
      </c>
      <c r="DP38" s="195">
        <v>1</v>
      </c>
      <c r="DQ38" s="198">
        <v>2</v>
      </c>
      <c r="DR38" s="200">
        <v>2</v>
      </c>
      <c r="DS38" s="201">
        <v>0</v>
      </c>
      <c r="DT38" s="195">
        <v>0</v>
      </c>
      <c r="DU38" s="195">
        <v>0</v>
      </c>
      <c r="DV38" s="196">
        <v>22</v>
      </c>
      <c r="DW38" s="197">
        <v>36</v>
      </c>
      <c r="DX38" s="197">
        <v>50</v>
      </c>
      <c r="DY38" s="197">
        <v>71</v>
      </c>
      <c r="DZ38" s="195">
        <v>46</v>
      </c>
      <c r="EA38" s="198">
        <v>225</v>
      </c>
      <c r="EB38" s="200">
        <v>225</v>
      </c>
      <c r="EC38" s="37"/>
    </row>
    <row r="39" spans="2:133" ht="21" customHeight="1" x14ac:dyDescent="0.2">
      <c r="B39" s="62" t="s">
        <v>36</v>
      </c>
      <c r="C39" s="194">
        <v>0</v>
      </c>
      <c r="D39" s="195">
        <v>0</v>
      </c>
      <c r="E39" s="195">
        <v>0</v>
      </c>
      <c r="F39" s="196">
        <v>0</v>
      </c>
      <c r="G39" s="197">
        <v>3</v>
      </c>
      <c r="H39" s="197">
        <v>51</v>
      </c>
      <c r="I39" s="197">
        <v>78</v>
      </c>
      <c r="J39" s="195">
        <v>77</v>
      </c>
      <c r="K39" s="198">
        <v>209</v>
      </c>
      <c r="L39" s="199">
        <v>209</v>
      </c>
      <c r="M39" s="194">
        <v>0</v>
      </c>
      <c r="N39" s="195">
        <v>0</v>
      </c>
      <c r="O39" s="198">
        <v>0</v>
      </c>
      <c r="P39" s="196">
        <v>0</v>
      </c>
      <c r="Q39" s="197">
        <v>3</v>
      </c>
      <c r="R39" s="197">
        <v>51</v>
      </c>
      <c r="S39" s="197">
        <v>73</v>
      </c>
      <c r="T39" s="195">
        <v>76</v>
      </c>
      <c r="U39" s="198">
        <v>203</v>
      </c>
      <c r="V39" s="200">
        <v>203</v>
      </c>
      <c r="W39" s="201">
        <v>0</v>
      </c>
      <c r="X39" s="195">
        <v>0</v>
      </c>
      <c r="Y39" s="198">
        <v>0</v>
      </c>
      <c r="Z39" s="201">
        <v>0</v>
      </c>
      <c r="AA39" s="197">
        <v>0</v>
      </c>
      <c r="AB39" s="197">
        <v>0</v>
      </c>
      <c r="AC39" s="197">
        <v>5</v>
      </c>
      <c r="AD39" s="195">
        <v>1</v>
      </c>
      <c r="AE39" s="198">
        <v>6</v>
      </c>
      <c r="AF39" s="202">
        <v>6</v>
      </c>
      <c r="AG39" s="201">
        <v>0</v>
      </c>
      <c r="AH39" s="195">
        <v>0</v>
      </c>
      <c r="AI39" s="198">
        <v>0</v>
      </c>
      <c r="AJ39" s="201">
        <v>22</v>
      </c>
      <c r="AK39" s="197">
        <v>24</v>
      </c>
      <c r="AL39" s="197">
        <v>44</v>
      </c>
      <c r="AM39" s="197">
        <v>44</v>
      </c>
      <c r="AN39" s="195">
        <v>25</v>
      </c>
      <c r="AO39" s="198">
        <v>159</v>
      </c>
      <c r="AP39" s="202">
        <v>159</v>
      </c>
      <c r="AQ39" s="201">
        <v>0</v>
      </c>
      <c r="AR39" s="195">
        <v>0</v>
      </c>
      <c r="AS39" s="198">
        <v>0</v>
      </c>
      <c r="AT39" s="196">
        <v>21</v>
      </c>
      <c r="AU39" s="197">
        <v>24</v>
      </c>
      <c r="AV39" s="197">
        <v>43</v>
      </c>
      <c r="AW39" s="197">
        <v>42</v>
      </c>
      <c r="AX39" s="195">
        <v>23</v>
      </c>
      <c r="AY39" s="198">
        <v>153</v>
      </c>
      <c r="AZ39" s="199">
        <v>153</v>
      </c>
      <c r="BA39" s="194">
        <v>0</v>
      </c>
      <c r="BB39" s="195">
        <v>0</v>
      </c>
      <c r="BC39" s="195">
        <v>0</v>
      </c>
      <c r="BD39" s="196">
        <v>1</v>
      </c>
      <c r="BE39" s="197">
        <v>0</v>
      </c>
      <c r="BF39" s="197">
        <v>1</v>
      </c>
      <c r="BG39" s="197">
        <v>2</v>
      </c>
      <c r="BH39" s="195">
        <v>2</v>
      </c>
      <c r="BI39" s="198">
        <v>6</v>
      </c>
      <c r="BJ39" s="200">
        <v>6</v>
      </c>
      <c r="BK39" s="201">
        <v>0</v>
      </c>
      <c r="BL39" s="195">
        <v>0</v>
      </c>
      <c r="BM39" s="195">
        <v>0</v>
      </c>
      <c r="BN39" s="196">
        <v>0</v>
      </c>
      <c r="BO39" s="197">
        <v>0</v>
      </c>
      <c r="BP39" s="197">
        <v>0</v>
      </c>
      <c r="BQ39" s="197">
        <v>2</v>
      </c>
      <c r="BR39" s="195">
        <v>1</v>
      </c>
      <c r="BS39" s="198">
        <v>3</v>
      </c>
      <c r="BT39" s="199">
        <v>3</v>
      </c>
      <c r="BU39" s="194">
        <v>0</v>
      </c>
      <c r="BV39" s="195">
        <v>0</v>
      </c>
      <c r="BW39" s="195">
        <v>0</v>
      </c>
      <c r="BX39" s="196">
        <v>0</v>
      </c>
      <c r="BY39" s="197">
        <v>0</v>
      </c>
      <c r="BZ39" s="197">
        <v>0</v>
      </c>
      <c r="CA39" s="197">
        <v>2</v>
      </c>
      <c r="CB39" s="195">
        <v>1</v>
      </c>
      <c r="CC39" s="198">
        <v>3</v>
      </c>
      <c r="CD39" s="200">
        <v>3</v>
      </c>
      <c r="CE39" s="201">
        <v>0</v>
      </c>
      <c r="CF39" s="195">
        <v>0</v>
      </c>
      <c r="CG39" s="195">
        <v>0</v>
      </c>
      <c r="CH39" s="196">
        <v>0</v>
      </c>
      <c r="CI39" s="197">
        <v>0</v>
      </c>
      <c r="CJ39" s="197">
        <v>0</v>
      </c>
      <c r="CK39" s="197">
        <v>0</v>
      </c>
      <c r="CL39" s="195">
        <v>0</v>
      </c>
      <c r="CM39" s="198">
        <v>0</v>
      </c>
      <c r="CN39" s="200">
        <v>0</v>
      </c>
      <c r="CO39" s="201">
        <v>0</v>
      </c>
      <c r="CP39" s="195">
        <v>0</v>
      </c>
      <c r="CQ39" s="195">
        <v>0</v>
      </c>
      <c r="CR39" s="196">
        <v>0</v>
      </c>
      <c r="CS39" s="197">
        <v>0</v>
      </c>
      <c r="CT39" s="197">
        <v>0</v>
      </c>
      <c r="CU39" s="197">
        <v>7</v>
      </c>
      <c r="CV39" s="195">
        <v>1</v>
      </c>
      <c r="CW39" s="198">
        <v>8</v>
      </c>
      <c r="CX39" s="199">
        <v>8</v>
      </c>
      <c r="CY39" s="194">
        <v>0</v>
      </c>
      <c r="CZ39" s="195">
        <v>0</v>
      </c>
      <c r="DA39" s="195">
        <v>0</v>
      </c>
      <c r="DB39" s="196">
        <v>0</v>
      </c>
      <c r="DC39" s="197">
        <v>0</v>
      </c>
      <c r="DD39" s="197">
        <v>0</v>
      </c>
      <c r="DE39" s="197">
        <v>6</v>
      </c>
      <c r="DF39" s="195">
        <v>1</v>
      </c>
      <c r="DG39" s="198">
        <v>7</v>
      </c>
      <c r="DH39" s="200">
        <v>7</v>
      </c>
      <c r="DI39" s="201">
        <v>0</v>
      </c>
      <c r="DJ39" s="195">
        <v>0</v>
      </c>
      <c r="DK39" s="195">
        <v>0</v>
      </c>
      <c r="DL39" s="196">
        <v>0</v>
      </c>
      <c r="DM39" s="197">
        <v>0</v>
      </c>
      <c r="DN39" s="197">
        <v>0</v>
      </c>
      <c r="DO39" s="197">
        <v>1</v>
      </c>
      <c r="DP39" s="195">
        <v>0</v>
      </c>
      <c r="DQ39" s="198">
        <v>1</v>
      </c>
      <c r="DR39" s="200">
        <v>1</v>
      </c>
      <c r="DS39" s="201">
        <v>0</v>
      </c>
      <c r="DT39" s="195">
        <v>0</v>
      </c>
      <c r="DU39" s="195">
        <v>0</v>
      </c>
      <c r="DV39" s="196">
        <v>22</v>
      </c>
      <c r="DW39" s="197">
        <v>27</v>
      </c>
      <c r="DX39" s="197">
        <v>95</v>
      </c>
      <c r="DY39" s="197">
        <v>131</v>
      </c>
      <c r="DZ39" s="195">
        <v>102</v>
      </c>
      <c r="EA39" s="198">
        <v>377</v>
      </c>
      <c r="EB39" s="200">
        <v>377</v>
      </c>
      <c r="EC39" s="37"/>
    </row>
    <row r="40" spans="2:133" ht="21" customHeight="1" thickBot="1" x14ac:dyDescent="0.25">
      <c r="B40" s="63" t="s">
        <v>37</v>
      </c>
      <c r="C40" s="203">
        <v>0</v>
      </c>
      <c r="D40" s="204">
        <v>0</v>
      </c>
      <c r="E40" s="204">
        <v>0</v>
      </c>
      <c r="F40" s="205">
        <v>0</v>
      </c>
      <c r="G40" s="206">
        <v>0</v>
      </c>
      <c r="H40" s="206">
        <v>11</v>
      </c>
      <c r="I40" s="206">
        <v>5</v>
      </c>
      <c r="J40" s="204">
        <v>6</v>
      </c>
      <c r="K40" s="207">
        <v>22</v>
      </c>
      <c r="L40" s="208">
        <v>22</v>
      </c>
      <c r="M40" s="203">
        <v>0</v>
      </c>
      <c r="N40" s="204">
        <v>0</v>
      </c>
      <c r="O40" s="207">
        <v>0</v>
      </c>
      <c r="P40" s="205">
        <v>0</v>
      </c>
      <c r="Q40" s="206">
        <v>0</v>
      </c>
      <c r="R40" s="206">
        <v>11</v>
      </c>
      <c r="S40" s="206">
        <v>5</v>
      </c>
      <c r="T40" s="204">
        <v>6</v>
      </c>
      <c r="U40" s="207">
        <v>22</v>
      </c>
      <c r="V40" s="209">
        <v>22</v>
      </c>
      <c r="W40" s="210">
        <v>0</v>
      </c>
      <c r="X40" s="204">
        <v>0</v>
      </c>
      <c r="Y40" s="207">
        <v>0</v>
      </c>
      <c r="Z40" s="210">
        <v>0</v>
      </c>
      <c r="AA40" s="206">
        <v>0</v>
      </c>
      <c r="AB40" s="206">
        <v>0</v>
      </c>
      <c r="AC40" s="206">
        <v>0</v>
      </c>
      <c r="AD40" s="204">
        <v>0</v>
      </c>
      <c r="AE40" s="207">
        <v>0</v>
      </c>
      <c r="AF40" s="211">
        <v>0</v>
      </c>
      <c r="AG40" s="210">
        <v>0</v>
      </c>
      <c r="AH40" s="204">
        <v>0</v>
      </c>
      <c r="AI40" s="207">
        <v>0</v>
      </c>
      <c r="AJ40" s="210">
        <v>2</v>
      </c>
      <c r="AK40" s="206">
        <v>0</v>
      </c>
      <c r="AL40" s="206">
        <v>7</v>
      </c>
      <c r="AM40" s="206">
        <v>3</v>
      </c>
      <c r="AN40" s="204">
        <v>1</v>
      </c>
      <c r="AO40" s="207">
        <v>13</v>
      </c>
      <c r="AP40" s="211">
        <v>13</v>
      </c>
      <c r="AQ40" s="210">
        <v>0</v>
      </c>
      <c r="AR40" s="204">
        <v>0</v>
      </c>
      <c r="AS40" s="207">
        <v>0</v>
      </c>
      <c r="AT40" s="205">
        <v>2</v>
      </c>
      <c r="AU40" s="206">
        <v>0</v>
      </c>
      <c r="AV40" s="206">
        <v>7</v>
      </c>
      <c r="AW40" s="206">
        <v>3</v>
      </c>
      <c r="AX40" s="204">
        <v>1</v>
      </c>
      <c r="AY40" s="207">
        <v>13</v>
      </c>
      <c r="AZ40" s="208">
        <v>13</v>
      </c>
      <c r="BA40" s="203">
        <v>0</v>
      </c>
      <c r="BB40" s="204">
        <v>0</v>
      </c>
      <c r="BC40" s="204">
        <v>0</v>
      </c>
      <c r="BD40" s="205">
        <v>0</v>
      </c>
      <c r="BE40" s="206">
        <v>0</v>
      </c>
      <c r="BF40" s="206">
        <v>0</v>
      </c>
      <c r="BG40" s="206">
        <v>0</v>
      </c>
      <c r="BH40" s="204">
        <v>0</v>
      </c>
      <c r="BI40" s="207">
        <v>0</v>
      </c>
      <c r="BJ40" s="209">
        <v>0</v>
      </c>
      <c r="BK40" s="210">
        <v>0</v>
      </c>
      <c r="BL40" s="204">
        <v>0</v>
      </c>
      <c r="BM40" s="204">
        <v>0</v>
      </c>
      <c r="BN40" s="205">
        <v>0</v>
      </c>
      <c r="BO40" s="206">
        <v>0</v>
      </c>
      <c r="BP40" s="206">
        <v>0</v>
      </c>
      <c r="BQ40" s="206">
        <v>0</v>
      </c>
      <c r="BR40" s="204">
        <v>0</v>
      </c>
      <c r="BS40" s="207">
        <v>0</v>
      </c>
      <c r="BT40" s="208">
        <v>0</v>
      </c>
      <c r="BU40" s="203">
        <v>0</v>
      </c>
      <c r="BV40" s="204">
        <v>0</v>
      </c>
      <c r="BW40" s="204">
        <v>0</v>
      </c>
      <c r="BX40" s="205">
        <v>0</v>
      </c>
      <c r="BY40" s="206">
        <v>0</v>
      </c>
      <c r="BZ40" s="206">
        <v>0</v>
      </c>
      <c r="CA40" s="206">
        <v>0</v>
      </c>
      <c r="CB40" s="204">
        <v>0</v>
      </c>
      <c r="CC40" s="207">
        <v>0</v>
      </c>
      <c r="CD40" s="209">
        <v>0</v>
      </c>
      <c r="CE40" s="210">
        <v>0</v>
      </c>
      <c r="CF40" s="204">
        <v>0</v>
      </c>
      <c r="CG40" s="204">
        <v>0</v>
      </c>
      <c r="CH40" s="205">
        <v>0</v>
      </c>
      <c r="CI40" s="206">
        <v>0</v>
      </c>
      <c r="CJ40" s="206">
        <v>0</v>
      </c>
      <c r="CK40" s="206">
        <v>0</v>
      </c>
      <c r="CL40" s="204">
        <v>0</v>
      </c>
      <c r="CM40" s="207">
        <v>0</v>
      </c>
      <c r="CN40" s="209">
        <v>0</v>
      </c>
      <c r="CO40" s="210">
        <v>0</v>
      </c>
      <c r="CP40" s="204">
        <v>0</v>
      </c>
      <c r="CQ40" s="204">
        <v>0</v>
      </c>
      <c r="CR40" s="205">
        <v>0</v>
      </c>
      <c r="CS40" s="206">
        <v>0</v>
      </c>
      <c r="CT40" s="206">
        <v>0</v>
      </c>
      <c r="CU40" s="206">
        <v>0</v>
      </c>
      <c r="CV40" s="204">
        <v>1</v>
      </c>
      <c r="CW40" s="207">
        <v>1</v>
      </c>
      <c r="CX40" s="208">
        <v>1</v>
      </c>
      <c r="CY40" s="203">
        <v>0</v>
      </c>
      <c r="CZ40" s="204">
        <v>0</v>
      </c>
      <c r="DA40" s="204">
        <v>0</v>
      </c>
      <c r="DB40" s="205">
        <v>0</v>
      </c>
      <c r="DC40" s="206">
        <v>0</v>
      </c>
      <c r="DD40" s="206">
        <v>0</v>
      </c>
      <c r="DE40" s="206">
        <v>0</v>
      </c>
      <c r="DF40" s="204">
        <v>1</v>
      </c>
      <c r="DG40" s="207">
        <v>1</v>
      </c>
      <c r="DH40" s="209">
        <v>1</v>
      </c>
      <c r="DI40" s="210">
        <v>0</v>
      </c>
      <c r="DJ40" s="204">
        <v>0</v>
      </c>
      <c r="DK40" s="204">
        <v>0</v>
      </c>
      <c r="DL40" s="205">
        <v>0</v>
      </c>
      <c r="DM40" s="206">
        <v>0</v>
      </c>
      <c r="DN40" s="206">
        <v>0</v>
      </c>
      <c r="DO40" s="206">
        <v>0</v>
      </c>
      <c r="DP40" s="204">
        <v>0</v>
      </c>
      <c r="DQ40" s="207">
        <v>0</v>
      </c>
      <c r="DR40" s="209">
        <v>0</v>
      </c>
      <c r="DS40" s="210">
        <v>0</v>
      </c>
      <c r="DT40" s="204">
        <v>0</v>
      </c>
      <c r="DU40" s="204">
        <v>0</v>
      </c>
      <c r="DV40" s="205">
        <v>2</v>
      </c>
      <c r="DW40" s="206">
        <v>0</v>
      </c>
      <c r="DX40" s="206">
        <v>18</v>
      </c>
      <c r="DY40" s="206">
        <v>8</v>
      </c>
      <c r="DZ40" s="204">
        <v>8</v>
      </c>
      <c r="EA40" s="207">
        <v>36</v>
      </c>
      <c r="EB40" s="209">
        <v>36</v>
      </c>
      <c r="EC40" s="37"/>
    </row>
    <row r="41" spans="2:133" x14ac:dyDescent="0.2">
      <c r="C41" s="38"/>
      <c r="D41" s="38"/>
      <c r="E41" s="38"/>
      <c r="F41" s="38"/>
      <c r="G41" s="38"/>
      <c r="H41" s="38"/>
      <c r="I41" s="38"/>
      <c r="J41" s="38"/>
      <c r="K41" s="38"/>
      <c r="L41" s="38"/>
      <c r="M41" s="38"/>
      <c r="N41" s="38"/>
      <c r="O41" s="38"/>
      <c r="P41" s="38"/>
      <c r="Q41" s="38"/>
      <c r="R41" s="38"/>
      <c r="S41" s="38"/>
      <c r="T41" s="38"/>
      <c r="U41" s="38"/>
      <c r="V41" s="38"/>
      <c r="W41" s="38"/>
      <c r="X41" s="38"/>
      <c r="Y41" s="38"/>
      <c r="Z41" s="38"/>
      <c r="AA41" s="38"/>
      <c r="AB41" s="38"/>
      <c r="AC41" s="38"/>
      <c r="AD41" s="38"/>
      <c r="AE41" s="38"/>
      <c r="AF41" s="38"/>
      <c r="AG41" s="37"/>
      <c r="AH41" s="37"/>
      <c r="AI41" s="37"/>
      <c r="AJ41" s="37"/>
      <c r="AK41" s="37"/>
      <c r="AL41" s="37"/>
      <c r="AM41" s="37"/>
      <c r="AN41" s="37"/>
      <c r="AO41" s="37"/>
      <c r="AP41" s="37"/>
      <c r="AQ41" s="37"/>
      <c r="AR41" s="37"/>
      <c r="AS41" s="37"/>
      <c r="AT41" s="37"/>
      <c r="AU41" s="37"/>
      <c r="AV41" s="37"/>
      <c r="AW41" s="37"/>
      <c r="AX41" s="37"/>
      <c r="AY41" s="37"/>
      <c r="AZ41" s="37"/>
      <c r="BA41" s="37"/>
      <c r="BB41" s="37"/>
      <c r="BC41" s="37"/>
      <c r="BD41" s="37"/>
      <c r="BE41" s="37"/>
      <c r="BF41" s="37"/>
      <c r="BG41" s="37"/>
      <c r="BH41" s="37"/>
      <c r="BI41" s="37"/>
      <c r="BJ41" s="37"/>
      <c r="BK41" s="37"/>
      <c r="BL41" s="37"/>
      <c r="BM41" s="37"/>
      <c r="BN41" s="37"/>
      <c r="BO41" s="37"/>
      <c r="BP41" s="37"/>
      <c r="BQ41" s="37"/>
      <c r="BR41" s="37"/>
      <c r="BS41" s="37"/>
      <c r="BT41" s="37"/>
      <c r="BU41" s="37"/>
      <c r="BV41" s="37"/>
      <c r="BW41" s="37"/>
      <c r="BX41" s="37"/>
      <c r="BY41" s="37"/>
      <c r="BZ41" s="37"/>
      <c r="CA41" s="37"/>
      <c r="CB41" s="37"/>
      <c r="CC41" s="37"/>
      <c r="CD41" s="37"/>
      <c r="CE41" s="37"/>
      <c r="CF41" s="37"/>
      <c r="CG41" s="37"/>
      <c r="CH41" s="37"/>
      <c r="CI41" s="37"/>
      <c r="CJ41" s="37"/>
      <c r="CK41" s="37"/>
      <c r="CL41" s="37"/>
      <c r="CM41" s="37"/>
      <c r="CN41" s="37"/>
      <c r="CO41" s="37"/>
      <c r="CP41" s="37"/>
      <c r="CQ41" s="37"/>
      <c r="CR41" s="37"/>
      <c r="CS41" s="37"/>
      <c r="CT41" s="37"/>
      <c r="CU41" s="37"/>
      <c r="CV41" s="37"/>
      <c r="CW41" s="37"/>
      <c r="CX41" s="37"/>
      <c r="CY41" s="37"/>
      <c r="CZ41" s="37"/>
      <c r="DA41" s="37"/>
      <c r="DB41" s="37"/>
      <c r="DC41" s="37"/>
      <c r="DD41" s="37"/>
      <c r="DE41" s="37"/>
      <c r="DF41" s="37"/>
      <c r="DG41" s="37"/>
      <c r="DH41" s="37"/>
      <c r="DI41" s="37"/>
      <c r="DJ41" s="37"/>
      <c r="DK41" s="37"/>
      <c r="DL41" s="37"/>
      <c r="DM41" s="37"/>
      <c r="DN41" s="37"/>
      <c r="DO41" s="37"/>
      <c r="DP41" s="37"/>
      <c r="DQ41" s="37"/>
      <c r="DR41" s="37"/>
      <c r="DS41" s="37"/>
      <c r="DT41" s="37"/>
      <c r="DU41" s="37"/>
      <c r="DV41" s="37"/>
      <c r="DW41" s="37"/>
      <c r="DX41" s="37"/>
      <c r="DY41" s="37"/>
      <c r="DZ41" s="37"/>
      <c r="EA41" s="37"/>
      <c r="EB41" s="37"/>
      <c r="EC41" s="37"/>
    </row>
    <row r="42" spans="2:133" x14ac:dyDescent="0.2">
      <c r="C42" s="38"/>
      <c r="D42" s="38"/>
      <c r="E42" s="38"/>
      <c r="F42" s="38"/>
      <c r="G42" s="38"/>
      <c r="H42" s="38"/>
      <c r="I42" s="38"/>
      <c r="J42" s="38"/>
      <c r="K42" s="38"/>
      <c r="L42" s="38"/>
      <c r="M42" s="38"/>
      <c r="N42" s="38"/>
      <c r="O42" s="38"/>
      <c r="P42" s="38"/>
      <c r="Q42" s="38"/>
      <c r="R42" s="38"/>
      <c r="S42" s="38"/>
      <c r="T42" s="38"/>
      <c r="U42" s="38"/>
      <c r="V42" s="38"/>
      <c r="W42" s="38"/>
      <c r="X42" s="38"/>
      <c r="Y42" s="38"/>
      <c r="Z42" s="38"/>
      <c r="AA42" s="38"/>
      <c r="AB42" s="38"/>
      <c r="AC42" s="38"/>
      <c r="AD42" s="38"/>
      <c r="AE42" s="38"/>
      <c r="AF42" s="38"/>
      <c r="AG42" s="37"/>
      <c r="AH42" s="37"/>
      <c r="AI42" s="37"/>
      <c r="AJ42" s="37"/>
      <c r="AK42" s="37"/>
      <c r="AL42" s="37"/>
      <c r="AM42" s="37"/>
      <c r="AN42" s="37"/>
      <c r="AO42" s="37"/>
      <c r="AP42" s="37"/>
      <c r="AQ42" s="37"/>
      <c r="AR42" s="37"/>
      <c r="AS42" s="37"/>
      <c r="AT42" s="37"/>
      <c r="AU42" s="37"/>
      <c r="AV42" s="37"/>
      <c r="AW42" s="37"/>
      <c r="AX42" s="37"/>
      <c r="AY42" s="37"/>
      <c r="AZ42" s="37"/>
      <c r="BA42" s="37"/>
      <c r="BB42" s="37"/>
      <c r="BC42" s="37"/>
      <c r="BD42" s="37"/>
      <c r="BE42" s="37"/>
      <c r="BF42" s="37"/>
      <c r="BG42" s="37"/>
      <c r="BH42" s="37"/>
      <c r="BI42" s="37"/>
      <c r="BJ42" s="37"/>
      <c r="BK42" s="37"/>
      <c r="BL42" s="37"/>
      <c r="BM42" s="37"/>
      <c r="BN42" s="37"/>
      <c r="BO42" s="37"/>
      <c r="BP42" s="37"/>
      <c r="BQ42" s="37"/>
      <c r="BR42" s="37"/>
      <c r="BS42" s="37"/>
      <c r="BT42" s="37"/>
      <c r="BU42" s="37"/>
      <c r="BV42" s="37"/>
      <c r="BW42" s="37"/>
      <c r="BX42" s="37"/>
      <c r="BY42" s="37"/>
      <c r="BZ42" s="37"/>
      <c r="CA42" s="37"/>
      <c r="CB42" s="37"/>
      <c r="CC42" s="37"/>
      <c r="CD42" s="37"/>
      <c r="CE42" s="37"/>
      <c r="CF42" s="37"/>
      <c r="CG42" s="37"/>
      <c r="CH42" s="37"/>
      <c r="CI42" s="37"/>
      <c r="CJ42" s="37"/>
      <c r="CK42" s="37"/>
      <c r="CL42" s="37"/>
      <c r="CM42" s="37"/>
      <c r="CN42" s="37"/>
      <c r="CO42" s="37"/>
      <c r="CP42" s="37"/>
      <c r="CQ42" s="37"/>
      <c r="CR42" s="37"/>
      <c r="CS42" s="37"/>
      <c r="CT42" s="37"/>
      <c r="CU42" s="37"/>
      <c r="CV42" s="37"/>
      <c r="CW42" s="37"/>
      <c r="CX42" s="37"/>
      <c r="CY42" s="37"/>
      <c r="CZ42" s="37"/>
      <c r="DA42" s="37"/>
      <c r="DB42" s="37"/>
      <c r="DC42" s="37"/>
      <c r="DD42" s="37"/>
      <c r="DE42" s="37"/>
      <c r="DF42" s="37"/>
      <c r="DG42" s="37"/>
      <c r="DH42" s="37"/>
      <c r="DI42" s="37"/>
      <c r="DJ42" s="37"/>
      <c r="DK42" s="37"/>
      <c r="DL42" s="37"/>
      <c r="DM42" s="37"/>
      <c r="DN42" s="37"/>
      <c r="DO42" s="37"/>
      <c r="DP42" s="37"/>
      <c r="DQ42" s="37"/>
      <c r="DR42" s="37"/>
      <c r="DS42" s="37"/>
      <c r="DT42" s="37"/>
      <c r="DU42" s="37"/>
      <c r="DV42" s="37"/>
      <c r="DW42" s="37"/>
      <c r="DX42" s="37"/>
      <c r="DY42" s="37"/>
      <c r="DZ42" s="37"/>
      <c r="EA42" s="37"/>
      <c r="EB42" s="37"/>
      <c r="EC42" s="37"/>
    </row>
    <row r="43" spans="2:133" x14ac:dyDescent="0.2">
      <c r="C43" s="38"/>
      <c r="D43" s="38"/>
      <c r="E43" s="38"/>
      <c r="F43" s="38"/>
      <c r="G43" s="38"/>
      <c r="H43" s="38"/>
      <c r="I43" s="38"/>
      <c r="J43" s="38"/>
      <c r="K43" s="38"/>
      <c r="L43" s="38"/>
      <c r="M43" s="38"/>
      <c r="N43" s="38"/>
      <c r="O43" s="38"/>
      <c r="P43" s="38"/>
      <c r="Q43" s="38"/>
      <c r="R43" s="38"/>
      <c r="S43" s="38"/>
      <c r="T43" s="38"/>
      <c r="U43" s="38"/>
      <c r="V43" s="38"/>
      <c r="W43" s="38"/>
      <c r="X43" s="38"/>
      <c r="Y43" s="38"/>
      <c r="Z43" s="38"/>
      <c r="AA43" s="38"/>
      <c r="AB43" s="38"/>
      <c r="AC43" s="38"/>
      <c r="AD43" s="38"/>
      <c r="AE43" s="38"/>
      <c r="AF43" s="38"/>
      <c r="AG43" s="37"/>
      <c r="AH43" s="37"/>
      <c r="AI43" s="37"/>
      <c r="AJ43" s="37"/>
      <c r="AK43" s="37"/>
      <c r="AL43" s="37"/>
      <c r="AM43" s="37"/>
      <c r="AN43" s="37"/>
      <c r="AO43" s="37"/>
      <c r="AP43" s="37"/>
      <c r="AQ43" s="37"/>
      <c r="AR43" s="37"/>
      <c r="AS43" s="37"/>
      <c r="AT43" s="37"/>
      <c r="AU43" s="37"/>
      <c r="AV43" s="37"/>
      <c r="AW43" s="37"/>
      <c r="AX43" s="37"/>
      <c r="AY43" s="37"/>
      <c r="AZ43" s="37"/>
      <c r="BA43" s="37"/>
      <c r="BB43" s="37"/>
      <c r="BC43" s="37"/>
      <c r="BD43" s="37"/>
      <c r="BE43" s="37"/>
      <c r="BF43" s="37"/>
      <c r="BG43" s="37"/>
      <c r="BH43" s="37"/>
      <c r="BI43" s="37"/>
      <c r="BJ43" s="37"/>
      <c r="BK43" s="37"/>
      <c r="BL43" s="37"/>
      <c r="BM43" s="37"/>
      <c r="BN43" s="37"/>
      <c r="BO43" s="37"/>
      <c r="BP43" s="37"/>
      <c r="BQ43" s="37"/>
      <c r="BR43" s="37"/>
      <c r="BS43" s="37"/>
      <c r="BT43" s="37"/>
      <c r="BU43" s="37"/>
      <c r="BV43" s="37"/>
      <c r="BW43" s="37"/>
      <c r="BX43" s="37"/>
      <c r="BY43" s="37"/>
      <c r="BZ43" s="37"/>
      <c r="CA43" s="37"/>
      <c r="CB43" s="37"/>
      <c r="CC43" s="37"/>
      <c r="CD43" s="37"/>
      <c r="CE43" s="37"/>
      <c r="CF43" s="37"/>
      <c r="CG43" s="37"/>
      <c r="CH43" s="37"/>
      <c r="CI43" s="37"/>
      <c r="CJ43" s="37"/>
      <c r="CK43" s="37"/>
      <c r="CL43" s="37"/>
      <c r="CM43" s="37"/>
      <c r="CN43" s="37"/>
      <c r="CO43" s="37"/>
      <c r="CP43" s="37"/>
      <c r="CQ43" s="37"/>
      <c r="CR43" s="37"/>
      <c r="CS43" s="37"/>
      <c r="CT43" s="37"/>
      <c r="CU43" s="37"/>
      <c r="CV43" s="37"/>
      <c r="CW43" s="37"/>
      <c r="CX43" s="37"/>
      <c r="CY43" s="37"/>
      <c r="CZ43" s="37"/>
      <c r="DA43" s="37"/>
      <c r="DB43" s="37"/>
      <c r="DC43" s="37"/>
      <c r="DD43" s="37"/>
      <c r="DE43" s="37"/>
      <c r="DF43" s="37"/>
      <c r="DG43" s="37"/>
      <c r="DH43" s="37"/>
      <c r="DI43" s="37"/>
      <c r="DJ43" s="37"/>
      <c r="DK43" s="37"/>
      <c r="DL43" s="37"/>
      <c r="DM43" s="37"/>
      <c r="DN43" s="37"/>
      <c r="DO43" s="37"/>
      <c r="DP43" s="37"/>
      <c r="DQ43" s="37"/>
      <c r="DR43" s="37"/>
      <c r="DS43" s="37"/>
      <c r="DT43" s="37"/>
      <c r="DU43" s="37"/>
      <c r="DV43" s="37"/>
      <c r="DW43" s="37"/>
      <c r="DX43" s="37"/>
      <c r="DY43" s="37"/>
      <c r="DZ43" s="37"/>
      <c r="EA43" s="37"/>
      <c r="EB43" s="37"/>
      <c r="EC43" s="37"/>
    </row>
    <row r="44" spans="2:133" x14ac:dyDescent="0.2">
      <c r="C44" s="38"/>
      <c r="D44" s="38"/>
      <c r="E44" s="38"/>
      <c r="F44" s="38"/>
      <c r="G44" s="38"/>
      <c r="H44" s="38"/>
      <c r="I44" s="38"/>
      <c r="J44" s="38"/>
      <c r="K44" s="38"/>
      <c r="L44" s="38"/>
      <c r="M44" s="38"/>
      <c r="N44" s="38"/>
      <c r="O44" s="38"/>
      <c r="P44" s="38"/>
      <c r="Q44" s="38"/>
      <c r="R44" s="38"/>
      <c r="S44" s="38"/>
      <c r="T44" s="38"/>
      <c r="U44" s="38"/>
      <c r="V44" s="38"/>
      <c r="W44" s="38"/>
      <c r="X44" s="38"/>
      <c r="Y44" s="38"/>
      <c r="Z44" s="38"/>
      <c r="AA44" s="38"/>
      <c r="AB44" s="38"/>
      <c r="AC44" s="38"/>
      <c r="AD44" s="38"/>
      <c r="AE44" s="38"/>
      <c r="AF44" s="38"/>
      <c r="AG44" s="37"/>
      <c r="AH44" s="37"/>
      <c r="AI44" s="37"/>
      <c r="AJ44" s="37"/>
      <c r="AK44" s="37"/>
      <c r="AL44" s="37"/>
      <c r="AM44" s="37"/>
      <c r="AN44" s="37"/>
      <c r="AO44" s="37"/>
      <c r="AP44" s="37"/>
      <c r="AQ44" s="37"/>
      <c r="AR44" s="37"/>
      <c r="AS44" s="37"/>
      <c r="AT44" s="37"/>
      <c r="AU44" s="37"/>
      <c r="AV44" s="37"/>
      <c r="AW44" s="37"/>
      <c r="AX44" s="37"/>
      <c r="AY44" s="37"/>
      <c r="AZ44" s="37"/>
      <c r="BA44" s="37"/>
      <c r="BB44" s="37"/>
      <c r="BC44" s="37"/>
      <c r="BD44" s="37"/>
      <c r="BE44" s="37"/>
      <c r="BF44" s="37"/>
      <c r="BG44" s="37"/>
      <c r="BH44" s="37"/>
      <c r="BI44" s="37"/>
      <c r="BJ44" s="37"/>
      <c r="BK44" s="37"/>
      <c r="BL44" s="37"/>
      <c r="BM44" s="37"/>
      <c r="BN44" s="37"/>
      <c r="BO44" s="37"/>
      <c r="BP44" s="37"/>
      <c r="BQ44" s="37"/>
      <c r="BR44" s="37"/>
      <c r="BS44" s="37"/>
      <c r="BT44" s="37"/>
      <c r="BU44" s="37"/>
      <c r="BV44" s="37"/>
      <c r="BW44" s="37"/>
      <c r="BX44" s="37"/>
      <c r="BY44" s="37"/>
      <c r="BZ44" s="37"/>
      <c r="CA44" s="37"/>
      <c r="CB44" s="37"/>
      <c r="CC44" s="37"/>
      <c r="CD44" s="37"/>
      <c r="CE44" s="37"/>
      <c r="CF44" s="37"/>
      <c r="CG44" s="37"/>
      <c r="CH44" s="37"/>
      <c r="CI44" s="37"/>
      <c r="CJ44" s="37"/>
      <c r="CK44" s="37"/>
      <c r="CL44" s="37"/>
      <c r="CM44" s="37"/>
      <c r="CN44" s="37"/>
      <c r="CO44" s="37"/>
      <c r="CP44" s="37"/>
      <c r="CQ44" s="37"/>
      <c r="CR44" s="37"/>
      <c r="CS44" s="37"/>
      <c r="CT44" s="37"/>
      <c r="CU44" s="37"/>
      <c r="CV44" s="37"/>
      <c r="CW44" s="37"/>
      <c r="CX44" s="37"/>
      <c r="CY44" s="37"/>
      <c r="CZ44" s="37"/>
      <c r="DA44" s="37"/>
      <c r="DB44" s="37"/>
      <c r="DC44" s="37"/>
      <c r="DD44" s="37"/>
      <c r="DE44" s="37"/>
      <c r="DF44" s="37"/>
      <c r="DG44" s="37"/>
      <c r="DH44" s="37"/>
      <c r="DI44" s="37"/>
      <c r="DJ44" s="37"/>
      <c r="DK44" s="37"/>
      <c r="DL44" s="37"/>
      <c r="DM44" s="37"/>
      <c r="DN44" s="37"/>
      <c r="DO44" s="37"/>
      <c r="DP44" s="37"/>
      <c r="DQ44" s="37"/>
      <c r="DR44" s="37"/>
      <c r="DS44" s="37"/>
      <c r="DT44" s="37"/>
      <c r="DU44" s="37"/>
      <c r="DV44" s="37"/>
      <c r="DW44" s="37"/>
      <c r="DX44" s="37"/>
      <c r="DY44" s="37"/>
      <c r="DZ44" s="37"/>
      <c r="EA44" s="37"/>
      <c r="EB44" s="37"/>
      <c r="EC44" s="37"/>
    </row>
    <row r="45" spans="2:133" x14ac:dyDescent="0.2">
      <c r="C45" s="38"/>
      <c r="D45" s="38"/>
      <c r="E45" s="38"/>
      <c r="F45" s="38"/>
      <c r="G45" s="38"/>
      <c r="H45" s="38"/>
      <c r="I45" s="38"/>
      <c r="J45" s="38"/>
      <c r="K45" s="38"/>
      <c r="L45" s="38"/>
      <c r="M45" s="38"/>
      <c r="N45" s="38"/>
      <c r="O45" s="38"/>
      <c r="P45" s="38"/>
      <c r="Q45" s="38"/>
      <c r="R45" s="38"/>
      <c r="S45" s="38"/>
      <c r="T45" s="38"/>
      <c r="U45" s="38"/>
      <c r="V45" s="38"/>
      <c r="W45" s="38"/>
      <c r="X45" s="38"/>
      <c r="Y45" s="38"/>
      <c r="Z45" s="38"/>
      <c r="AA45" s="38"/>
      <c r="AB45" s="38"/>
      <c r="AC45" s="38"/>
      <c r="AD45" s="38"/>
      <c r="AE45" s="38"/>
      <c r="AF45" s="38"/>
      <c r="AG45" s="37"/>
      <c r="AH45" s="37"/>
      <c r="AI45" s="37"/>
      <c r="AJ45" s="37"/>
      <c r="AK45" s="37"/>
      <c r="AL45" s="37"/>
      <c r="AM45" s="37"/>
      <c r="AN45" s="37"/>
      <c r="AO45" s="37"/>
      <c r="AP45" s="37"/>
      <c r="AQ45" s="37"/>
      <c r="AR45" s="37"/>
      <c r="AS45" s="37"/>
      <c r="AT45" s="37"/>
      <c r="AU45" s="37"/>
      <c r="AV45" s="37"/>
      <c r="AW45" s="37"/>
      <c r="AX45" s="37"/>
      <c r="AY45" s="37"/>
      <c r="AZ45" s="37"/>
      <c r="BA45" s="37"/>
      <c r="BB45" s="37"/>
      <c r="BC45" s="37"/>
      <c r="BD45" s="37"/>
      <c r="BE45" s="37"/>
      <c r="BF45" s="37"/>
      <c r="BG45" s="37"/>
      <c r="BH45" s="37"/>
      <c r="BI45" s="37"/>
      <c r="BJ45" s="37"/>
      <c r="BK45" s="37"/>
      <c r="BL45" s="37"/>
      <c r="BM45" s="37"/>
      <c r="BN45" s="37"/>
      <c r="BO45" s="37"/>
      <c r="BP45" s="37"/>
      <c r="BQ45" s="37"/>
      <c r="BR45" s="37"/>
      <c r="BS45" s="37"/>
      <c r="BT45" s="37"/>
      <c r="BU45" s="37"/>
      <c r="BV45" s="37"/>
      <c r="BW45" s="37"/>
      <c r="BX45" s="37"/>
      <c r="BY45" s="37"/>
      <c r="BZ45" s="37"/>
      <c r="CA45" s="37"/>
      <c r="CB45" s="37"/>
      <c r="CC45" s="37"/>
      <c r="CD45" s="37"/>
      <c r="CE45" s="37"/>
      <c r="CF45" s="37"/>
      <c r="CG45" s="37"/>
      <c r="CH45" s="37"/>
      <c r="CI45" s="37"/>
      <c r="CJ45" s="37"/>
      <c r="CK45" s="37"/>
      <c r="CL45" s="37"/>
      <c r="CM45" s="37"/>
      <c r="CN45" s="37"/>
      <c r="CO45" s="37"/>
      <c r="CP45" s="37"/>
      <c r="CQ45" s="37"/>
      <c r="CR45" s="37"/>
      <c r="CS45" s="37"/>
      <c r="CT45" s="37"/>
      <c r="CU45" s="37"/>
      <c r="CV45" s="37"/>
      <c r="CW45" s="37"/>
      <c r="CX45" s="37"/>
      <c r="CY45" s="37"/>
      <c r="CZ45" s="37"/>
      <c r="DA45" s="37"/>
      <c r="DB45" s="37"/>
      <c r="DC45" s="37"/>
      <c r="DD45" s="37"/>
      <c r="DE45" s="37"/>
      <c r="DF45" s="37"/>
      <c r="DG45" s="37"/>
      <c r="DH45" s="37"/>
      <c r="DI45" s="37"/>
      <c r="DJ45" s="37"/>
      <c r="DK45" s="37"/>
      <c r="DL45" s="37"/>
      <c r="DM45" s="37"/>
      <c r="DN45" s="37"/>
      <c r="DO45" s="37"/>
      <c r="DP45" s="37"/>
      <c r="DQ45" s="37"/>
      <c r="DR45" s="37"/>
      <c r="DS45" s="37"/>
      <c r="DT45" s="37"/>
      <c r="DU45" s="37"/>
      <c r="DV45" s="37"/>
      <c r="DW45" s="37"/>
      <c r="DX45" s="37"/>
      <c r="DY45" s="37"/>
      <c r="DZ45" s="37"/>
      <c r="EA45" s="37"/>
      <c r="EB45" s="37"/>
      <c r="EC45" s="37"/>
    </row>
    <row r="46" spans="2:133" x14ac:dyDescent="0.2">
      <c r="C46" s="3"/>
      <c r="D46" s="3"/>
      <c r="E46" s="3"/>
      <c r="F46" s="3"/>
      <c r="G46" s="3"/>
      <c r="H46" s="3"/>
      <c r="I46" s="3"/>
      <c r="J46" s="3"/>
      <c r="K46" s="3"/>
      <c r="L46" s="3"/>
      <c r="M46" s="3"/>
      <c r="N46" s="3"/>
      <c r="O46" s="3"/>
      <c r="P46" s="3"/>
      <c r="Q46" s="3"/>
      <c r="R46" s="3"/>
      <c r="S46" s="3"/>
      <c r="T46" s="3"/>
      <c r="U46" s="3"/>
      <c r="V46" s="3"/>
      <c r="W46" s="3"/>
      <c r="X46" s="3"/>
      <c r="Y46" s="3"/>
      <c r="Z46" s="3"/>
      <c r="AA46" s="3"/>
      <c r="AB46" s="3"/>
      <c r="AC46" s="3"/>
      <c r="AD46" s="3"/>
      <c r="AE46" s="3"/>
      <c r="AF46" s="3"/>
    </row>
    <row r="47" spans="2:133" x14ac:dyDescent="0.2">
      <c r="C47" s="3"/>
      <c r="D47" s="3"/>
      <c r="E47" s="3"/>
      <c r="F47" s="3"/>
      <c r="G47" s="3"/>
      <c r="H47" s="3"/>
      <c r="I47" s="3"/>
      <c r="J47" s="3"/>
      <c r="K47" s="3"/>
      <c r="L47" s="3"/>
      <c r="M47" s="3"/>
      <c r="N47" s="3"/>
      <c r="O47" s="3"/>
      <c r="P47" s="3"/>
      <c r="Q47" s="3"/>
      <c r="R47" s="3"/>
      <c r="S47" s="3"/>
      <c r="T47" s="3"/>
      <c r="U47" s="3"/>
      <c r="V47" s="3"/>
      <c r="W47" s="3"/>
      <c r="X47" s="3"/>
      <c r="Y47" s="3"/>
      <c r="Z47" s="3"/>
      <c r="AA47" s="3"/>
      <c r="AB47" s="3"/>
      <c r="AC47" s="3"/>
      <c r="AD47" s="3"/>
      <c r="AE47" s="3"/>
      <c r="AF47" s="3"/>
    </row>
    <row r="48" spans="2:133" x14ac:dyDescent="0.2">
      <c r="C48" s="3"/>
      <c r="D48" s="3"/>
      <c r="E48" s="3"/>
      <c r="F48" s="3"/>
      <c r="G48" s="3"/>
      <c r="H48" s="3"/>
      <c r="I48" s="3"/>
      <c r="J48" s="3"/>
      <c r="K48" s="3"/>
      <c r="L48" s="3"/>
      <c r="M48" s="3"/>
      <c r="N48" s="3"/>
      <c r="O48" s="3"/>
      <c r="P48" s="3"/>
      <c r="Q48" s="3"/>
      <c r="R48" s="3"/>
      <c r="S48" s="3"/>
      <c r="T48" s="3"/>
      <c r="U48" s="3"/>
      <c r="V48" s="3"/>
      <c r="W48" s="3"/>
      <c r="X48" s="3"/>
      <c r="Y48" s="3"/>
      <c r="Z48" s="3"/>
      <c r="AA48" s="3"/>
      <c r="AB48" s="3"/>
      <c r="AC48" s="3"/>
      <c r="AD48" s="3"/>
      <c r="AE48" s="3"/>
      <c r="AF48" s="3"/>
    </row>
    <row r="49" spans="3:32" x14ac:dyDescent="0.2">
      <c r="C49" s="3"/>
      <c r="D49" s="3"/>
      <c r="E49" s="3"/>
      <c r="F49" s="3"/>
      <c r="G49" s="3"/>
      <c r="H49" s="3"/>
      <c r="I49" s="3"/>
      <c r="J49" s="3"/>
      <c r="K49" s="3"/>
      <c r="L49" s="3"/>
      <c r="M49" s="3"/>
      <c r="N49" s="3"/>
      <c r="O49" s="3"/>
      <c r="P49" s="3"/>
      <c r="Q49" s="3"/>
      <c r="R49" s="3"/>
      <c r="S49" s="3"/>
      <c r="T49" s="3"/>
      <c r="U49" s="3"/>
      <c r="V49" s="3"/>
      <c r="W49" s="3"/>
      <c r="X49" s="3"/>
      <c r="Y49" s="3"/>
      <c r="Z49" s="3"/>
      <c r="AA49" s="3"/>
      <c r="AB49" s="3"/>
      <c r="AC49" s="3"/>
      <c r="AD49" s="3"/>
      <c r="AE49" s="3"/>
      <c r="AF49" s="3"/>
    </row>
    <row r="50" spans="3:32" x14ac:dyDescent="0.2">
      <c r="C50" s="3"/>
      <c r="D50" s="3"/>
      <c r="E50" s="3"/>
      <c r="F50" s="3"/>
      <c r="G50" s="3"/>
      <c r="H50" s="3"/>
      <c r="I50" s="3"/>
      <c r="J50" s="3"/>
      <c r="K50" s="3"/>
      <c r="L50" s="3"/>
      <c r="M50" s="3"/>
      <c r="N50" s="3"/>
      <c r="O50" s="3"/>
      <c r="P50" s="3"/>
      <c r="Q50" s="3"/>
      <c r="R50" s="3"/>
      <c r="S50" s="3"/>
      <c r="T50" s="3"/>
      <c r="U50" s="3"/>
      <c r="V50" s="3"/>
      <c r="W50" s="3"/>
      <c r="X50" s="3"/>
      <c r="Y50" s="3"/>
      <c r="Z50" s="3"/>
      <c r="AA50" s="3"/>
      <c r="AB50" s="3"/>
      <c r="AC50" s="3"/>
      <c r="AD50" s="3"/>
      <c r="AE50" s="3"/>
      <c r="AF50" s="3"/>
    </row>
    <row r="51" spans="3:32" x14ac:dyDescent="0.2">
      <c r="C51" s="3"/>
      <c r="D51" s="3"/>
      <c r="E51" s="3"/>
      <c r="F51" s="3"/>
      <c r="G51" s="3"/>
      <c r="H51" s="3"/>
      <c r="I51" s="3"/>
      <c r="J51" s="3"/>
      <c r="K51" s="3"/>
      <c r="L51" s="3"/>
      <c r="M51" s="3"/>
      <c r="N51" s="3"/>
      <c r="O51" s="3"/>
      <c r="P51" s="3"/>
      <c r="Q51" s="3"/>
      <c r="R51" s="3"/>
      <c r="S51" s="3"/>
      <c r="T51" s="3"/>
      <c r="U51" s="3"/>
      <c r="V51" s="3"/>
      <c r="W51" s="3"/>
      <c r="X51" s="3"/>
      <c r="Y51" s="3"/>
      <c r="Z51" s="3"/>
      <c r="AA51" s="3"/>
      <c r="AB51" s="3"/>
      <c r="AC51" s="3"/>
      <c r="AD51" s="3"/>
      <c r="AE51" s="3"/>
      <c r="AF51" s="3"/>
    </row>
    <row r="52" spans="3:32" x14ac:dyDescent="0.2">
      <c r="C52" s="3"/>
      <c r="D52" s="3"/>
      <c r="E52" s="3"/>
      <c r="F52" s="3"/>
      <c r="G52" s="3"/>
      <c r="H52" s="3"/>
      <c r="I52" s="3"/>
      <c r="J52" s="3"/>
      <c r="K52" s="3"/>
      <c r="L52" s="3"/>
      <c r="M52" s="3"/>
      <c r="N52" s="3"/>
      <c r="O52" s="3"/>
      <c r="P52" s="3"/>
      <c r="Q52" s="3"/>
      <c r="R52" s="3"/>
      <c r="S52" s="3"/>
      <c r="T52" s="3"/>
      <c r="U52" s="3"/>
      <c r="V52" s="3"/>
      <c r="W52" s="3"/>
      <c r="X52" s="3"/>
      <c r="Y52" s="3"/>
      <c r="Z52" s="3"/>
      <c r="AA52" s="3"/>
      <c r="AB52" s="3"/>
      <c r="AC52" s="3"/>
      <c r="AD52" s="3"/>
      <c r="AE52" s="3"/>
      <c r="AF52" s="3"/>
    </row>
    <row r="53" spans="3:32" x14ac:dyDescent="0.2">
      <c r="C53" s="3"/>
      <c r="D53" s="3"/>
      <c r="E53" s="3"/>
      <c r="F53" s="3"/>
      <c r="G53" s="3"/>
      <c r="H53" s="3"/>
      <c r="I53" s="3"/>
      <c r="J53" s="3"/>
      <c r="K53" s="3"/>
      <c r="L53" s="3"/>
      <c r="M53" s="3"/>
      <c r="N53" s="3"/>
      <c r="O53" s="3"/>
      <c r="P53" s="3"/>
      <c r="Q53" s="3"/>
      <c r="R53" s="3"/>
      <c r="S53" s="3"/>
      <c r="T53" s="3"/>
      <c r="U53" s="3"/>
      <c r="V53" s="3"/>
      <c r="W53" s="3"/>
      <c r="X53" s="3"/>
      <c r="Y53" s="3"/>
      <c r="Z53" s="3"/>
      <c r="AA53" s="3"/>
      <c r="AB53" s="3"/>
      <c r="AC53" s="3"/>
      <c r="AD53" s="3"/>
      <c r="AE53" s="3"/>
      <c r="AF53" s="3"/>
    </row>
    <row r="54" spans="3:32" x14ac:dyDescent="0.2">
      <c r="C54" s="3"/>
      <c r="D54" s="3"/>
      <c r="E54" s="3"/>
      <c r="F54" s="3"/>
      <c r="G54" s="3"/>
      <c r="H54" s="3"/>
      <c r="I54" s="3"/>
      <c r="J54" s="3"/>
      <c r="K54" s="3"/>
      <c r="L54" s="3"/>
      <c r="M54" s="3"/>
      <c r="N54" s="3"/>
      <c r="O54" s="3"/>
      <c r="P54" s="3"/>
      <c r="Q54" s="3"/>
      <c r="R54" s="3"/>
      <c r="S54" s="3"/>
      <c r="T54" s="3"/>
      <c r="U54" s="3"/>
      <c r="V54" s="3"/>
      <c r="W54" s="3"/>
      <c r="X54" s="3"/>
      <c r="Y54" s="3"/>
      <c r="Z54" s="3"/>
      <c r="AA54" s="3"/>
      <c r="AB54" s="3"/>
      <c r="AC54" s="3"/>
      <c r="AD54" s="3"/>
      <c r="AE54" s="3"/>
      <c r="AF54" s="3"/>
    </row>
    <row r="55" spans="3:32" x14ac:dyDescent="0.2">
      <c r="C55" s="3"/>
      <c r="D55" s="3"/>
      <c r="E55" s="3"/>
      <c r="F55" s="3"/>
      <c r="G55" s="3"/>
      <c r="H55" s="3"/>
      <c r="I55" s="3"/>
      <c r="J55" s="3"/>
      <c r="K55" s="3"/>
      <c r="L55" s="3"/>
      <c r="M55" s="3"/>
      <c r="N55" s="3"/>
      <c r="O55" s="3"/>
      <c r="P55" s="3"/>
      <c r="Q55" s="3"/>
      <c r="R55" s="3"/>
      <c r="S55" s="3"/>
      <c r="T55" s="3"/>
      <c r="U55" s="3"/>
      <c r="V55" s="3"/>
      <c r="W55" s="3"/>
      <c r="X55" s="3"/>
      <c r="Y55" s="3"/>
      <c r="Z55" s="3"/>
      <c r="AA55" s="3"/>
      <c r="AB55" s="3"/>
      <c r="AC55" s="3"/>
      <c r="AD55" s="3"/>
      <c r="AE55" s="3"/>
      <c r="AF55" s="3"/>
    </row>
    <row r="56" spans="3:32" x14ac:dyDescent="0.2">
      <c r="C56" s="3"/>
      <c r="D56" s="3"/>
      <c r="E56" s="3"/>
      <c r="F56" s="3"/>
      <c r="G56" s="3"/>
      <c r="H56" s="3"/>
      <c r="I56" s="3"/>
      <c r="J56" s="3"/>
      <c r="K56" s="3"/>
      <c r="L56" s="3"/>
      <c r="M56" s="3"/>
      <c r="N56" s="3"/>
      <c r="O56" s="3"/>
      <c r="P56" s="3"/>
      <c r="Q56" s="3"/>
      <c r="R56" s="3"/>
      <c r="S56" s="3"/>
      <c r="T56" s="3"/>
      <c r="U56" s="3"/>
      <c r="V56" s="3"/>
      <c r="W56" s="3"/>
      <c r="X56" s="3"/>
      <c r="Y56" s="3"/>
      <c r="Z56" s="3"/>
      <c r="AA56" s="3"/>
      <c r="AB56" s="3"/>
      <c r="AC56" s="3"/>
      <c r="AD56" s="3"/>
      <c r="AE56" s="3"/>
      <c r="AF56" s="3"/>
    </row>
    <row r="57" spans="3:32" x14ac:dyDescent="0.2">
      <c r="C57" s="3"/>
      <c r="D57" s="3"/>
      <c r="E57" s="3"/>
      <c r="F57" s="3"/>
      <c r="G57" s="3"/>
      <c r="H57" s="3"/>
      <c r="I57" s="3"/>
      <c r="J57" s="3"/>
      <c r="K57" s="3"/>
      <c r="L57" s="3"/>
      <c r="M57" s="3"/>
      <c r="N57" s="3"/>
      <c r="O57" s="3"/>
      <c r="P57" s="3"/>
      <c r="Q57" s="3"/>
      <c r="R57" s="3"/>
      <c r="S57" s="3"/>
      <c r="T57" s="3"/>
      <c r="U57" s="3"/>
      <c r="V57" s="3"/>
      <c r="W57" s="3"/>
      <c r="X57" s="3"/>
      <c r="Y57" s="3"/>
      <c r="Z57" s="3"/>
      <c r="AA57" s="3"/>
      <c r="AB57" s="3"/>
      <c r="AC57" s="3"/>
      <c r="AD57" s="3"/>
      <c r="AE57" s="3"/>
      <c r="AF57" s="3"/>
    </row>
    <row r="58" spans="3:32" x14ac:dyDescent="0.2">
      <c r="C58" s="3"/>
      <c r="D58" s="3"/>
      <c r="E58" s="3"/>
      <c r="F58" s="3"/>
      <c r="G58" s="3"/>
      <c r="H58" s="3"/>
      <c r="I58" s="3"/>
      <c r="J58" s="3"/>
      <c r="K58" s="3"/>
      <c r="L58" s="3"/>
      <c r="M58" s="3"/>
      <c r="N58" s="3"/>
      <c r="O58" s="3"/>
      <c r="P58" s="3"/>
      <c r="Q58" s="3"/>
      <c r="R58" s="3"/>
      <c r="S58" s="3"/>
      <c r="T58" s="3"/>
      <c r="U58" s="3"/>
      <c r="V58" s="3"/>
      <c r="W58" s="3"/>
      <c r="X58" s="3"/>
      <c r="Y58" s="3"/>
      <c r="Z58" s="3"/>
      <c r="AA58" s="3"/>
      <c r="AB58" s="3"/>
      <c r="AC58" s="3"/>
      <c r="AD58" s="3"/>
      <c r="AE58" s="3"/>
      <c r="AF58" s="3"/>
    </row>
    <row r="59" spans="3:32" x14ac:dyDescent="0.2">
      <c r="C59" s="3"/>
      <c r="D59" s="3"/>
      <c r="E59" s="3"/>
      <c r="F59" s="3"/>
      <c r="G59" s="3"/>
      <c r="H59" s="3"/>
      <c r="I59" s="3"/>
      <c r="J59" s="3"/>
      <c r="K59" s="3"/>
      <c r="L59" s="3"/>
      <c r="M59" s="3"/>
      <c r="N59" s="3"/>
      <c r="O59" s="3"/>
      <c r="P59" s="3"/>
      <c r="Q59" s="3"/>
      <c r="R59" s="3"/>
      <c r="S59" s="3"/>
      <c r="T59" s="3"/>
      <c r="U59" s="3"/>
      <c r="V59" s="3"/>
      <c r="W59" s="3"/>
      <c r="X59" s="3"/>
      <c r="Y59" s="3"/>
      <c r="Z59" s="3"/>
      <c r="AA59" s="3"/>
      <c r="AB59" s="3"/>
      <c r="AC59" s="3"/>
      <c r="AD59" s="3"/>
      <c r="AE59" s="3"/>
      <c r="AF59" s="3"/>
    </row>
    <row r="60" spans="3:32" x14ac:dyDescent="0.2">
      <c r="C60" s="3"/>
      <c r="D60" s="3"/>
      <c r="E60" s="3"/>
      <c r="F60" s="3"/>
      <c r="G60" s="3"/>
      <c r="H60" s="3"/>
      <c r="I60" s="3"/>
      <c r="J60" s="3"/>
      <c r="K60" s="3"/>
      <c r="L60" s="3"/>
      <c r="M60" s="3"/>
      <c r="N60" s="3"/>
      <c r="O60" s="3"/>
      <c r="P60" s="3"/>
      <c r="Q60" s="3"/>
      <c r="R60" s="3"/>
      <c r="S60" s="3"/>
      <c r="T60" s="3"/>
      <c r="U60" s="3"/>
      <c r="V60" s="3"/>
      <c r="W60" s="3"/>
      <c r="X60" s="3"/>
      <c r="Y60" s="3"/>
      <c r="Z60" s="3"/>
      <c r="AA60" s="3"/>
      <c r="AB60" s="3"/>
      <c r="AC60" s="3"/>
      <c r="AD60" s="3"/>
      <c r="AE60" s="3"/>
      <c r="AF60" s="3"/>
    </row>
    <row r="61" spans="3:32" x14ac:dyDescent="0.2">
      <c r="C61" s="3"/>
      <c r="D61" s="3"/>
      <c r="E61" s="3"/>
      <c r="F61" s="3"/>
      <c r="G61" s="3"/>
      <c r="H61" s="3"/>
      <c r="I61" s="3"/>
      <c r="J61" s="3"/>
      <c r="K61" s="3"/>
      <c r="L61" s="3"/>
      <c r="M61" s="3"/>
      <c r="N61" s="3"/>
      <c r="O61" s="3"/>
      <c r="P61" s="3"/>
      <c r="Q61" s="3"/>
      <c r="R61" s="3"/>
      <c r="S61" s="3"/>
      <c r="T61" s="3"/>
      <c r="U61" s="3"/>
      <c r="V61" s="3"/>
      <c r="W61" s="3"/>
      <c r="X61" s="3"/>
      <c r="Y61" s="3"/>
      <c r="Z61" s="3"/>
      <c r="AA61" s="3"/>
      <c r="AB61" s="3"/>
      <c r="AC61" s="3"/>
      <c r="AD61" s="3"/>
      <c r="AE61" s="3"/>
      <c r="AF61" s="3"/>
    </row>
    <row r="62" spans="3:32" x14ac:dyDescent="0.2">
      <c r="C62" s="3"/>
      <c r="D62" s="3"/>
      <c r="E62" s="3"/>
      <c r="F62" s="3"/>
      <c r="G62" s="3"/>
      <c r="H62" s="3"/>
      <c r="I62" s="3"/>
      <c r="J62" s="3"/>
      <c r="K62" s="3"/>
      <c r="L62" s="3"/>
      <c r="M62" s="3"/>
      <c r="N62" s="3"/>
      <c r="O62" s="3"/>
      <c r="P62" s="3"/>
      <c r="Q62" s="3"/>
      <c r="R62" s="3"/>
      <c r="S62" s="3"/>
      <c r="T62" s="3"/>
      <c r="U62" s="3"/>
      <c r="V62" s="3"/>
      <c r="W62" s="3"/>
      <c r="X62" s="3"/>
      <c r="Y62" s="3"/>
      <c r="Z62" s="3"/>
      <c r="AA62" s="3"/>
      <c r="AB62" s="3"/>
      <c r="AC62" s="3"/>
      <c r="AD62" s="3"/>
      <c r="AE62" s="3"/>
      <c r="AF62" s="3"/>
    </row>
    <row r="63" spans="3:32" x14ac:dyDescent="0.2">
      <c r="C63" s="3"/>
      <c r="D63" s="3"/>
      <c r="E63" s="3"/>
      <c r="F63" s="3"/>
      <c r="G63" s="3"/>
      <c r="H63" s="3"/>
      <c r="I63" s="3"/>
      <c r="J63" s="3"/>
      <c r="K63" s="3"/>
      <c r="L63" s="3"/>
      <c r="M63" s="3"/>
      <c r="N63" s="3"/>
      <c r="O63" s="3"/>
      <c r="P63" s="3"/>
      <c r="Q63" s="3"/>
      <c r="R63" s="3"/>
      <c r="S63" s="3"/>
      <c r="T63" s="3"/>
      <c r="U63" s="3"/>
      <c r="V63" s="3"/>
      <c r="W63" s="3"/>
      <c r="X63" s="3"/>
      <c r="Y63" s="3"/>
      <c r="Z63" s="3"/>
      <c r="AA63" s="3"/>
      <c r="AB63" s="3"/>
      <c r="AC63" s="3"/>
      <c r="AD63" s="3"/>
      <c r="AE63" s="3"/>
      <c r="AF63" s="3"/>
    </row>
    <row r="64" spans="3:32" x14ac:dyDescent="0.2">
      <c r="C64" s="3"/>
      <c r="D64" s="3"/>
      <c r="E64" s="3"/>
      <c r="F64" s="3"/>
      <c r="G64" s="3"/>
      <c r="H64" s="3"/>
      <c r="I64" s="3"/>
      <c r="J64" s="3"/>
      <c r="K64" s="3"/>
      <c r="L64" s="3"/>
      <c r="M64" s="3"/>
      <c r="N64" s="3"/>
      <c r="O64" s="3"/>
      <c r="P64" s="3"/>
      <c r="Q64" s="3"/>
      <c r="R64" s="3"/>
      <c r="S64" s="3"/>
      <c r="T64" s="3"/>
      <c r="U64" s="3"/>
      <c r="V64" s="3"/>
      <c r="W64" s="3"/>
      <c r="X64" s="3"/>
      <c r="Y64" s="3"/>
      <c r="Z64" s="3"/>
      <c r="AA64" s="3"/>
      <c r="AB64" s="3"/>
      <c r="AC64" s="3"/>
      <c r="AD64" s="3"/>
      <c r="AE64" s="3"/>
      <c r="AF64" s="3"/>
    </row>
    <row r="65" spans="3:32" x14ac:dyDescent="0.2">
      <c r="C65" s="3"/>
      <c r="D65" s="3"/>
      <c r="E65" s="3"/>
      <c r="F65" s="3"/>
      <c r="G65" s="3"/>
      <c r="H65" s="3"/>
      <c r="I65" s="3"/>
      <c r="J65" s="3"/>
      <c r="K65" s="3"/>
      <c r="L65" s="3"/>
      <c r="M65" s="3"/>
      <c r="N65" s="3"/>
      <c r="O65" s="3"/>
      <c r="P65" s="3"/>
      <c r="Q65" s="3"/>
      <c r="R65" s="3"/>
      <c r="S65" s="3"/>
      <c r="T65" s="3"/>
      <c r="U65" s="3"/>
      <c r="V65" s="3"/>
      <c r="W65" s="3"/>
      <c r="X65" s="3"/>
      <c r="Y65" s="3"/>
      <c r="Z65" s="3"/>
      <c r="AA65" s="3"/>
      <c r="AB65" s="3"/>
      <c r="AC65" s="3"/>
      <c r="AD65" s="3"/>
      <c r="AE65" s="3"/>
      <c r="AF65" s="3"/>
    </row>
    <row r="66" spans="3:32" x14ac:dyDescent="0.2">
      <c r="C66" s="3"/>
      <c r="D66" s="3"/>
      <c r="E66" s="3"/>
      <c r="F66" s="3"/>
      <c r="G66" s="3"/>
      <c r="H66" s="3"/>
      <c r="I66" s="3"/>
      <c r="J66" s="3"/>
      <c r="K66" s="3"/>
      <c r="L66" s="3"/>
      <c r="M66" s="3"/>
      <c r="N66" s="3"/>
      <c r="O66" s="3"/>
      <c r="P66" s="3"/>
      <c r="Q66" s="3"/>
      <c r="R66" s="3"/>
      <c r="S66" s="3"/>
      <c r="T66" s="3"/>
      <c r="U66" s="3"/>
      <c r="V66" s="3"/>
      <c r="W66" s="3"/>
      <c r="X66" s="3"/>
      <c r="Y66" s="3"/>
      <c r="Z66" s="3"/>
      <c r="AA66" s="3"/>
      <c r="AB66" s="3"/>
      <c r="AC66" s="3"/>
      <c r="AD66" s="3"/>
      <c r="AE66" s="3"/>
      <c r="AF66" s="3"/>
    </row>
    <row r="67" spans="3:32" x14ac:dyDescent="0.2">
      <c r="C67" s="3"/>
      <c r="D67" s="3"/>
      <c r="E67" s="3"/>
      <c r="F67" s="3"/>
      <c r="G67" s="3"/>
      <c r="H67" s="3"/>
      <c r="I67" s="3"/>
      <c r="J67" s="3"/>
      <c r="K67" s="3"/>
      <c r="L67" s="3"/>
      <c r="M67" s="3"/>
      <c r="N67" s="3"/>
      <c r="O67" s="3"/>
      <c r="P67" s="3"/>
      <c r="Q67" s="3"/>
      <c r="R67" s="3"/>
      <c r="S67" s="3"/>
      <c r="T67" s="3"/>
      <c r="U67" s="3"/>
      <c r="V67" s="3"/>
      <c r="W67" s="3"/>
      <c r="X67" s="3"/>
      <c r="Y67" s="3"/>
      <c r="Z67" s="3"/>
      <c r="AA67" s="3"/>
      <c r="AB67" s="3"/>
      <c r="AC67" s="3"/>
      <c r="AD67" s="3"/>
      <c r="AE67" s="3"/>
      <c r="AF67" s="3"/>
    </row>
    <row r="68" spans="3:32" x14ac:dyDescent="0.2">
      <c r="C68" s="3"/>
      <c r="D68" s="3"/>
      <c r="E68" s="3"/>
      <c r="F68" s="3"/>
      <c r="G68" s="3"/>
      <c r="H68" s="3"/>
      <c r="I68" s="3"/>
      <c r="J68" s="3"/>
      <c r="K68" s="3"/>
      <c r="L68" s="3"/>
      <c r="M68" s="3"/>
      <c r="N68" s="3"/>
      <c r="O68" s="3"/>
      <c r="P68" s="3"/>
      <c r="Q68" s="3"/>
      <c r="R68" s="3"/>
      <c r="S68" s="3"/>
      <c r="T68" s="3"/>
      <c r="U68" s="3"/>
      <c r="V68" s="3"/>
      <c r="W68" s="3"/>
      <c r="X68" s="3"/>
      <c r="Y68" s="3"/>
      <c r="Z68" s="3"/>
      <c r="AA68" s="3"/>
      <c r="AB68" s="3"/>
      <c r="AC68" s="3"/>
      <c r="AD68" s="3"/>
      <c r="AE68" s="3"/>
      <c r="AF68" s="3"/>
    </row>
    <row r="69" spans="3:32" x14ac:dyDescent="0.2">
      <c r="C69" s="3"/>
      <c r="D69" s="3"/>
      <c r="E69" s="3"/>
      <c r="F69" s="3"/>
      <c r="G69" s="3"/>
      <c r="H69" s="3"/>
      <c r="I69" s="3"/>
      <c r="J69" s="3"/>
      <c r="K69" s="3"/>
      <c r="L69" s="3"/>
      <c r="M69" s="3"/>
      <c r="N69" s="3"/>
      <c r="O69" s="3"/>
      <c r="P69" s="3"/>
      <c r="Q69" s="3"/>
      <c r="R69" s="3"/>
      <c r="S69" s="3"/>
      <c r="T69" s="3"/>
      <c r="U69" s="3"/>
      <c r="V69" s="3"/>
      <c r="W69" s="3"/>
      <c r="X69" s="3"/>
      <c r="Y69" s="3"/>
      <c r="Z69" s="3"/>
      <c r="AA69" s="3"/>
      <c r="AB69" s="3"/>
      <c r="AC69" s="3"/>
      <c r="AD69" s="3"/>
      <c r="AE69" s="3"/>
      <c r="AF69" s="3"/>
    </row>
    <row r="70" spans="3:32" x14ac:dyDescent="0.2">
      <c r="C70" s="3"/>
      <c r="D70" s="3"/>
      <c r="E70" s="3"/>
      <c r="F70" s="3"/>
      <c r="G70" s="3"/>
      <c r="H70" s="3"/>
      <c r="I70" s="3"/>
      <c r="J70" s="3"/>
      <c r="K70" s="3"/>
      <c r="L70" s="3"/>
      <c r="M70" s="3"/>
      <c r="N70" s="3"/>
      <c r="O70" s="3"/>
      <c r="P70" s="3"/>
      <c r="Q70" s="3"/>
      <c r="R70" s="3"/>
      <c r="S70" s="3"/>
      <c r="T70" s="3"/>
      <c r="U70" s="3"/>
      <c r="V70" s="3"/>
      <c r="W70" s="3"/>
      <c r="X70" s="3"/>
      <c r="Y70" s="3"/>
      <c r="Z70" s="3"/>
      <c r="AA70" s="3"/>
      <c r="AB70" s="3"/>
      <c r="AC70" s="3"/>
      <c r="AD70" s="3"/>
      <c r="AE70" s="3"/>
      <c r="AF70" s="3"/>
    </row>
    <row r="71" spans="3:32" x14ac:dyDescent="0.2">
      <c r="C71" s="3"/>
      <c r="D71" s="3"/>
      <c r="E71" s="3"/>
      <c r="F71" s="3"/>
      <c r="G71" s="3"/>
      <c r="H71" s="3"/>
      <c r="I71" s="3"/>
      <c r="J71" s="3"/>
      <c r="K71" s="3"/>
      <c r="L71" s="3"/>
      <c r="M71" s="3"/>
      <c r="N71" s="3"/>
      <c r="O71" s="3"/>
      <c r="P71" s="3"/>
      <c r="Q71" s="3"/>
      <c r="R71" s="3"/>
      <c r="S71" s="3"/>
      <c r="T71" s="3"/>
      <c r="U71" s="3"/>
      <c r="V71" s="3"/>
      <c r="W71" s="3"/>
      <c r="X71" s="3"/>
      <c r="Y71" s="3"/>
      <c r="Z71" s="3"/>
      <c r="AA71" s="3"/>
      <c r="AB71" s="3"/>
      <c r="AC71" s="3"/>
      <c r="AD71" s="3"/>
      <c r="AE71" s="3"/>
      <c r="AF71" s="3"/>
    </row>
    <row r="72" spans="3:32" x14ac:dyDescent="0.2">
      <c r="C72" s="3"/>
      <c r="D72" s="3"/>
      <c r="E72" s="3"/>
      <c r="F72" s="3"/>
      <c r="G72" s="3"/>
      <c r="H72" s="3"/>
      <c r="I72" s="3"/>
      <c r="J72" s="3"/>
      <c r="K72" s="3"/>
      <c r="L72" s="3"/>
      <c r="M72" s="3"/>
      <c r="N72" s="3"/>
      <c r="O72" s="3"/>
      <c r="P72" s="3"/>
      <c r="Q72" s="3"/>
      <c r="R72" s="3"/>
      <c r="S72" s="3"/>
      <c r="T72" s="3"/>
      <c r="U72" s="3"/>
      <c r="V72" s="3"/>
      <c r="W72" s="3"/>
      <c r="X72" s="3"/>
      <c r="Y72" s="3"/>
      <c r="Z72" s="3"/>
      <c r="AA72" s="3"/>
      <c r="AB72" s="3"/>
      <c r="AC72" s="3"/>
      <c r="AD72" s="3"/>
      <c r="AE72" s="3"/>
      <c r="AF72" s="3"/>
    </row>
    <row r="73" spans="3:32" x14ac:dyDescent="0.2">
      <c r="C73" s="3"/>
      <c r="D73" s="3"/>
      <c r="E73" s="3"/>
      <c r="F73" s="3"/>
      <c r="G73" s="3"/>
      <c r="H73" s="3"/>
      <c r="I73" s="3"/>
      <c r="J73" s="3"/>
      <c r="K73" s="3"/>
      <c r="L73" s="3"/>
      <c r="M73" s="3"/>
      <c r="N73" s="3"/>
      <c r="O73" s="3"/>
      <c r="P73" s="3"/>
      <c r="Q73" s="3"/>
      <c r="R73" s="3"/>
      <c r="S73" s="3"/>
      <c r="T73" s="3"/>
      <c r="U73" s="3"/>
      <c r="V73" s="3"/>
      <c r="W73" s="3"/>
      <c r="X73" s="3"/>
      <c r="Y73" s="3"/>
      <c r="Z73" s="3"/>
      <c r="AA73" s="3"/>
      <c r="AB73" s="3"/>
      <c r="AC73" s="3"/>
      <c r="AD73" s="3"/>
      <c r="AE73" s="3"/>
      <c r="AF73" s="3"/>
    </row>
    <row r="74" spans="3:32" x14ac:dyDescent="0.2">
      <c r="C74" s="3"/>
      <c r="D74" s="3"/>
      <c r="E74" s="3"/>
      <c r="F74" s="3"/>
      <c r="G74" s="3"/>
      <c r="H74" s="3"/>
      <c r="I74" s="3"/>
      <c r="J74" s="3"/>
      <c r="K74" s="3"/>
      <c r="L74" s="3"/>
      <c r="M74" s="3"/>
      <c r="N74" s="3"/>
      <c r="O74" s="3"/>
      <c r="P74" s="3"/>
      <c r="Q74" s="3"/>
      <c r="R74" s="3"/>
      <c r="S74" s="3"/>
      <c r="T74" s="3"/>
      <c r="U74" s="3"/>
      <c r="V74" s="3"/>
      <c r="W74" s="3"/>
      <c r="X74" s="3"/>
      <c r="Y74" s="3"/>
      <c r="Z74" s="3"/>
      <c r="AA74" s="3"/>
      <c r="AB74" s="3"/>
      <c r="AC74" s="3"/>
      <c r="AD74" s="3"/>
      <c r="AE74" s="3"/>
      <c r="AF74" s="3"/>
    </row>
    <row r="75" spans="3:32" x14ac:dyDescent="0.2">
      <c r="C75" s="3"/>
      <c r="D75" s="3"/>
      <c r="E75" s="3"/>
      <c r="F75" s="3"/>
      <c r="G75" s="3"/>
      <c r="H75" s="3"/>
      <c r="I75" s="3"/>
      <c r="J75" s="3"/>
      <c r="K75" s="3"/>
      <c r="L75" s="3"/>
      <c r="M75" s="3"/>
      <c r="N75" s="3"/>
      <c r="O75" s="3"/>
      <c r="P75" s="3"/>
      <c r="Q75" s="3"/>
      <c r="R75" s="3"/>
      <c r="S75" s="3"/>
      <c r="T75" s="3"/>
      <c r="U75" s="3"/>
      <c r="V75" s="3"/>
      <c r="W75" s="3"/>
      <c r="X75" s="3"/>
      <c r="Y75" s="3"/>
      <c r="Z75" s="3"/>
      <c r="AA75" s="3"/>
      <c r="AB75" s="3"/>
      <c r="AC75" s="3"/>
      <c r="AD75" s="3"/>
      <c r="AE75" s="3"/>
      <c r="AF75" s="3"/>
    </row>
    <row r="76" spans="3:32" x14ac:dyDescent="0.2">
      <c r="C76" s="3"/>
      <c r="D76" s="3"/>
      <c r="E76" s="3"/>
      <c r="F76" s="3"/>
      <c r="G76" s="3"/>
      <c r="H76" s="3"/>
      <c r="I76" s="3"/>
      <c r="J76" s="3"/>
      <c r="K76" s="3"/>
      <c r="L76" s="3"/>
      <c r="M76" s="3"/>
      <c r="N76" s="3"/>
      <c r="O76" s="3"/>
      <c r="P76" s="3"/>
      <c r="Q76" s="3"/>
      <c r="R76" s="3"/>
      <c r="S76" s="3"/>
      <c r="T76" s="3"/>
      <c r="U76" s="3"/>
      <c r="V76" s="3"/>
      <c r="W76" s="3"/>
      <c r="X76" s="3"/>
      <c r="Y76" s="3"/>
      <c r="Z76" s="3"/>
      <c r="AA76" s="3"/>
      <c r="AB76" s="3"/>
      <c r="AC76" s="3"/>
      <c r="AD76" s="3"/>
      <c r="AE76" s="3"/>
      <c r="AF76" s="3"/>
    </row>
    <row r="77" spans="3:32" x14ac:dyDescent="0.2">
      <c r="C77" s="3"/>
      <c r="D77" s="3"/>
      <c r="E77" s="3"/>
      <c r="F77" s="3"/>
      <c r="G77" s="3"/>
      <c r="H77" s="3"/>
      <c r="I77" s="3"/>
      <c r="J77" s="3"/>
      <c r="K77" s="3"/>
      <c r="L77" s="3"/>
      <c r="M77" s="3"/>
      <c r="N77" s="3"/>
      <c r="O77" s="3"/>
      <c r="P77" s="3"/>
      <c r="Q77" s="3"/>
      <c r="R77" s="3"/>
      <c r="S77" s="3"/>
      <c r="T77" s="3"/>
      <c r="U77" s="3"/>
      <c r="V77" s="3"/>
      <c r="W77" s="3"/>
      <c r="X77" s="3"/>
      <c r="Y77" s="3"/>
      <c r="Z77" s="3"/>
      <c r="AA77" s="3"/>
      <c r="AB77" s="3"/>
      <c r="AC77" s="3"/>
      <c r="AD77" s="3"/>
      <c r="AE77" s="3"/>
      <c r="AF77" s="3"/>
    </row>
    <row r="78" spans="3:32" x14ac:dyDescent="0.2">
      <c r="C78" s="3"/>
      <c r="D78" s="3"/>
      <c r="E78" s="3"/>
      <c r="F78" s="3"/>
      <c r="G78" s="3"/>
      <c r="H78" s="3"/>
      <c r="I78" s="3"/>
      <c r="J78" s="3"/>
      <c r="K78" s="3"/>
      <c r="L78" s="3"/>
      <c r="M78" s="3"/>
      <c r="N78" s="3"/>
      <c r="O78" s="3"/>
      <c r="P78" s="3"/>
      <c r="Q78" s="3"/>
      <c r="R78" s="3"/>
      <c r="S78" s="3"/>
      <c r="T78" s="3"/>
      <c r="U78" s="3"/>
      <c r="V78" s="3"/>
      <c r="W78" s="3"/>
      <c r="X78" s="3"/>
      <c r="Y78" s="3"/>
      <c r="Z78" s="3"/>
      <c r="AA78" s="3"/>
      <c r="AB78" s="3"/>
      <c r="AC78" s="3"/>
      <c r="AD78" s="3"/>
      <c r="AE78" s="3"/>
      <c r="AF78" s="3"/>
    </row>
    <row r="79" spans="3:32" x14ac:dyDescent="0.2">
      <c r="C79" s="3"/>
      <c r="D79" s="3"/>
      <c r="E79" s="3"/>
      <c r="F79" s="3"/>
      <c r="G79" s="3"/>
      <c r="H79" s="3"/>
      <c r="I79" s="3"/>
      <c r="J79" s="3"/>
      <c r="K79" s="3"/>
      <c r="L79" s="3"/>
      <c r="M79" s="3"/>
      <c r="N79" s="3"/>
      <c r="O79" s="3"/>
      <c r="P79" s="3"/>
      <c r="Q79" s="3"/>
      <c r="R79" s="3"/>
      <c r="S79" s="3"/>
      <c r="T79" s="3"/>
      <c r="U79" s="3"/>
      <c r="V79" s="3"/>
      <c r="W79" s="3"/>
      <c r="X79" s="3"/>
      <c r="Y79" s="3"/>
      <c r="Z79" s="3"/>
      <c r="AA79" s="3"/>
      <c r="AB79" s="3"/>
      <c r="AC79" s="3"/>
      <c r="AD79" s="3"/>
      <c r="AE79" s="3"/>
      <c r="AF79" s="3"/>
    </row>
    <row r="80" spans="3:32" x14ac:dyDescent="0.2">
      <c r="C80" s="3"/>
      <c r="D80" s="3"/>
      <c r="E80" s="3"/>
      <c r="F80" s="3"/>
      <c r="G80" s="3"/>
      <c r="H80" s="3"/>
      <c r="I80" s="3"/>
      <c r="J80" s="3"/>
      <c r="K80" s="3"/>
      <c r="L80" s="3"/>
      <c r="M80" s="3"/>
      <c r="N80" s="3"/>
      <c r="O80" s="3"/>
      <c r="P80" s="3"/>
      <c r="Q80" s="3"/>
      <c r="R80" s="3"/>
      <c r="S80" s="3"/>
      <c r="T80" s="3"/>
      <c r="U80" s="3"/>
      <c r="V80" s="3"/>
      <c r="W80" s="3"/>
      <c r="X80" s="3"/>
      <c r="Y80" s="3"/>
      <c r="Z80" s="3"/>
      <c r="AA80" s="3"/>
      <c r="AB80" s="3"/>
      <c r="AC80" s="3"/>
      <c r="AD80" s="3"/>
      <c r="AE80" s="3"/>
      <c r="AF80" s="3"/>
    </row>
    <row r="81" spans="3:32" x14ac:dyDescent="0.2">
      <c r="C81" s="3"/>
      <c r="D81" s="3"/>
      <c r="E81" s="3"/>
      <c r="F81" s="3"/>
      <c r="G81" s="3"/>
      <c r="H81" s="3"/>
      <c r="I81" s="3"/>
      <c r="J81" s="3"/>
      <c r="K81" s="3"/>
      <c r="L81" s="3"/>
      <c r="M81" s="3"/>
      <c r="N81" s="3"/>
      <c r="O81" s="3"/>
      <c r="P81" s="3"/>
      <c r="Q81" s="3"/>
      <c r="R81" s="3"/>
      <c r="S81" s="3"/>
      <c r="T81" s="3"/>
      <c r="U81" s="3"/>
      <c r="V81" s="3"/>
      <c r="W81" s="3"/>
      <c r="X81" s="3"/>
      <c r="Y81" s="3"/>
      <c r="Z81" s="3"/>
      <c r="AA81" s="3"/>
      <c r="AB81" s="3"/>
      <c r="AC81" s="3"/>
      <c r="AD81" s="3"/>
      <c r="AE81" s="3"/>
      <c r="AF81" s="3"/>
    </row>
    <row r="82" spans="3:32" x14ac:dyDescent="0.2">
      <c r="C82" s="3"/>
      <c r="D82" s="3"/>
      <c r="E82" s="3"/>
      <c r="F82" s="3"/>
      <c r="G82" s="3"/>
      <c r="H82" s="3"/>
      <c r="I82" s="3"/>
      <c r="J82" s="3"/>
      <c r="K82" s="3"/>
      <c r="L82" s="3"/>
      <c r="M82" s="3"/>
      <c r="N82" s="3"/>
      <c r="O82" s="3"/>
      <c r="P82" s="3"/>
      <c r="Q82" s="3"/>
      <c r="R82" s="3"/>
      <c r="S82" s="3"/>
      <c r="T82" s="3"/>
      <c r="U82" s="3"/>
      <c r="V82" s="3"/>
      <c r="W82" s="3"/>
      <c r="X82" s="3"/>
      <c r="Y82" s="3"/>
      <c r="Z82" s="3"/>
      <c r="AA82" s="3"/>
      <c r="AB82" s="3"/>
      <c r="AC82" s="3"/>
      <c r="AD82" s="3"/>
      <c r="AE82" s="3"/>
      <c r="AF82" s="3"/>
    </row>
    <row r="83" spans="3:32" x14ac:dyDescent="0.2">
      <c r="C83" s="3"/>
      <c r="D83" s="3"/>
      <c r="E83" s="3"/>
      <c r="F83" s="3"/>
      <c r="G83" s="3"/>
      <c r="H83" s="3"/>
      <c r="I83" s="3"/>
      <c r="J83" s="3"/>
      <c r="K83" s="3"/>
      <c r="L83" s="3"/>
      <c r="M83" s="3"/>
      <c r="N83" s="3"/>
      <c r="O83" s="3"/>
      <c r="P83" s="3"/>
      <c r="Q83" s="3"/>
      <c r="R83" s="3"/>
      <c r="S83" s="3"/>
      <c r="T83" s="3"/>
      <c r="U83" s="3"/>
      <c r="V83" s="3"/>
      <c r="W83" s="3"/>
      <c r="X83" s="3"/>
      <c r="Y83" s="3"/>
      <c r="Z83" s="3"/>
      <c r="AA83" s="3"/>
      <c r="AB83" s="3"/>
      <c r="AC83" s="3"/>
      <c r="AD83" s="3"/>
      <c r="AE83" s="3"/>
      <c r="AF83" s="3"/>
    </row>
    <row r="84" spans="3:32" x14ac:dyDescent="0.2">
      <c r="C84" s="3"/>
      <c r="D84" s="3"/>
      <c r="E84" s="3"/>
      <c r="F84" s="3"/>
      <c r="G84" s="3"/>
      <c r="H84" s="3"/>
      <c r="I84" s="3"/>
      <c r="J84" s="3"/>
      <c r="K84" s="3"/>
      <c r="L84" s="3"/>
      <c r="M84" s="3"/>
      <c r="N84" s="3"/>
      <c r="O84" s="3"/>
      <c r="P84" s="3"/>
      <c r="Q84" s="3"/>
      <c r="R84" s="3"/>
      <c r="S84" s="3"/>
      <c r="T84" s="3"/>
      <c r="U84" s="3"/>
      <c r="V84" s="3"/>
      <c r="W84" s="3"/>
      <c r="X84" s="3"/>
      <c r="Y84" s="3"/>
      <c r="Z84" s="3"/>
      <c r="AA84" s="3"/>
      <c r="AB84" s="3"/>
      <c r="AC84" s="3"/>
      <c r="AD84" s="3"/>
      <c r="AE84" s="3"/>
      <c r="AF84" s="3"/>
    </row>
    <row r="85" spans="3:32" x14ac:dyDescent="0.2">
      <c r="C85" s="3"/>
      <c r="D85" s="3"/>
      <c r="E85" s="3"/>
      <c r="F85" s="3"/>
      <c r="G85" s="3"/>
      <c r="H85" s="3"/>
      <c r="I85" s="3"/>
      <c r="J85" s="3"/>
      <c r="K85" s="3"/>
      <c r="L85" s="3"/>
      <c r="M85" s="3"/>
      <c r="N85" s="3"/>
      <c r="O85" s="3"/>
      <c r="P85" s="3"/>
      <c r="Q85" s="3"/>
      <c r="R85" s="3"/>
      <c r="S85" s="3"/>
      <c r="T85" s="3"/>
      <c r="U85" s="3"/>
      <c r="V85" s="3"/>
      <c r="W85" s="3"/>
      <c r="X85" s="3"/>
      <c r="Y85" s="3"/>
      <c r="Z85" s="3"/>
      <c r="AA85" s="3"/>
      <c r="AB85" s="3"/>
      <c r="AC85" s="3"/>
      <c r="AD85" s="3"/>
      <c r="AE85" s="3"/>
      <c r="AF85" s="3"/>
    </row>
    <row r="86" spans="3:32" x14ac:dyDescent="0.2">
      <c r="C86" s="3"/>
      <c r="D86" s="3"/>
      <c r="E86" s="3"/>
      <c r="F86" s="3"/>
      <c r="G86" s="3"/>
      <c r="H86" s="3"/>
      <c r="I86" s="3"/>
      <c r="J86" s="3"/>
      <c r="K86" s="3"/>
      <c r="L86" s="3"/>
      <c r="M86" s="3"/>
      <c r="N86" s="3"/>
      <c r="O86" s="3"/>
      <c r="P86" s="3"/>
      <c r="Q86" s="3"/>
      <c r="R86" s="3"/>
      <c r="S86" s="3"/>
      <c r="T86" s="3"/>
      <c r="U86" s="3"/>
      <c r="V86" s="3"/>
      <c r="W86" s="3"/>
      <c r="X86" s="3"/>
      <c r="Y86" s="3"/>
      <c r="Z86" s="3"/>
      <c r="AA86" s="3"/>
      <c r="AB86" s="3"/>
      <c r="AC86" s="3"/>
      <c r="AD86" s="3"/>
      <c r="AE86" s="3"/>
      <c r="AF86" s="3"/>
    </row>
    <row r="87" spans="3:32" x14ac:dyDescent="0.2">
      <c r="C87" s="3"/>
      <c r="D87" s="3"/>
      <c r="E87" s="3"/>
      <c r="F87" s="3"/>
      <c r="G87" s="3"/>
      <c r="H87" s="3"/>
      <c r="I87" s="3"/>
      <c r="J87" s="3"/>
      <c r="K87" s="3"/>
      <c r="L87" s="3"/>
      <c r="M87" s="3"/>
      <c r="N87" s="3"/>
      <c r="O87" s="3"/>
      <c r="P87" s="3"/>
      <c r="Q87" s="3"/>
      <c r="R87" s="3"/>
      <c r="S87" s="3"/>
      <c r="T87" s="3"/>
      <c r="U87" s="3"/>
      <c r="V87" s="3"/>
      <c r="W87" s="3"/>
      <c r="X87" s="3"/>
      <c r="Y87" s="3"/>
      <c r="Z87" s="3"/>
      <c r="AA87" s="3"/>
      <c r="AB87" s="3"/>
      <c r="AC87" s="3"/>
      <c r="AD87" s="3"/>
      <c r="AE87" s="3"/>
      <c r="AF87" s="3"/>
    </row>
    <row r="88" spans="3:32" x14ac:dyDescent="0.2">
      <c r="C88" s="3"/>
      <c r="D88" s="3"/>
      <c r="E88" s="3"/>
      <c r="F88" s="3"/>
      <c r="G88" s="3"/>
      <c r="H88" s="3"/>
      <c r="I88" s="3"/>
      <c r="J88" s="3"/>
      <c r="K88" s="3"/>
      <c r="L88" s="3"/>
      <c r="M88" s="3"/>
      <c r="N88" s="3"/>
      <c r="O88" s="3"/>
      <c r="P88" s="3"/>
      <c r="Q88" s="3"/>
      <c r="R88" s="3"/>
      <c r="S88" s="3"/>
      <c r="T88" s="3"/>
      <c r="U88" s="3"/>
      <c r="V88" s="3"/>
      <c r="W88" s="3"/>
      <c r="X88" s="3"/>
      <c r="Y88" s="3"/>
      <c r="Z88" s="3"/>
      <c r="AA88" s="3"/>
      <c r="AB88" s="3"/>
      <c r="AC88" s="3"/>
      <c r="AD88" s="3"/>
      <c r="AE88" s="3"/>
      <c r="AF88" s="3"/>
    </row>
    <row r="89" spans="3:32" x14ac:dyDescent="0.2">
      <c r="C89" s="3"/>
      <c r="D89" s="3"/>
      <c r="E89" s="3"/>
      <c r="F89" s="3"/>
      <c r="G89" s="3"/>
      <c r="H89" s="3"/>
      <c r="I89" s="3"/>
      <c r="J89" s="3"/>
      <c r="K89" s="3"/>
      <c r="L89" s="3"/>
      <c r="M89" s="3"/>
      <c r="N89" s="3"/>
      <c r="O89" s="3"/>
      <c r="P89" s="3"/>
      <c r="Q89" s="3"/>
      <c r="R89" s="3"/>
      <c r="S89" s="3"/>
      <c r="T89" s="3"/>
      <c r="U89" s="3"/>
      <c r="V89" s="3"/>
      <c r="W89" s="3"/>
      <c r="X89" s="3"/>
      <c r="Y89" s="3"/>
      <c r="Z89" s="3"/>
      <c r="AA89" s="3"/>
      <c r="AB89" s="3"/>
      <c r="AC89" s="3"/>
      <c r="AD89" s="3"/>
      <c r="AE89" s="3"/>
      <c r="AF89" s="3"/>
    </row>
    <row r="90" spans="3:32" x14ac:dyDescent="0.2">
      <c r="C90" s="3"/>
      <c r="D90" s="3"/>
      <c r="E90" s="3"/>
      <c r="F90" s="3"/>
      <c r="G90" s="3"/>
      <c r="H90" s="3"/>
      <c r="I90" s="3"/>
      <c r="J90" s="3"/>
      <c r="K90" s="3"/>
      <c r="L90" s="3"/>
      <c r="M90" s="3"/>
      <c r="N90" s="3"/>
      <c r="O90" s="3"/>
      <c r="P90" s="3"/>
      <c r="Q90" s="3"/>
      <c r="R90" s="3"/>
      <c r="S90" s="3"/>
      <c r="T90" s="3"/>
      <c r="U90" s="3"/>
      <c r="V90" s="3"/>
      <c r="W90" s="3"/>
      <c r="X90" s="3"/>
      <c r="Y90" s="3"/>
      <c r="Z90" s="3"/>
      <c r="AA90" s="3"/>
      <c r="AB90" s="3"/>
      <c r="AC90" s="3"/>
      <c r="AD90" s="3"/>
      <c r="AE90" s="3"/>
      <c r="AF90" s="3"/>
    </row>
    <row r="91" spans="3:32" x14ac:dyDescent="0.2">
      <c r="C91" s="3"/>
      <c r="D91" s="3"/>
      <c r="E91" s="3"/>
      <c r="F91" s="3"/>
      <c r="G91" s="3"/>
      <c r="H91" s="3"/>
      <c r="I91" s="3"/>
      <c r="J91" s="3"/>
      <c r="K91" s="3"/>
      <c r="L91" s="3"/>
      <c r="M91" s="3"/>
      <c r="N91" s="3"/>
      <c r="O91" s="3"/>
      <c r="P91" s="3"/>
      <c r="Q91" s="3"/>
      <c r="R91" s="3"/>
      <c r="S91" s="3"/>
      <c r="T91" s="3"/>
      <c r="U91" s="3"/>
      <c r="V91" s="3"/>
      <c r="W91" s="3"/>
      <c r="X91" s="3"/>
      <c r="Y91" s="3"/>
      <c r="Z91" s="3"/>
      <c r="AA91" s="3"/>
      <c r="AB91" s="3"/>
      <c r="AC91" s="3"/>
      <c r="AD91" s="3"/>
      <c r="AE91" s="3"/>
      <c r="AF91" s="3"/>
    </row>
    <row r="92" spans="3:32" x14ac:dyDescent="0.2">
      <c r="C92" s="3"/>
      <c r="D92" s="3"/>
      <c r="E92" s="3"/>
      <c r="F92" s="3"/>
      <c r="G92" s="3"/>
      <c r="H92" s="3"/>
      <c r="I92" s="3"/>
      <c r="J92" s="3"/>
      <c r="K92" s="3"/>
      <c r="L92" s="3"/>
      <c r="M92" s="3"/>
      <c r="N92" s="3"/>
      <c r="O92" s="3"/>
      <c r="P92" s="3"/>
      <c r="Q92" s="3"/>
      <c r="R92" s="3"/>
      <c r="S92" s="3"/>
      <c r="T92" s="3"/>
      <c r="U92" s="3"/>
      <c r="V92" s="3"/>
      <c r="W92" s="3"/>
      <c r="X92" s="3"/>
      <c r="Y92" s="3"/>
      <c r="Z92" s="3"/>
      <c r="AA92" s="3"/>
      <c r="AB92" s="3"/>
      <c r="AC92" s="3"/>
      <c r="AD92" s="3"/>
      <c r="AE92" s="3"/>
      <c r="AF92" s="3"/>
    </row>
    <row r="93" spans="3:32" x14ac:dyDescent="0.2">
      <c r="C93" s="3"/>
      <c r="D93" s="3"/>
      <c r="E93" s="3"/>
      <c r="F93" s="3"/>
      <c r="G93" s="3"/>
      <c r="H93" s="3"/>
      <c r="I93" s="3"/>
      <c r="J93" s="3"/>
      <c r="K93" s="3"/>
      <c r="L93" s="3"/>
      <c r="M93" s="3"/>
      <c r="N93" s="3"/>
      <c r="O93" s="3"/>
      <c r="P93" s="3"/>
      <c r="Q93" s="3"/>
      <c r="R93" s="3"/>
      <c r="S93" s="3"/>
      <c r="T93" s="3"/>
      <c r="U93" s="3"/>
      <c r="V93" s="3"/>
      <c r="W93" s="3"/>
      <c r="X93" s="3"/>
      <c r="Y93" s="3"/>
      <c r="Z93" s="3"/>
      <c r="AA93" s="3"/>
      <c r="AB93" s="3"/>
      <c r="AC93" s="3"/>
      <c r="AD93" s="3"/>
      <c r="AE93" s="3"/>
      <c r="AF93" s="3"/>
    </row>
    <row r="94" spans="3:32" x14ac:dyDescent="0.2">
      <c r="C94" s="3"/>
      <c r="D94" s="3"/>
      <c r="E94" s="3"/>
      <c r="F94" s="3"/>
      <c r="G94" s="3"/>
      <c r="H94" s="3"/>
      <c r="I94" s="3"/>
      <c r="J94" s="3"/>
      <c r="K94" s="3"/>
      <c r="L94" s="3"/>
      <c r="M94" s="3"/>
      <c r="N94" s="3"/>
      <c r="O94" s="3"/>
      <c r="P94" s="3"/>
      <c r="Q94" s="3"/>
      <c r="R94" s="3"/>
      <c r="S94" s="3"/>
      <c r="T94" s="3"/>
      <c r="U94" s="3"/>
      <c r="V94" s="3"/>
      <c r="W94" s="3"/>
      <c r="X94" s="3"/>
      <c r="Y94" s="3"/>
      <c r="Z94" s="3"/>
      <c r="AA94" s="3"/>
      <c r="AB94" s="3"/>
      <c r="AC94" s="3"/>
      <c r="AD94" s="3"/>
      <c r="AE94" s="3"/>
      <c r="AF94" s="3"/>
    </row>
    <row r="95" spans="3:32" x14ac:dyDescent="0.2">
      <c r="C95" s="3"/>
      <c r="D95" s="3"/>
      <c r="E95" s="3"/>
      <c r="F95" s="3"/>
      <c r="G95" s="3"/>
      <c r="H95" s="3"/>
      <c r="I95" s="3"/>
      <c r="J95" s="3"/>
      <c r="K95" s="3"/>
      <c r="L95" s="3"/>
      <c r="M95" s="3"/>
      <c r="N95" s="3"/>
      <c r="O95" s="3"/>
      <c r="P95" s="3"/>
      <c r="Q95" s="3"/>
      <c r="R95" s="3"/>
      <c r="S95" s="3"/>
      <c r="T95" s="3"/>
      <c r="U95" s="3"/>
      <c r="V95" s="3"/>
      <c r="W95" s="3"/>
      <c r="X95" s="3"/>
      <c r="Y95" s="3"/>
      <c r="Z95" s="3"/>
      <c r="AA95" s="3"/>
      <c r="AB95" s="3"/>
      <c r="AC95" s="3"/>
      <c r="AD95" s="3"/>
      <c r="AE95" s="3"/>
      <c r="AF95" s="3"/>
    </row>
    <row r="96" spans="3:32" x14ac:dyDescent="0.2">
      <c r="C96" s="3"/>
      <c r="D96" s="3"/>
      <c r="E96" s="3"/>
      <c r="F96" s="3"/>
      <c r="G96" s="3"/>
      <c r="H96" s="3"/>
      <c r="I96" s="3"/>
      <c r="J96" s="3"/>
      <c r="K96" s="3"/>
      <c r="L96" s="3"/>
      <c r="M96" s="3"/>
      <c r="N96" s="3"/>
      <c r="O96" s="3"/>
      <c r="P96" s="3"/>
      <c r="Q96" s="3"/>
      <c r="R96" s="3"/>
      <c r="S96" s="3"/>
      <c r="T96" s="3"/>
      <c r="U96" s="3"/>
      <c r="V96" s="3"/>
      <c r="W96" s="3"/>
      <c r="X96" s="3"/>
      <c r="Y96" s="3"/>
      <c r="Z96" s="3"/>
      <c r="AA96" s="3"/>
      <c r="AB96" s="3"/>
      <c r="AC96" s="3"/>
      <c r="AD96" s="3"/>
      <c r="AE96" s="3"/>
      <c r="AF96" s="3"/>
    </row>
    <row r="97" spans="3:32" x14ac:dyDescent="0.2">
      <c r="C97" s="3"/>
      <c r="D97" s="3"/>
      <c r="E97" s="3"/>
      <c r="F97" s="3"/>
      <c r="G97" s="3"/>
      <c r="H97" s="3"/>
      <c r="I97" s="3"/>
      <c r="J97" s="3"/>
      <c r="K97" s="3"/>
      <c r="L97" s="3"/>
      <c r="M97" s="3"/>
      <c r="N97" s="3"/>
      <c r="O97" s="3"/>
      <c r="P97" s="3"/>
      <c r="Q97" s="3"/>
      <c r="R97" s="3"/>
      <c r="S97" s="3"/>
      <c r="T97" s="3"/>
      <c r="U97" s="3"/>
      <c r="V97" s="3"/>
      <c r="W97" s="3"/>
      <c r="X97" s="3"/>
      <c r="Y97" s="3"/>
      <c r="Z97" s="3"/>
      <c r="AA97" s="3"/>
      <c r="AB97" s="3"/>
      <c r="AC97" s="3"/>
      <c r="AD97" s="3"/>
      <c r="AE97" s="3"/>
      <c r="AF97" s="3"/>
    </row>
    <row r="98" spans="3:32" x14ac:dyDescent="0.2">
      <c r="C98" s="3"/>
      <c r="D98" s="3"/>
      <c r="E98" s="3"/>
      <c r="F98" s="3"/>
      <c r="G98" s="3"/>
      <c r="H98" s="3"/>
      <c r="I98" s="3"/>
      <c r="J98" s="3"/>
      <c r="K98" s="3"/>
      <c r="L98" s="3"/>
      <c r="M98" s="3"/>
      <c r="N98" s="3"/>
      <c r="O98" s="3"/>
      <c r="P98" s="3"/>
      <c r="Q98" s="3"/>
      <c r="R98" s="3"/>
      <c r="S98" s="3"/>
      <c r="T98" s="3"/>
      <c r="U98" s="3"/>
      <c r="V98" s="3"/>
      <c r="W98" s="3"/>
      <c r="X98" s="3"/>
      <c r="Y98" s="3"/>
      <c r="Z98" s="3"/>
      <c r="AA98" s="3"/>
      <c r="AB98" s="3"/>
      <c r="AC98" s="3"/>
      <c r="AD98" s="3"/>
      <c r="AE98" s="3"/>
      <c r="AF98" s="3"/>
    </row>
    <row r="99" spans="3:32" x14ac:dyDescent="0.2">
      <c r="C99" s="3"/>
      <c r="D99" s="3"/>
      <c r="E99" s="3"/>
      <c r="F99" s="3"/>
      <c r="G99" s="3"/>
      <c r="H99" s="3"/>
      <c r="I99" s="3"/>
      <c r="J99" s="3"/>
      <c r="K99" s="3"/>
      <c r="L99" s="3"/>
      <c r="M99" s="3"/>
      <c r="N99" s="3"/>
      <c r="O99" s="3"/>
      <c r="P99" s="3"/>
      <c r="Q99" s="3"/>
      <c r="R99" s="3"/>
      <c r="S99" s="3"/>
      <c r="T99" s="3"/>
      <c r="U99" s="3"/>
      <c r="V99" s="3"/>
      <c r="W99" s="3"/>
      <c r="X99" s="3"/>
      <c r="Y99" s="3"/>
      <c r="Z99" s="3"/>
      <c r="AA99" s="3"/>
      <c r="AB99" s="3"/>
      <c r="AC99" s="3"/>
      <c r="AD99" s="3"/>
      <c r="AE99" s="3"/>
      <c r="AF99" s="3"/>
    </row>
    <row r="100" spans="3:32" x14ac:dyDescent="0.2">
      <c r="C100" s="3"/>
      <c r="D100" s="3"/>
      <c r="E100" s="3"/>
      <c r="F100" s="3"/>
      <c r="G100" s="3"/>
      <c r="H100" s="3"/>
      <c r="I100" s="3"/>
      <c r="J100" s="3"/>
      <c r="K100" s="3"/>
      <c r="L100" s="3"/>
      <c r="M100" s="3"/>
      <c r="N100" s="3"/>
      <c r="O100" s="3"/>
      <c r="P100" s="3"/>
      <c r="Q100" s="3"/>
      <c r="R100" s="3"/>
      <c r="S100" s="3"/>
      <c r="T100" s="3"/>
      <c r="U100" s="3"/>
      <c r="V100" s="3"/>
      <c r="W100" s="3"/>
      <c r="X100" s="3"/>
      <c r="Y100" s="3"/>
      <c r="Z100" s="3"/>
      <c r="AA100" s="3"/>
      <c r="AB100" s="3"/>
      <c r="AC100" s="3"/>
      <c r="AD100" s="3"/>
      <c r="AE100" s="3"/>
      <c r="AF100" s="3"/>
    </row>
    <row r="101" spans="3:32" x14ac:dyDescent="0.2">
      <c r="C101" s="3"/>
      <c r="D101" s="3"/>
      <c r="E101" s="3"/>
      <c r="F101" s="3"/>
      <c r="G101" s="3"/>
      <c r="H101" s="3"/>
      <c r="I101" s="3"/>
      <c r="J101" s="3"/>
      <c r="K101" s="3"/>
      <c r="L101" s="3"/>
      <c r="M101" s="3"/>
      <c r="N101" s="3"/>
      <c r="O101" s="3"/>
      <c r="P101" s="3"/>
      <c r="Q101" s="3"/>
      <c r="R101" s="3"/>
      <c r="S101" s="3"/>
      <c r="T101" s="3"/>
      <c r="U101" s="3"/>
      <c r="V101" s="3"/>
      <c r="W101" s="3"/>
      <c r="X101" s="3"/>
      <c r="Y101" s="3"/>
      <c r="Z101" s="3"/>
      <c r="AA101" s="3"/>
      <c r="AB101" s="3"/>
      <c r="AC101" s="3"/>
      <c r="AD101" s="3"/>
      <c r="AE101" s="3"/>
      <c r="AF101" s="3"/>
    </row>
    <row r="102" spans="3:32" x14ac:dyDescent="0.2">
      <c r="C102" s="3"/>
      <c r="D102" s="3"/>
      <c r="E102" s="3"/>
      <c r="F102" s="3"/>
      <c r="G102" s="3"/>
      <c r="H102" s="3"/>
      <c r="I102" s="3"/>
      <c r="J102" s="3"/>
      <c r="K102" s="3"/>
      <c r="L102" s="3"/>
      <c r="M102" s="3"/>
      <c r="N102" s="3"/>
      <c r="O102" s="3"/>
      <c r="P102" s="3"/>
      <c r="Q102" s="3"/>
      <c r="R102" s="3"/>
      <c r="S102" s="3"/>
      <c r="T102" s="3"/>
      <c r="U102" s="3"/>
      <c r="V102" s="3"/>
      <c r="W102" s="3"/>
      <c r="X102" s="3"/>
      <c r="Y102" s="3"/>
      <c r="Z102" s="3"/>
      <c r="AA102" s="3"/>
      <c r="AB102" s="3"/>
      <c r="AC102" s="3"/>
      <c r="AD102" s="3"/>
      <c r="AE102" s="3"/>
      <c r="AF102" s="3"/>
    </row>
    <row r="103" spans="3:32" x14ac:dyDescent="0.2">
      <c r="C103" s="3"/>
      <c r="D103" s="3"/>
      <c r="E103" s="3"/>
      <c r="F103" s="3"/>
      <c r="G103" s="3"/>
      <c r="H103" s="3"/>
      <c r="I103" s="3"/>
      <c r="J103" s="3"/>
      <c r="K103" s="3"/>
      <c r="L103" s="3"/>
      <c r="M103" s="3"/>
      <c r="N103" s="3"/>
      <c r="O103" s="3"/>
      <c r="P103" s="3"/>
      <c r="Q103" s="3"/>
      <c r="R103" s="3"/>
      <c r="S103" s="3"/>
      <c r="T103" s="3"/>
      <c r="U103" s="3"/>
      <c r="V103" s="3"/>
      <c r="W103" s="3"/>
      <c r="X103" s="3"/>
      <c r="Y103" s="3"/>
      <c r="Z103" s="3"/>
      <c r="AA103" s="3"/>
      <c r="AB103" s="3"/>
      <c r="AC103" s="3"/>
      <c r="AD103" s="3"/>
      <c r="AE103" s="3"/>
      <c r="AF103" s="3"/>
    </row>
    <row r="104" spans="3:32" x14ac:dyDescent="0.2">
      <c r="C104" s="3"/>
      <c r="D104" s="3"/>
      <c r="E104" s="3"/>
      <c r="F104" s="3"/>
      <c r="G104" s="3"/>
      <c r="H104" s="3"/>
      <c r="I104" s="3"/>
      <c r="J104" s="3"/>
      <c r="K104" s="3"/>
      <c r="L104" s="3"/>
      <c r="M104" s="3"/>
      <c r="N104" s="3"/>
      <c r="O104" s="3"/>
      <c r="P104" s="3"/>
      <c r="Q104" s="3"/>
      <c r="R104" s="3"/>
      <c r="S104" s="3"/>
      <c r="T104" s="3"/>
      <c r="U104" s="3"/>
      <c r="V104" s="3"/>
      <c r="W104" s="3"/>
      <c r="X104" s="3"/>
      <c r="Y104" s="3"/>
      <c r="Z104" s="3"/>
      <c r="AA104" s="3"/>
      <c r="AB104" s="3"/>
      <c r="AC104" s="3"/>
      <c r="AD104" s="3"/>
      <c r="AE104" s="3"/>
      <c r="AF104" s="3"/>
    </row>
    <row r="105" spans="3:32" x14ac:dyDescent="0.2">
      <c r="C105" s="3"/>
      <c r="D105" s="3"/>
      <c r="E105" s="3"/>
      <c r="F105" s="3"/>
      <c r="G105" s="3"/>
      <c r="H105" s="3"/>
      <c r="I105" s="3"/>
      <c r="J105" s="3"/>
      <c r="K105" s="3"/>
      <c r="L105" s="3"/>
      <c r="M105" s="3"/>
      <c r="N105" s="3"/>
      <c r="O105" s="3"/>
      <c r="P105" s="3"/>
      <c r="Q105" s="3"/>
      <c r="R105" s="3"/>
      <c r="S105" s="3"/>
      <c r="T105" s="3"/>
      <c r="U105" s="3"/>
      <c r="V105" s="3"/>
      <c r="W105" s="3"/>
      <c r="X105" s="3"/>
      <c r="Y105" s="3"/>
      <c r="Z105" s="3"/>
      <c r="AA105" s="3"/>
      <c r="AB105" s="3"/>
      <c r="AC105" s="3"/>
      <c r="AD105" s="3"/>
      <c r="AE105" s="3"/>
      <c r="AF105" s="3"/>
    </row>
    <row r="106" spans="3:32" x14ac:dyDescent="0.2">
      <c r="C106" s="3"/>
      <c r="D106" s="3"/>
      <c r="E106" s="3"/>
      <c r="F106" s="3"/>
      <c r="G106" s="3"/>
      <c r="H106" s="3"/>
      <c r="I106" s="3"/>
      <c r="J106" s="3"/>
      <c r="K106" s="3"/>
      <c r="L106" s="3"/>
      <c r="M106" s="3"/>
      <c r="N106" s="3"/>
      <c r="O106" s="3"/>
      <c r="P106" s="3"/>
      <c r="Q106" s="3"/>
      <c r="R106" s="3"/>
      <c r="S106" s="3"/>
      <c r="T106" s="3"/>
      <c r="U106" s="3"/>
      <c r="V106" s="3"/>
      <c r="W106" s="3"/>
      <c r="X106" s="3"/>
      <c r="Y106" s="3"/>
      <c r="Z106" s="3"/>
      <c r="AA106" s="3"/>
      <c r="AB106" s="3"/>
      <c r="AC106" s="3"/>
      <c r="AD106" s="3"/>
      <c r="AE106" s="3"/>
      <c r="AF106" s="3"/>
    </row>
    <row r="107" spans="3:32" x14ac:dyDescent="0.2">
      <c r="C107" s="3"/>
      <c r="D107" s="3"/>
      <c r="E107" s="3"/>
      <c r="F107" s="3"/>
      <c r="G107" s="3"/>
      <c r="H107" s="3"/>
      <c r="I107" s="3"/>
      <c r="J107" s="3"/>
      <c r="K107" s="3"/>
      <c r="L107" s="3"/>
      <c r="M107" s="3"/>
      <c r="N107" s="3"/>
      <c r="O107" s="3"/>
      <c r="P107" s="3"/>
      <c r="Q107" s="3"/>
      <c r="R107" s="3"/>
      <c r="S107" s="3"/>
      <c r="T107" s="3"/>
      <c r="U107" s="3"/>
      <c r="V107" s="3"/>
      <c r="W107" s="3"/>
      <c r="X107" s="3"/>
      <c r="Y107" s="3"/>
      <c r="Z107" s="3"/>
      <c r="AA107" s="3"/>
      <c r="AB107" s="3"/>
      <c r="AC107" s="3"/>
      <c r="AD107" s="3"/>
      <c r="AE107" s="3"/>
      <c r="AF107" s="3"/>
    </row>
    <row r="108" spans="3:32" x14ac:dyDescent="0.2">
      <c r="C108" s="3"/>
      <c r="D108" s="3"/>
      <c r="E108" s="3"/>
      <c r="F108" s="3"/>
      <c r="G108" s="3"/>
      <c r="H108" s="3"/>
      <c r="I108" s="3"/>
      <c r="J108" s="3"/>
      <c r="K108" s="3"/>
      <c r="L108" s="3"/>
      <c r="M108" s="3"/>
      <c r="N108" s="3"/>
      <c r="O108" s="3"/>
      <c r="P108" s="3"/>
      <c r="Q108" s="3"/>
      <c r="R108" s="3"/>
      <c r="S108" s="3"/>
      <c r="T108" s="3"/>
      <c r="U108" s="3"/>
      <c r="V108" s="3"/>
      <c r="W108" s="3"/>
      <c r="X108" s="3"/>
      <c r="Y108" s="3"/>
      <c r="Z108" s="3"/>
      <c r="AA108" s="3"/>
      <c r="AB108" s="3"/>
      <c r="AC108" s="3"/>
      <c r="AD108" s="3"/>
      <c r="AE108" s="3"/>
      <c r="AF108" s="3"/>
    </row>
    <row r="109" spans="3:32" x14ac:dyDescent="0.2">
      <c r="C109" s="3"/>
      <c r="D109" s="3"/>
      <c r="E109" s="3"/>
      <c r="F109" s="3"/>
      <c r="G109" s="3"/>
      <c r="H109" s="3"/>
      <c r="I109" s="3"/>
      <c r="J109" s="3"/>
      <c r="K109" s="3"/>
      <c r="L109" s="3"/>
      <c r="M109" s="3"/>
      <c r="N109" s="3"/>
      <c r="O109" s="3"/>
      <c r="P109" s="3"/>
      <c r="Q109" s="3"/>
      <c r="R109" s="3"/>
      <c r="S109" s="3"/>
      <c r="T109" s="3"/>
      <c r="U109" s="3"/>
      <c r="V109" s="3"/>
      <c r="W109" s="3"/>
      <c r="X109" s="3"/>
      <c r="Y109" s="3"/>
      <c r="Z109" s="3"/>
      <c r="AA109" s="3"/>
      <c r="AB109" s="3"/>
      <c r="AC109" s="3"/>
      <c r="AD109" s="3"/>
      <c r="AE109" s="3"/>
      <c r="AF109" s="3"/>
    </row>
    <row r="110" spans="3:32" x14ac:dyDescent="0.2">
      <c r="C110" s="3"/>
      <c r="D110" s="3"/>
      <c r="E110" s="3"/>
      <c r="F110" s="3"/>
      <c r="G110" s="3"/>
      <c r="H110" s="3"/>
      <c r="I110" s="3"/>
      <c r="J110" s="3"/>
      <c r="K110" s="3"/>
      <c r="L110" s="3"/>
      <c r="M110" s="3"/>
      <c r="N110" s="3"/>
      <c r="O110" s="3"/>
      <c r="P110" s="3"/>
      <c r="Q110" s="3"/>
      <c r="R110" s="3"/>
      <c r="S110" s="3"/>
      <c r="T110" s="3"/>
      <c r="U110" s="3"/>
      <c r="V110" s="3"/>
      <c r="W110" s="3"/>
      <c r="X110" s="3"/>
      <c r="Y110" s="3"/>
      <c r="Z110" s="3"/>
      <c r="AA110" s="3"/>
      <c r="AB110" s="3"/>
      <c r="AC110" s="3"/>
      <c r="AD110" s="3"/>
      <c r="AE110" s="3"/>
      <c r="AF110" s="3"/>
    </row>
    <row r="111" spans="3:32" x14ac:dyDescent="0.2">
      <c r="C111" s="3"/>
      <c r="D111" s="3"/>
      <c r="E111" s="3"/>
      <c r="F111" s="3"/>
      <c r="G111" s="3"/>
      <c r="H111" s="3"/>
      <c r="I111" s="3"/>
      <c r="J111" s="3"/>
      <c r="K111" s="3"/>
      <c r="L111" s="3"/>
      <c r="M111" s="3"/>
      <c r="N111" s="3"/>
      <c r="O111" s="3"/>
      <c r="P111" s="3"/>
      <c r="Q111" s="3"/>
      <c r="R111" s="3"/>
      <c r="S111" s="3"/>
      <c r="T111" s="3"/>
      <c r="U111" s="3"/>
      <c r="V111" s="3"/>
      <c r="W111" s="3"/>
      <c r="X111" s="3"/>
      <c r="Y111" s="3"/>
      <c r="Z111" s="3"/>
      <c r="AA111" s="3"/>
      <c r="AB111" s="3"/>
      <c r="AC111" s="3"/>
      <c r="AD111" s="3"/>
      <c r="AE111" s="3"/>
      <c r="AF111" s="3"/>
    </row>
    <row r="112" spans="3:32" x14ac:dyDescent="0.2">
      <c r="C112" s="3"/>
      <c r="D112" s="3"/>
      <c r="E112" s="3"/>
      <c r="F112" s="3"/>
      <c r="G112" s="3"/>
      <c r="H112" s="3"/>
      <c r="I112" s="3"/>
      <c r="J112" s="3"/>
      <c r="K112" s="3"/>
      <c r="L112" s="3"/>
      <c r="M112" s="3"/>
      <c r="N112" s="3"/>
      <c r="O112" s="3"/>
      <c r="P112" s="3"/>
      <c r="Q112" s="3"/>
      <c r="R112" s="3"/>
      <c r="S112" s="3"/>
      <c r="T112" s="3"/>
      <c r="U112" s="3"/>
      <c r="V112" s="3"/>
      <c r="W112" s="3"/>
      <c r="X112" s="3"/>
      <c r="Y112" s="3"/>
      <c r="Z112" s="3"/>
      <c r="AA112" s="3"/>
      <c r="AB112" s="3"/>
      <c r="AC112" s="3"/>
      <c r="AD112" s="3"/>
      <c r="AE112" s="3"/>
      <c r="AF112" s="3"/>
    </row>
    <row r="113" spans="3:32" x14ac:dyDescent="0.2">
      <c r="C113" s="3"/>
      <c r="D113" s="3"/>
      <c r="E113" s="3"/>
      <c r="F113" s="3"/>
      <c r="G113" s="3"/>
      <c r="H113" s="3"/>
      <c r="I113" s="3"/>
      <c r="J113" s="3"/>
      <c r="K113" s="3"/>
      <c r="L113" s="3"/>
      <c r="M113" s="3"/>
      <c r="N113" s="3"/>
      <c r="O113" s="3"/>
      <c r="P113" s="3"/>
      <c r="Q113" s="3"/>
      <c r="R113" s="3"/>
      <c r="S113" s="3"/>
      <c r="T113" s="3"/>
      <c r="U113" s="3"/>
      <c r="V113" s="3"/>
      <c r="W113" s="3"/>
      <c r="X113" s="3"/>
      <c r="Y113" s="3"/>
      <c r="Z113" s="3"/>
      <c r="AA113" s="3"/>
      <c r="AB113" s="3"/>
      <c r="AC113" s="3"/>
      <c r="AD113" s="3"/>
      <c r="AE113" s="3"/>
      <c r="AF113" s="3"/>
    </row>
    <row r="114" spans="3:32" x14ac:dyDescent="0.2">
      <c r="C114" s="3"/>
      <c r="D114" s="3"/>
      <c r="E114" s="3"/>
      <c r="F114" s="3"/>
      <c r="G114" s="3"/>
      <c r="H114" s="3"/>
      <c r="I114" s="3"/>
      <c r="J114" s="3"/>
      <c r="K114" s="3"/>
      <c r="L114" s="3"/>
      <c r="M114" s="3"/>
      <c r="N114" s="3"/>
      <c r="O114" s="3"/>
      <c r="P114" s="3"/>
      <c r="Q114" s="3"/>
      <c r="R114" s="3"/>
      <c r="S114" s="3"/>
      <c r="T114" s="3"/>
      <c r="U114" s="3"/>
      <c r="V114" s="3"/>
      <c r="W114" s="3"/>
      <c r="X114" s="3"/>
      <c r="Y114" s="3"/>
      <c r="Z114" s="3"/>
      <c r="AA114" s="3"/>
      <c r="AB114" s="3"/>
      <c r="AC114" s="3"/>
      <c r="AD114" s="3"/>
      <c r="AE114" s="3"/>
      <c r="AF114" s="3"/>
    </row>
    <row r="115" spans="3:32" x14ac:dyDescent="0.2">
      <c r="C115" s="3"/>
      <c r="D115" s="3"/>
      <c r="E115" s="3"/>
      <c r="F115" s="3"/>
      <c r="G115" s="3"/>
      <c r="H115" s="3"/>
      <c r="I115" s="3"/>
      <c r="J115" s="3"/>
      <c r="K115" s="3"/>
      <c r="L115" s="3"/>
      <c r="M115" s="3"/>
      <c r="N115" s="3"/>
      <c r="O115" s="3"/>
      <c r="P115" s="3"/>
      <c r="Q115" s="3"/>
      <c r="R115" s="3"/>
      <c r="S115" s="3"/>
      <c r="T115" s="3"/>
      <c r="U115" s="3"/>
      <c r="V115" s="3"/>
      <c r="W115" s="3"/>
      <c r="X115" s="3"/>
      <c r="Y115" s="3"/>
      <c r="Z115" s="3"/>
      <c r="AA115" s="3"/>
      <c r="AB115" s="3"/>
      <c r="AC115" s="3"/>
      <c r="AD115" s="3"/>
      <c r="AE115" s="3"/>
      <c r="AF115" s="3"/>
    </row>
    <row r="116" spans="3:32" x14ac:dyDescent="0.2">
      <c r="C116" s="3"/>
      <c r="D116" s="3"/>
      <c r="E116" s="3"/>
      <c r="F116" s="3"/>
      <c r="G116" s="3"/>
      <c r="H116" s="3"/>
      <c r="I116" s="3"/>
      <c r="J116" s="3"/>
      <c r="K116" s="3"/>
      <c r="L116" s="3"/>
      <c r="M116" s="3"/>
      <c r="N116" s="3"/>
      <c r="O116" s="3"/>
      <c r="P116" s="3"/>
      <c r="Q116" s="3"/>
      <c r="R116" s="3"/>
      <c r="S116" s="3"/>
      <c r="T116" s="3"/>
      <c r="U116" s="3"/>
      <c r="V116" s="3"/>
      <c r="W116" s="3"/>
      <c r="X116" s="3"/>
      <c r="Y116" s="3"/>
      <c r="Z116" s="3"/>
      <c r="AA116" s="3"/>
      <c r="AB116" s="3"/>
      <c r="AC116" s="3"/>
      <c r="AD116" s="3"/>
      <c r="AE116" s="3"/>
      <c r="AF116" s="3"/>
    </row>
    <row r="117" spans="3:32" x14ac:dyDescent="0.2">
      <c r="C117" s="3"/>
      <c r="D117" s="3"/>
      <c r="E117" s="3"/>
      <c r="F117" s="3"/>
      <c r="G117" s="3"/>
      <c r="H117" s="3"/>
      <c r="I117" s="3"/>
      <c r="J117" s="3"/>
      <c r="K117" s="3"/>
      <c r="L117" s="3"/>
      <c r="M117" s="3"/>
      <c r="N117" s="3"/>
      <c r="O117" s="3"/>
      <c r="P117" s="3"/>
      <c r="Q117" s="3"/>
      <c r="R117" s="3"/>
      <c r="S117" s="3"/>
      <c r="T117" s="3"/>
      <c r="U117" s="3"/>
      <c r="V117" s="3"/>
      <c r="W117" s="3"/>
      <c r="X117" s="3"/>
      <c r="Y117" s="3"/>
      <c r="Z117" s="3"/>
      <c r="AA117" s="3"/>
      <c r="AB117" s="3"/>
      <c r="AC117" s="3"/>
      <c r="AD117" s="3"/>
      <c r="AE117" s="3"/>
      <c r="AF117" s="3"/>
    </row>
    <row r="118" spans="3:32" x14ac:dyDescent="0.2">
      <c r="C118" s="3"/>
      <c r="D118" s="3"/>
      <c r="E118" s="3"/>
      <c r="F118" s="3"/>
      <c r="G118" s="3"/>
      <c r="H118" s="3"/>
      <c r="I118" s="3"/>
      <c r="J118" s="3"/>
      <c r="K118" s="3"/>
      <c r="L118" s="3"/>
      <c r="M118" s="3"/>
      <c r="N118" s="3"/>
      <c r="O118" s="3"/>
      <c r="P118" s="3"/>
      <c r="Q118" s="3"/>
      <c r="R118" s="3"/>
      <c r="S118" s="3"/>
      <c r="T118" s="3"/>
      <c r="U118" s="3"/>
      <c r="V118" s="3"/>
      <c r="W118" s="3"/>
      <c r="X118" s="3"/>
      <c r="Y118" s="3"/>
      <c r="Z118" s="3"/>
      <c r="AA118" s="3"/>
      <c r="AB118" s="3"/>
      <c r="AC118" s="3"/>
      <c r="AD118" s="3"/>
      <c r="AE118" s="3"/>
      <c r="AF118" s="3"/>
    </row>
    <row r="119" spans="3:32" x14ac:dyDescent="0.2">
      <c r="C119" s="3"/>
      <c r="D119" s="3"/>
      <c r="E119" s="3"/>
      <c r="F119" s="3"/>
      <c r="G119" s="3"/>
      <c r="H119" s="3"/>
      <c r="I119" s="3"/>
      <c r="J119" s="3"/>
      <c r="K119" s="3"/>
      <c r="L119" s="3"/>
      <c r="M119" s="3"/>
      <c r="N119" s="3"/>
      <c r="O119" s="3"/>
      <c r="P119" s="3"/>
      <c r="Q119" s="3"/>
      <c r="R119" s="3"/>
      <c r="S119" s="3"/>
      <c r="T119" s="3"/>
      <c r="U119" s="3"/>
      <c r="V119" s="3"/>
      <c r="W119" s="3"/>
      <c r="X119" s="3"/>
      <c r="Y119" s="3"/>
      <c r="Z119" s="3"/>
      <c r="AA119" s="3"/>
      <c r="AB119" s="3"/>
      <c r="AC119" s="3"/>
      <c r="AD119" s="3"/>
      <c r="AE119" s="3"/>
      <c r="AF119" s="3"/>
    </row>
    <row r="120" spans="3:32" x14ac:dyDescent="0.2">
      <c r="C120" s="3"/>
      <c r="D120" s="3"/>
      <c r="E120" s="3"/>
      <c r="F120" s="3"/>
      <c r="G120" s="3"/>
      <c r="H120" s="3"/>
      <c r="I120" s="3"/>
      <c r="J120" s="3"/>
      <c r="K120" s="3"/>
      <c r="L120" s="3"/>
      <c r="M120" s="3"/>
      <c r="N120" s="3"/>
      <c r="O120" s="3"/>
      <c r="P120" s="3"/>
      <c r="Q120" s="3"/>
      <c r="R120" s="3"/>
      <c r="S120" s="3"/>
      <c r="T120" s="3"/>
      <c r="U120" s="3"/>
      <c r="V120" s="3"/>
      <c r="W120" s="3"/>
      <c r="X120" s="3"/>
      <c r="Y120" s="3"/>
      <c r="Z120" s="3"/>
      <c r="AA120" s="3"/>
      <c r="AB120" s="3"/>
      <c r="AC120" s="3"/>
      <c r="AD120" s="3"/>
      <c r="AE120" s="3"/>
      <c r="AF120" s="3"/>
    </row>
    <row r="121" spans="3:32" x14ac:dyDescent="0.2">
      <c r="C121" s="3"/>
      <c r="D121" s="3"/>
      <c r="E121" s="3"/>
      <c r="F121" s="3"/>
      <c r="G121" s="3"/>
      <c r="H121" s="3"/>
      <c r="I121" s="3"/>
      <c r="J121" s="3"/>
      <c r="K121" s="3"/>
      <c r="L121" s="3"/>
      <c r="M121" s="3"/>
      <c r="N121" s="3"/>
      <c r="O121" s="3"/>
      <c r="P121" s="3"/>
      <c r="Q121" s="3"/>
      <c r="R121" s="3"/>
      <c r="S121" s="3"/>
      <c r="T121" s="3"/>
      <c r="U121" s="3"/>
      <c r="V121" s="3"/>
      <c r="W121" s="3"/>
      <c r="X121" s="3"/>
      <c r="Y121" s="3"/>
      <c r="Z121" s="3"/>
      <c r="AA121" s="3"/>
      <c r="AB121" s="3"/>
      <c r="AC121" s="3"/>
      <c r="AD121" s="3"/>
      <c r="AE121" s="3"/>
      <c r="AF121" s="3"/>
    </row>
    <row r="122" spans="3:32" x14ac:dyDescent="0.2">
      <c r="C122" s="3"/>
      <c r="D122" s="3"/>
      <c r="E122" s="3"/>
      <c r="F122" s="3"/>
      <c r="G122" s="3"/>
      <c r="H122" s="3"/>
      <c r="I122" s="3"/>
      <c r="J122" s="3"/>
      <c r="K122" s="3"/>
      <c r="L122" s="3"/>
      <c r="M122" s="3"/>
      <c r="N122" s="3"/>
      <c r="O122" s="3"/>
      <c r="P122" s="3"/>
      <c r="Q122" s="3"/>
      <c r="R122" s="3"/>
      <c r="S122" s="3"/>
      <c r="T122" s="3"/>
      <c r="U122" s="3"/>
      <c r="V122" s="3"/>
      <c r="W122" s="3"/>
      <c r="X122" s="3"/>
      <c r="Y122" s="3"/>
      <c r="Z122" s="3"/>
      <c r="AA122" s="3"/>
      <c r="AB122" s="3"/>
      <c r="AC122" s="3"/>
      <c r="AD122" s="3"/>
      <c r="AE122" s="3"/>
      <c r="AF122" s="3"/>
    </row>
    <row r="123" spans="3:32" x14ac:dyDescent="0.2">
      <c r="C123" s="3"/>
      <c r="D123" s="3"/>
      <c r="E123" s="3"/>
      <c r="F123" s="3"/>
      <c r="G123" s="3"/>
      <c r="H123" s="3"/>
      <c r="I123" s="3"/>
      <c r="J123" s="3"/>
      <c r="K123" s="3"/>
      <c r="L123" s="3"/>
      <c r="M123" s="3"/>
      <c r="N123" s="3"/>
      <c r="O123" s="3"/>
      <c r="P123" s="3"/>
      <c r="Q123" s="3"/>
      <c r="R123" s="3"/>
      <c r="S123" s="3"/>
      <c r="T123" s="3"/>
      <c r="U123" s="3"/>
      <c r="V123" s="3"/>
      <c r="W123" s="3"/>
      <c r="X123" s="3"/>
      <c r="Y123" s="3"/>
      <c r="Z123" s="3"/>
      <c r="AA123" s="3"/>
      <c r="AB123" s="3"/>
      <c r="AC123" s="3"/>
      <c r="AD123" s="3"/>
      <c r="AE123" s="3"/>
      <c r="AF123" s="3"/>
    </row>
    <row r="124" spans="3:32" x14ac:dyDescent="0.2">
      <c r="C124" s="3"/>
      <c r="D124" s="3"/>
      <c r="E124" s="3"/>
      <c r="F124" s="3"/>
      <c r="G124" s="3"/>
      <c r="H124" s="3"/>
      <c r="I124" s="3"/>
      <c r="J124" s="3"/>
      <c r="K124" s="3"/>
      <c r="L124" s="3"/>
      <c r="M124" s="3"/>
      <c r="N124" s="3"/>
      <c r="O124" s="3"/>
      <c r="P124" s="3"/>
      <c r="Q124" s="3"/>
      <c r="R124" s="3"/>
      <c r="S124" s="3"/>
      <c r="T124" s="3"/>
      <c r="U124" s="3"/>
      <c r="V124" s="3"/>
      <c r="W124" s="3"/>
      <c r="X124" s="3"/>
      <c r="Y124" s="3"/>
      <c r="Z124" s="3"/>
      <c r="AA124" s="3"/>
      <c r="AB124" s="3"/>
      <c r="AC124" s="3"/>
      <c r="AD124" s="3"/>
      <c r="AE124" s="3"/>
      <c r="AF124" s="3"/>
    </row>
    <row r="125" spans="3:32" x14ac:dyDescent="0.2">
      <c r="C125" s="3"/>
      <c r="D125" s="3"/>
      <c r="E125" s="3"/>
      <c r="F125" s="3"/>
      <c r="G125" s="3"/>
      <c r="H125" s="3"/>
      <c r="I125" s="3"/>
      <c r="J125" s="3"/>
      <c r="K125" s="3"/>
      <c r="L125" s="3"/>
      <c r="M125" s="3"/>
      <c r="N125" s="3"/>
      <c r="O125" s="3"/>
      <c r="P125" s="3"/>
      <c r="Q125" s="3"/>
      <c r="R125" s="3"/>
      <c r="S125" s="3"/>
      <c r="T125" s="3"/>
      <c r="U125" s="3"/>
      <c r="V125" s="3"/>
      <c r="W125" s="3"/>
      <c r="X125" s="3"/>
      <c r="Y125" s="3"/>
      <c r="Z125" s="3"/>
      <c r="AA125" s="3"/>
      <c r="AB125" s="3"/>
      <c r="AC125" s="3"/>
      <c r="AD125" s="3"/>
      <c r="AE125" s="3"/>
      <c r="AF125" s="3"/>
    </row>
    <row r="126" spans="3:32" x14ac:dyDescent="0.2">
      <c r="C126" s="3"/>
      <c r="D126" s="3"/>
      <c r="E126" s="3"/>
      <c r="F126" s="3"/>
      <c r="G126" s="3"/>
      <c r="H126" s="3"/>
      <c r="I126" s="3"/>
      <c r="J126" s="3"/>
      <c r="K126" s="3"/>
      <c r="L126" s="3"/>
      <c r="M126" s="3"/>
      <c r="N126" s="3"/>
      <c r="O126" s="3"/>
      <c r="P126" s="3"/>
      <c r="Q126" s="3"/>
      <c r="R126" s="3"/>
      <c r="S126" s="3"/>
      <c r="T126" s="3"/>
      <c r="U126" s="3"/>
      <c r="V126" s="3"/>
      <c r="W126" s="3"/>
      <c r="X126" s="3"/>
      <c r="Y126" s="3"/>
      <c r="Z126" s="3"/>
      <c r="AA126" s="3"/>
      <c r="AB126" s="3"/>
      <c r="AC126" s="3"/>
      <c r="AD126" s="3"/>
      <c r="AE126" s="3"/>
      <c r="AF126" s="3"/>
    </row>
    <row r="127" spans="3:32" x14ac:dyDescent="0.2">
      <c r="C127" s="3"/>
      <c r="D127" s="3"/>
      <c r="E127" s="3"/>
      <c r="F127" s="3"/>
      <c r="G127" s="3"/>
      <c r="H127" s="3"/>
      <c r="I127" s="3"/>
      <c r="J127" s="3"/>
      <c r="K127" s="3"/>
      <c r="L127" s="3"/>
      <c r="M127" s="3"/>
      <c r="N127" s="3"/>
      <c r="O127" s="3"/>
      <c r="P127" s="3"/>
      <c r="Q127" s="3"/>
      <c r="R127" s="3"/>
      <c r="S127" s="3"/>
      <c r="T127" s="3"/>
      <c r="U127" s="3"/>
      <c r="V127" s="3"/>
      <c r="W127" s="3"/>
      <c r="X127" s="3"/>
      <c r="Y127" s="3"/>
      <c r="Z127" s="3"/>
      <c r="AA127" s="3"/>
      <c r="AB127" s="3"/>
      <c r="AC127" s="3"/>
      <c r="AD127" s="3"/>
      <c r="AE127" s="3"/>
      <c r="AF127" s="3"/>
    </row>
    <row r="128" spans="3:32" x14ac:dyDescent="0.2">
      <c r="C128" s="3"/>
      <c r="D128" s="3"/>
      <c r="E128" s="3"/>
      <c r="F128" s="3"/>
      <c r="G128" s="3"/>
      <c r="H128" s="3"/>
      <c r="I128" s="3"/>
      <c r="J128" s="3"/>
      <c r="K128" s="3"/>
      <c r="L128" s="3"/>
      <c r="M128" s="3"/>
      <c r="N128" s="3"/>
      <c r="O128" s="3"/>
      <c r="P128" s="3"/>
      <c r="Q128" s="3"/>
      <c r="R128" s="3"/>
      <c r="S128" s="3"/>
      <c r="T128" s="3"/>
      <c r="U128" s="3"/>
      <c r="V128" s="3"/>
      <c r="W128" s="3"/>
      <c r="X128" s="3"/>
      <c r="Y128" s="3"/>
      <c r="Z128" s="3"/>
      <c r="AA128" s="3"/>
      <c r="AB128" s="3"/>
      <c r="AC128" s="3"/>
      <c r="AD128" s="3"/>
      <c r="AE128" s="3"/>
      <c r="AF128" s="3"/>
    </row>
    <row r="129" spans="3:32" x14ac:dyDescent="0.2">
      <c r="C129" s="3"/>
      <c r="D129" s="3"/>
      <c r="E129" s="3"/>
      <c r="F129" s="3"/>
      <c r="G129" s="3"/>
      <c r="H129" s="3"/>
      <c r="I129" s="3"/>
      <c r="J129" s="3"/>
      <c r="K129" s="3"/>
      <c r="L129" s="3"/>
      <c r="M129" s="3"/>
      <c r="N129" s="3"/>
      <c r="O129" s="3"/>
      <c r="P129" s="3"/>
      <c r="Q129" s="3"/>
      <c r="R129" s="3"/>
      <c r="S129" s="3"/>
      <c r="T129" s="3"/>
      <c r="U129" s="3"/>
      <c r="V129" s="3"/>
      <c r="W129" s="3"/>
      <c r="X129" s="3"/>
      <c r="Y129" s="3"/>
      <c r="Z129" s="3"/>
      <c r="AA129" s="3"/>
      <c r="AB129" s="3"/>
      <c r="AC129" s="3"/>
      <c r="AD129" s="3"/>
      <c r="AE129" s="3"/>
      <c r="AF129" s="3"/>
    </row>
    <row r="130" spans="3:32" x14ac:dyDescent="0.2">
      <c r="C130" s="3"/>
      <c r="D130" s="3"/>
      <c r="E130" s="3"/>
      <c r="F130" s="3"/>
      <c r="G130" s="3"/>
      <c r="H130" s="3"/>
      <c r="I130" s="3"/>
      <c r="J130" s="3"/>
      <c r="K130" s="3"/>
      <c r="L130" s="3"/>
      <c r="M130" s="3"/>
      <c r="N130" s="3"/>
      <c r="O130" s="3"/>
      <c r="P130" s="3"/>
      <c r="Q130" s="3"/>
      <c r="R130" s="3"/>
      <c r="S130" s="3"/>
      <c r="T130" s="3"/>
      <c r="U130" s="3"/>
      <c r="V130" s="3"/>
      <c r="W130" s="3"/>
      <c r="X130" s="3"/>
      <c r="Y130" s="3"/>
      <c r="Z130" s="3"/>
      <c r="AA130" s="3"/>
      <c r="AB130" s="3"/>
      <c r="AC130" s="3"/>
      <c r="AD130" s="3"/>
      <c r="AE130" s="3"/>
      <c r="AF130" s="3"/>
    </row>
    <row r="131" spans="3:32" x14ac:dyDescent="0.2">
      <c r="C131" s="3"/>
      <c r="D131" s="3"/>
      <c r="E131" s="3"/>
      <c r="F131" s="3"/>
      <c r="G131" s="3"/>
      <c r="H131" s="3"/>
      <c r="I131" s="3"/>
      <c r="J131" s="3"/>
      <c r="K131" s="3"/>
      <c r="L131" s="3"/>
      <c r="M131" s="3"/>
      <c r="N131" s="3"/>
      <c r="O131" s="3"/>
      <c r="P131" s="3"/>
      <c r="Q131" s="3"/>
      <c r="R131" s="3"/>
      <c r="S131" s="3"/>
      <c r="T131" s="3"/>
      <c r="U131" s="3"/>
      <c r="V131" s="3"/>
      <c r="W131" s="3"/>
      <c r="X131" s="3"/>
      <c r="Y131" s="3"/>
      <c r="Z131" s="3"/>
      <c r="AA131" s="3"/>
      <c r="AB131" s="3"/>
      <c r="AC131" s="3"/>
      <c r="AD131" s="3"/>
      <c r="AE131" s="3"/>
      <c r="AF131" s="3"/>
    </row>
    <row r="132" spans="3:32" x14ac:dyDescent="0.2">
      <c r="C132" s="3"/>
      <c r="D132" s="3"/>
      <c r="E132" s="3"/>
      <c r="F132" s="3"/>
      <c r="G132" s="3"/>
      <c r="H132" s="3"/>
      <c r="I132" s="3"/>
      <c r="J132" s="3"/>
      <c r="K132" s="3"/>
      <c r="L132" s="3"/>
      <c r="M132" s="3"/>
      <c r="N132" s="3"/>
      <c r="O132" s="3"/>
      <c r="P132" s="3"/>
      <c r="Q132" s="3"/>
      <c r="R132" s="3"/>
      <c r="S132" s="3"/>
      <c r="T132" s="3"/>
      <c r="U132" s="3"/>
      <c r="V132" s="3"/>
      <c r="W132" s="3"/>
      <c r="X132" s="3"/>
      <c r="Y132" s="3"/>
      <c r="Z132" s="3"/>
      <c r="AA132" s="3"/>
      <c r="AB132" s="3"/>
      <c r="AC132" s="3"/>
      <c r="AD132" s="3"/>
      <c r="AE132" s="3"/>
      <c r="AF132" s="3"/>
    </row>
    <row r="133" spans="3:32" x14ac:dyDescent="0.2">
      <c r="C133" s="3"/>
      <c r="D133" s="3"/>
      <c r="E133" s="3"/>
      <c r="F133" s="3"/>
      <c r="G133" s="3"/>
      <c r="H133" s="3"/>
      <c r="I133" s="3"/>
      <c r="J133" s="3"/>
      <c r="K133" s="3"/>
      <c r="L133" s="3"/>
      <c r="M133" s="3"/>
      <c r="N133" s="3"/>
      <c r="O133" s="3"/>
      <c r="P133" s="3"/>
      <c r="Q133" s="3"/>
      <c r="R133" s="3"/>
      <c r="S133" s="3"/>
      <c r="T133" s="3"/>
      <c r="U133" s="3"/>
      <c r="V133" s="3"/>
      <c r="W133" s="3"/>
      <c r="X133" s="3"/>
      <c r="Y133" s="3"/>
      <c r="Z133" s="3"/>
      <c r="AA133" s="3"/>
      <c r="AB133" s="3"/>
      <c r="AC133" s="3"/>
      <c r="AD133" s="3"/>
      <c r="AE133" s="3"/>
      <c r="AF133" s="3"/>
    </row>
    <row r="134" spans="3:32" x14ac:dyDescent="0.2">
      <c r="C134" s="3"/>
      <c r="D134" s="3"/>
      <c r="E134" s="3"/>
      <c r="F134" s="3"/>
      <c r="G134" s="3"/>
      <c r="H134" s="3"/>
      <c r="I134" s="3"/>
      <c r="J134" s="3"/>
      <c r="K134" s="3"/>
      <c r="L134" s="3"/>
      <c r="M134" s="3"/>
      <c r="N134" s="3"/>
      <c r="O134" s="3"/>
      <c r="P134" s="3"/>
      <c r="Q134" s="3"/>
      <c r="R134" s="3"/>
      <c r="S134" s="3"/>
      <c r="T134" s="3"/>
      <c r="U134" s="3"/>
      <c r="V134" s="3"/>
      <c r="W134" s="3"/>
      <c r="X134" s="3"/>
      <c r="Y134" s="3"/>
      <c r="Z134" s="3"/>
      <c r="AA134" s="3"/>
      <c r="AB134" s="3"/>
      <c r="AC134" s="3"/>
      <c r="AD134" s="3"/>
      <c r="AE134" s="3"/>
      <c r="AF134" s="3"/>
    </row>
    <row r="135" spans="3:32" x14ac:dyDescent="0.2">
      <c r="C135" s="3"/>
      <c r="D135" s="3"/>
      <c r="E135" s="3"/>
      <c r="F135" s="3"/>
      <c r="G135" s="3"/>
      <c r="H135" s="3"/>
      <c r="I135" s="3"/>
      <c r="J135" s="3"/>
      <c r="K135" s="3"/>
      <c r="L135" s="3"/>
      <c r="M135" s="3"/>
      <c r="N135" s="3"/>
      <c r="O135" s="3"/>
      <c r="P135" s="3"/>
      <c r="Q135" s="3"/>
      <c r="R135" s="3"/>
      <c r="S135" s="3"/>
      <c r="T135" s="3"/>
      <c r="U135" s="3"/>
      <c r="V135" s="3"/>
      <c r="W135" s="3"/>
      <c r="X135" s="3"/>
      <c r="Y135" s="3"/>
      <c r="Z135" s="3"/>
      <c r="AA135" s="3"/>
      <c r="AB135" s="3"/>
      <c r="AC135" s="3"/>
      <c r="AD135" s="3"/>
      <c r="AE135" s="3"/>
      <c r="AF135" s="3"/>
    </row>
    <row r="136" spans="3:32" x14ac:dyDescent="0.2">
      <c r="C136" s="3"/>
      <c r="D136" s="3"/>
      <c r="E136" s="3"/>
      <c r="F136" s="3"/>
      <c r="G136" s="3"/>
      <c r="H136" s="3"/>
      <c r="I136" s="3"/>
      <c r="J136" s="3"/>
      <c r="K136" s="3"/>
      <c r="L136" s="3"/>
      <c r="M136" s="3"/>
      <c r="N136" s="3"/>
      <c r="O136" s="3"/>
      <c r="P136" s="3"/>
      <c r="Q136" s="3"/>
      <c r="R136" s="3"/>
      <c r="S136" s="3"/>
      <c r="T136" s="3"/>
      <c r="U136" s="3"/>
      <c r="V136" s="3"/>
      <c r="W136" s="3"/>
      <c r="X136" s="3"/>
      <c r="Y136" s="3"/>
      <c r="Z136" s="3"/>
      <c r="AA136" s="3"/>
      <c r="AB136" s="3"/>
      <c r="AC136" s="3"/>
      <c r="AD136" s="3"/>
      <c r="AE136" s="3"/>
      <c r="AF136" s="3"/>
    </row>
    <row r="137" spans="3:32" x14ac:dyDescent="0.2">
      <c r="C137" s="3"/>
      <c r="D137" s="3"/>
      <c r="E137" s="3"/>
      <c r="F137" s="3"/>
      <c r="G137" s="3"/>
      <c r="H137" s="3"/>
      <c r="I137" s="3"/>
      <c r="J137" s="3"/>
      <c r="K137" s="3"/>
      <c r="L137" s="3"/>
      <c r="M137" s="3"/>
      <c r="N137" s="3"/>
      <c r="O137" s="3"/>
      <c r="P137" s="3"/>
      <c r="Q137" s="3"/>
      <c r="R137" s="3"/>
      <c r="S137" s="3"/>
      <c r="T137" s="3"/>
      <c r="U137" s="3"/>
      <c r="V137" s="3"/>
      <c r="W137" s="3"/>
      <c r="X137" s="3"/>
      <c r="Y137" s="3"/>
      <c r="Z137" s="3"/>
      <c r="AA137" s="3"/>
      <c r="AB137" s="3"/>
      <c r="AC137" s="3"/>
      <c r="AD137" s="3"/>
      <c r="AE137" s="3"/>
      <c r="AF137" s="3"/>
    </row>
    <row r="138" spans="3:32" x14ac:dyDescent="0.2">
      <c r="C138" s="3"/>
      <c r="D138" s="3"/>
      <c r="E138" s="3"/>
      <c r="F138" s="3"/>
      <c r="G138" s="3"/>
      <c r="H138" s="3"/>
      <c r="I138" s="3"/>
      <c r="J138" s="3"/>
      <c r="K138" s="3"/>
      <c r="L138" s="3"/>
      <c r="M138" s="3"/>
      <c r="N138" s="3"/>
      <c r="O138" s="3"/>
      <c r="P138" s="3"/>
      <c r="Q138" s="3"/>
      <c r="R138" s="3"/>
      <c r="S138" s="3"/>
      <c r="T138" s="3"/>
      <c r="U138" s="3"/>
      <c r="V138" s="3"/>
      <c r="W138" s="3"/>
      <c r="X138" s="3"/>
      <c r="Y138" s="3"/>
      <c r="Z138" s="3"/>
      <c r="AA138" s="3"/>
      <c r="AB138" s="3"/>
      <c r="AC138" s="3"/>
      <c r="AD138" s="3"/>
      <c r="AE138" s="3"/>
      <c r="AF138" s="3"/>
    </row>
    <row r="139" spans="3:32" x14ac:dyDescent="0.2">
      <c r="C139" s="3"/>
      <c r="D139" s="3"/>
      <c r="E139" s="3"/>
      <c r="F139" s="3"/>
      <c r="G139" s="3"/>
      <c r="H139" s="3"/>
      <c r="I139" s="3"/>
      <c r="J139" s="3"/>
      <c r="K139" s="3"/>
      <c r="L139" s="3"/>
      <c r="M139" s="3"/>
      <c r="N139" s="3"/>
      <c r="O139" s="3"/>
      <c r="P139" s="3"/>
      <c r="Q139" s="3"/>
      <c r="R139" s="3"/>
      <c r="S139" s="3"/>
      <c r="T139" s="3"/>
      <c r="U139" s="3"/>
      <c r="V139" s="3"/>
      <c r="W139" s="3"/>
      <c r="X139" s="3"/>
      <c r="Y139" s="3"/>
      <c r="Z139" s="3"/>
      <c r="AA139" s="3"/>
      <c r="AB139" s="3"/>
      <c r="AC139" s="3"/>
      <c r="AD139" s="3"/>
      <c r="AE139" s="3"/>
      <c r="AF139" s="3"/>
    </row>
    <row r="140" spans="3:32" x14ac:dyDescent="0.2">
      <c r="C140" s="3"/>
      <c r="D140" s="3"/>
      <c r="E140" s="3"/>
      <c r="F140" s="3"/>
      <c r="G140" s="3"/>
      <c r="H140" s="3"/>
      <c r="I140" s="3"/>
      <c r="J140" s="3"/>
      <c r="K140" s="3"/>
      <c r="L140" s="3"/>
      <c r="M140" s="3"/>
      <c r="N140" s="3"/>
      <c r="O140" s="3"/>
      <c r="P140" s="3"/>
      <c r="Q140" s="3"/>
      <c r="R140" s="3"/>
      <c r="S140" s="3"/>
      <c r="T140" s="3"/>
      <c r="U140" s="3"/>
      <c r="V140" s="3"/>
      <c r="W140" s="3"/>
      <c r="X140" s="3"/>
      <c r="Y140" s="3"/>
      <c r="Z140" s="3"/>
      <c r="AA140" s="3"/>
      <c r="AB140" s="3"/>
      <c r="AC140" s="3"/>
      <c r="AD140" s="3"/>
      <c r="AE140" s="3"/>
      <c r="AF140" s="3"/>
    </row>
    <row r="141" spans="3:32" x14ac:dyDescent="0.2">
      <c r="C141" s="3"/>
      <c r="D141" s="3"/>
      <c r="E141" s="3"/>
      <c r="F141" s="3"/>
      <c r="G141" s="3"/>
      <c r="H141" s="3"/>
      <c r="I141" s="3"/>
      <c r="J141" s="3"/>
      <c r="K141" s="3"/>
      <c r="L141" s="3"/>
      <c r="M141" s="3"/>
      <c r="N141" s="3"/>
      <c r="O141" s="3"/>
      <c r="P141" s="3"/>
      <c r="Q141" s="3"/>
      <c r="R141" s="3"/>
      <c r="S141" s="3"/>
      <c r="T141" s="3"/>
      <c r="U141" s="3"/>
      <c r="V141" s="3"/>
      <c r="W141" s="3"/>
      <c r="X141" s="3"/>
      <c r="Y141" s="3"/>
      <c r="Z141" s="3"/>
      <c r="AA141" s="3"/>
      <c r="AB141" s="3"/>
      <c r="AC141" s="3"/>
      <c r="AD141" s="3"/>
      <c r="AE141" s="3"/>
      <c r="AF141" s="3"/>
    </row>
    <row r="142" spans="3:32" x14ac:dyDescent="0.2">
      <c r="C142" s="3"/>
      <c r="D142" s="3"/>
      <c r="E142" s="3"/>
      <c r="F142" s="3"/>
      <c r="G142" s="3"/>
      <c r="H142" s="3"/>
      <c r="I142" s="3"/>
      <c r="J142" s="3"/>
      <c r="K142" s="3"/>
      <c r="L142" s="3"/>
      <c r="M142" s="3"/>
      <c r="N142" s="3"/>
      <c r="O142" s="3"/>
      <c r="P142" s="3"/>
      <c r="Q142" s="3"/>
      <c r="R142" s="3"/>
      <c r="S142" s="3"/>
      <c r="T142" s="3"/>
      <c r="U142" s="3"/>
      <c r="V142" s="3"/>
      <c r="W142" s="3"/>
      <c r="X142" s="3"/>
      <c r="Y142" s="3"/>
      <c r="Z142" s="3"/>
      <c r="AA142" s="3"/>
      <c r="AB142" s="3"/>
      <c r="AC142" s="3"/>
      <c r="AD142" s="3"/>
      <c r="AE142" s="3"/>
      <c r="AF142" s="3"/>
    </row>
    <row r="143" spans="3:32" x14ac:dyDescent="0.2">
      <c r="C143" s="3"/>
      <c r="D143" s="3"/>
      <c r="E143" s="3"/>
      <c r="F143" s="3"/>
      <c r="G143" s="3"/>
      <c r="H143" s="3"/>
      <c r="I143" s="3"/>
      <c r="J143" s="3"/>
      <c r="K143" s="3"/>
      <c r="L143" s="3"/>
      <c r="M143" s="3"/>
      <c r="N143" s="3"/>
      <c r="O143" s="3"/>
      <c r="P143" s="3"/>
      <c r="Q143" s="3"/>
      <c r="R143" s="3"/>
      <c r="S143" s="3"/>
      <c r="T143" s="3"/>
      <c r="U143" s="3"/>
      <c r="V143" s="3"/>
      <c r="W143" s="3"/>
      <c r="X143" s="3"/>
      <c r="Y143" s="3"/>
      <c r="Z143" s="3"/>
      <c r="AA143" s="3"/>
      <c r="AB143" s="3"/>
      <c r="AC143" s="3"/>
      <c r="AD143" s="3"/>
      <c r="AE143" s="3"/>
      <c r="AF143" s="3"/>
    </row>
    <row r="144" spans="3:32" x14ac:dyDescent="0.2">
      <c r="C144" s="3"/>
      <c r="D144" s="3"/>
      <c r="E144" s="3"/>
      <c r="F144" s="3"/>
      <c r="G144" s="3"/>
      <c r="H144" s="3"/>
      <c r="I144" s="3"/>
      <c r="J144" s="3"/>
      <c r="K144" s="3"/>
      <c r="L144" s="3"/>
      <c r="M144" s="3"/>
      <c r="N144" s="3"/>
      <c r="O144" s="3"/>
      <c r="P144" s="3"/>
      <c r="Q144" s="3"/>
      <c r="R144" s="3"/>
      <c r="S144" s="3"/>
      <c r="T144" s="3"/>
      <c r="U144" s="3"/>
      <c r="V144" s="3"/>
      <c r="W144" s="3"/>
      <c r="X144" s="3"/>
      <c r="Y144" s="3"/>
      <c r="Z144" s="3"/>
      <c r="AA144" s="3"/>
      <c r="AB144" s="3"/>
      <c r="AC144" s="3"/>
      <c r="AD144" s="3"/>
      <c r="AE144" s="3"/>
      <c r="AF144" s="3"/>
    </row>
    <row r="145" spans="3:32" x14ac:dyDescent="0.2">
      <c r="C145" s="3"/>
      <c r="D145" s="3"/>
      <c r="E145" s="3"/>
      <c r="F145" s="3"/>
      <c r="G145" s="3"/>
      <c r="H145" s="3"/>
      <c r="I145" s="3"/>
      <c r="J145" s="3"/>
      <c r="K145" s="3"/>
      <c r="L145" s="3"/>
      <c r="M145" s="3"/>
      <c r="N145" s="3"/>
      <c r="O145" s="3"/>
      <c r="P145" s="3"/>
      <c r="Q145" s="3"/>
      <c r="R145" s="3"/>
      <c r="S145" s="3"/>
      <c r="T145" s="3"/>
      <c r="U145" s="3"/>
      <c r="V145" s="3"/>
      <c r="W145" s="3"/>
      <c r="X145" s="3"/>
      <c r="Y145" s="3"/>
      <c r="Z145" s="3"/>
      <c r="AA145" s="3"/>
      <c r="AB145" s="3"/>
      <c r="AC145" s="3"/>
      <c r="AD145" s="3"/>
      <c r="AE145" s="3"/>
      <c r="AF145" s="3"/>
    </row>
    <row r="146" spans="3:32" x14ac:dyDescent="0.2">
      <c r="C146" s="3"/>
      <c r="D146" s="3"/>
      <c r="E146" s="3"/>
      <c r="F146" s="3"/>
      <c r="G146" s="3"/>
      <c r="H146" s="3"/>
      <c r="I146" s="3"/>
      <c r="J146" s="3"/>
      <c r="K146" s="3"/>
      <c r="L146" s="3"/>
      <c r="M146" s="3"/>
      <c r="N146" s="3"/>
      <c r="O146" s="3"/>
      <c r="P146" s="3"/>
      <c r="Q146" s="3"/>
      <c r="R146" s="3"/>
      <c r="S146" s="3"/>
      <c r="T146" s="3"/>
      <c r="U146" s="3"/>
      <c r="V146" s="3"/>
      <c r="W146" s="3"/>
      <c r="X146" s="3"/>
      <c r="Y146" s="3"/>
      <c r="Z146" s="3"/>
      <c r="AA146" s="3"/>
      <c r="AB146" s="3"/>
      <c r="AC146" s="3"/>
      <c r="AD146" s="3"/>
      <c r="AE146" s="3"/>
      <c r="AF146" s="3"/>
    </row>
    <row r="147" spans="3:32" x14ac:dyDescent="0.2">
      <c r="C147" s="3"/>
      <c r="D147" s="3"/>
      <c r="E147" s="3"/>
      <c r="F147" s="3"/>
      <c r="G147" s="3"/>
      <c r="H147" s="3"/>
      <c r="I147" s="3"/>
      <c r="J147" s="3"/>
      <c r="K147" s="3"/>
      <c r="L147" s="3"/>
      <c r="M147" s="3"/>
      <c r="N147" s="3"/>
      <c r="O147" s="3"/>
      <c r="P147" s="3"/>
      <c r="Q147" s="3"/>
      <c r="R147" s="3"/>
      <c r="S147" s="3"/>
      <c r="T147" s="3"/>
      <c r="U147" s="3"/>
      <c r="V147" s="3"/>
      <c r="W147" s="3"/>
      <c r="X147" s="3"/>
      <c r="Y147" s="3"/>
      <c r="Z147" s="3"/>
      <c r="AA147" s="3"/>
      <c r="AB147" s="3"/>
      <c r="AC147" s="3"/>
      <c r="AD147" s="3"/>
      <c r="AE147" s="3"/>
      <c r="AF147" s="3"/>
    </row>
    <row r="148" spans="3:32" x14ac:dyDescent="0.2">
      <c r="C148" s="3"/>
      <c r="D148" s="3"/>
      <c r="E148" s="3"/>
      <c r="F148" s="3"/>
      <c r="G148" s="3"/>
      <c r="H148" s="3"/>
      <c r="I148" s="3"/>
      <c r="J148" s="3"/>
      <c r="K148" s="3"/>
      <c r="L148" s="3"/>
      <c r="M148" s="3"/>
      <c r="N148" s="3"/>
      <c r="O148" s="3"/>
      <c r="P148" s="3"/>
      <c r="Q148" s="3"/>
      <c r="R148" s="3"/>
      <c r="S148" s="3"/>
      <c r="T148" s="3"/>
      <c r="U148" s="3"/>
      <c r="V148" s="3"/>
      <c r="W148" s="3"/>
      <c r="X148" s="3"/>
      <c r="Y148" s="3"/>
      <c r="Z148" s="3"/>
      <c r="AA148" s="3"/>
      <c r="AB148" s="3"/>
      <c r="AC148" s="3"/>
      <c r="AD148" s="3"/>
      <c r="AE148" s="3"/>
      <c r="AF148" s="3"/>
    </row>
    <row r="149" spans="3:32" x14ac:dyDescent="0.2">
      <c r="C149" s="3"/>
      <c r="D149" s="3"/>
      <c r="E149" s="3"/>
      <c r="F149" s="3"/>
      <c r="G149" s="3"/>
      <c r="H149" s="3"/>
      <c r="I149" s="3"/>
      <c r="J149" s="3"/>
      <c r="K149" s="3"/>
      <c r="L149" s="3"/>
      <c r="M149" s="3"/>
      <c r="N149" s="3"/>
      <c r="O149" s="3"/>
      <c r="P149" s="3"/>
      <c r="Q149" s="3"/>
      <c r="R149" s="3"/>
      <c r="S149" s="3"/>
      <c r="T149" s="3"/>
      <c r="U149" s="3"/>
      <c r="V149" s="3"/>
      <c r="W149" s="3"/>
      <c r="X149" s="3"/>
      <c r="Y149" s="3"/>
      <c r="Z149" s="3"/>
      <c r="AA149" s="3"/>
      <c r="AB149" s="3"/>
      <c r="AC149" s="3"/>
      <c r="AD149" s="3"/>
      <c r="AE149" s="3"/>
      <c r="AF149" s="3"/>
    </row>
    <row r="150" spans="3:32" x14ac:dyDescent="0.2">
      <c r="C150" s="3"/>
      <c r="D150" s="3"/>
      <c r="E150" s="3"/>
      <c r="F150" s="3"/>
      <c r="G150" s="3"/>
      <c r="H150" s="3"/>
      <c r="I150" s="3"/>
      <c r="J150" s="3"/>
      <c r="K150" s="3"/>
      <c r="L150" s="3"/>
      <c r="M150" s="3"/>
      <c r="N150" s="3"/>
      <c r="O150" s="3"/>
      <c r="P150" s="3"/>
      <c r="Q150" s="3"/>
      <c r="R150" s="3"/>
      <c r="S150" s="3"/>
      <c r="T150" s="3"/>
      <c r="U150" s="3"/>
      <c r="V150" s="3"/>
      <c r="W150" s="3"/>
      <c r="X150" s="3"/>
      <c r="Y150" s="3"/>
      <c r="Z150" s="3"/>
      <c r="AA150" s="3"/>
      <c r="AB150" s="3"/>
      <c r="AC150" s="3"/>
      <c r="AD150" s="3"/>
      <c r="AE150" s="3"/>
      <c r="AF150" s="3"/>
    </row>
    <row r="151" spans="3:32" x14ac:dyDescent="0.2">
      <c r="C151" s="3"/>
      <c r="D151" s="3"/>
      <c r="E151" s="3"/>
      <c r="F151" s="3"/>
      <c r="G151" s="3"/>
      <c r="H151" s="3"/>
      <c r="I151" s="3"/>
      <c r="J151" s="3"/>
      <c r="K151" s="3"/>
      <c r="L151" s="3"/>
      <c r="M151" s="3"/>
      <c r="N151" s="3"/>
      <c r="O151" s="3"/>
      <c r="P151" s="3"/>
      <c r="Q151" s="3"/>
      <c r="R151" s="3"/>
      <c r="S151" s="3"/>
      <c r="T151" s="3"/>
      <c r="U151" s="3"/>
      <c r="V151" s="3"/>
      <c r="W151" s="3"/>
      <c r="X151" s="3"/>
      <c r="Y151" s="3"/>
      <c r="Z151" s="3"/>
      <c r="AA151" s="3"/>
      <c r="AB151" s="3"/>
      <c r="AC151" s="3"/>
      <c r="AD151" s="3"/>
      <c r="AE151" s="3"/>
      <c r="AF151" s="3"/>
    </row>
    <row r="152" spans="3:32" x14ac:dyDescent="0.2">
      <c r="C152" s="3"/>
      <c r="D152" s="3"/>
      <c r="E152" s="3"/>
      <c r="F152" s="3"/>
      <c r="G152" s="3"/>
      <c r="H152" s="3"/>
      <c r="I152" s="3"/>
      <c r="J152" s="3"/>
      <c r="K152" s="3"/>
      <c r="L152" s="3"/>
      <c r="M152" s="3"/>
      <c r="N152" s="3"/>
      <c r="O152" s="3"/>
      <c r="P152" s="3"/>
      <c r="Q152" s="3"/>
      <c r="R152" s="3"/>
      <c r="S152" s="3"/>
      <c r="T152" s="3"/>
      <c r="U152" s="3"/>
      <c r="V152" s="3"/>
      <c r="W152" s="3"/>
      <c r="X152" s="3"/>
      <c r="Y152" s="3"/>
      <c r="Z152" s="3"/>
      <c r="AA152" s="3"/>
      <c r="AB152" s="3"/>
      <c r="AC152" s="3"/>
      <c r="AD152" s="3"/>
      <c r="AE152" s="3"/>
      <c r="AF152" s="3"/>
    </row>
    <row r="153" spans="3:32" x14ac:dyDescent="0.2">
      <c r="C153" s="3"/>
      <c r="D153" s="3"/>
      <c r="E153" s="3"/>
      <c r="F153" s="3"/>
      <c r="G153" s="3"/>
      <c r="H153" s="3"/>
      <c r="I153" s="3"/>
      <c r="J153" s="3"/>
      <c r="K153" s="3"/>
      <c r="L153" s="3"/>
      <c r="M153" s="3"/>
      <c r="N153" s="3"/>
      <c r="O153" s="3"/>
      <c r="P153" s="3"/>
      <c r="Q153" s="3"/>
      <c r="R153" s="3"/>
      <c r="S153" s="3"/>
      <c r="T153" s="3"/>
      <c r="U153" s="3"/>
      <c r="V153" s="3"/>
      <c r="W153" s="3"/>
      <c r="X153" s="3"/>
      <c r="Y153" s="3"/>
      <c r="Z153" s="3"/>
      <c r="AA153" s="3"/>
      <c r="AB153" s="3"/>
      <c r="AC153" s="3"/>
      <c r="AD153" s="3"/>
      <c r="AE153" s="3"/>
      <c r="AF153" s="3"/>
    </row>
    <row r="154" spans="3:32" x14ac:dyDescent="0.2">
      <c r="C154" s="3"/>
      <c r="D154" s="3"/>
      <c r="E154" s="3"/>
      <c r="F154" s="3"/>
      <c r="G154" s="3"/>
      <c r="H154" s="3"/>
      <c r="I154" s="3"/>
      <c r="J154" s="3"/>
      <c r="K154" s="3"/>
      <c r="L154" s="3"/>
      <c r="M154" s="3"/>
      <c r="N154" s="3"/>
      <c r="O154" s="3"/>
      <c r="P154" s="3"/>
      <c r="Q154" s="3"/>
      <c r="R154" s="3"/>
      <c r="S154" s="3"/>
      <c r="T154" s="3"/>
      <c r="U154" s="3"/>
      <c r="V154" s="3"/>
      <c r="W154" s="3"/>
      <c r="X154" s="3"/>
      <c r="Y154" s="3"/>
      <c r="Z154" s="3"/>
      <c r="AA154" s="3"/>
      <c r="AB154" s="3"/>
      <c r="AC154" s="3"/>
      <c r="AD154" s="3"/>
      <c r="AE154" s="3"/>
      <c r="AF154" s="3"/>
    </row>
    <row r="155" spans="3:32" x14ac:dyDescent="0.2">
      <c r="C155" s="3"/>
      <c r="D155" s="3"/>
      <c r="E155" s="3"/>
      <c r="F155" s="3"/>
      <c r="G155" s="3"/>
      <c r="H155" s="3"/>
      <c r="I155" s="3"/>
      <c r="J155" s="3"/>
      <c r="K155" s="3"/>
      <c r="L155" s="3"/>
      <c r="M155" s="3"/>
      <c r="N155" s="3"/>
      <c r="O155" s="3"/>
      <c r="P155" s="3"/>
      <c r="Q155" s="3"/>
      <c r="R155" s="3"/>
      <c r="S155" s="3"/>
      <c r="T155" s="3"/>
      <c r="U155" s="3"/>
      <c r="V155" s="3"/>
      <c r="W155" s="3"/>
      <c r="X155" s="3"/>
      <c r="Y155" s="3"/>
      <c r="Z155" s="3"/>
      <c r="AA155" s="3"/>
      <c r="AB155" s="3"/>
      <c r="AC155" s="3"/>
      <c r="AD155" s="3"/>
      <c r="AE155" s="3"/>
      <c r="AF155" s="3"/>
    </row>
    <row r="156" spans="3:32" x14ac:dyDescent="0.2">
      <c r="C156" s="3"/>
      <c r="D156" s="3"/>
      <c r="E156" s="3"/>
      <c r="F156" s="3"/>
      <c r="G156" s="3"/>
      <c r="H156" s="3"/>
      <c r="I156" s="3"/>
      <c r="J156" s="3"/>
      <c r="K156" s="3"/>
      <c r="L156" s="3"/>
      <c r="M156" s="3"/>
      <c r="N156" s="3"/>
      <c r="O156" s="3"/>
      <c r="P156" s="3"/>
      <c r="Q156" s="3"/>
      <c r="R156" s="3"/>
      <c r="S156" s="3"/>
      <c r="T156" s="3"/>
      <c r="U156" s="3"/>
      <c r="V156" s="3"/>
      <c r="W156" s="3"/>
      <c r="X156" s="3"/>
      <c r="Y156" s="3"/>
      <c r="Z156" s="3"/>
      <c r="AA156" s="3"/>
      <c r="AB156" s="3"/>
      <c r="AC156" s="3"/>
      <c r="AD156" s="3"/>
      <c r="AE156" s="3"/>
      <c r="AF156" s="3"/>
    </row>
    <row r="157" spans="3:32" x14ac:dyDescent="0.2">
      <c r="C157" s="3"/>
      <c r="D157" s="3"/>
      <c r="E157" s="3"/>
      <c r="F157" s="3"/>
      <c r="G157" s="3"/>
      <c r="H157" s="3"/>
      <c r="I157" s="3"/>
      <c r="J157" s="3"/>
      <c r="K157" s="3"/>
      <c r="L157" s="3"/>
      <c r="M157" s="3"/>
      <c r="N157" s="3"/>
      <c r="O157" s="3"/>
      <c r="P157" s="3"/>
      <c r="Q157" s="3"/>
      <c r="R157" s="3"/>
      <c r="S157" s="3"/>
      <c r="T157" s="3"/>
      <c r="U157" s="3"/>
      <c r="V157" s="3"/>
      <c r="W157" s="3"/>
      <c r="X157" s="3"/>
      <c r="Y157" s="3"/>
      <c r="Z157" s="3"/>
      <c r="AA157" s="3"/>
      <c r="AB157" s="3"/>
      <c r="AC157" s="3"/>
      <c r="AD157" s="3"/>
      <c r="AE157" s="3"/>
      <c r="AF157" s="3"/>
    </row>
    <row r="158" spans="3:32" x14ac:dyDescent="0.2">
      <c r="C158" s="3"/>
      <c r="D158" s="3"/>
      <c r="E158" s="3"/>
      <c r="F158" s="3"/>
      <c r="G158" s="3"/>
      <c r="H158" s="3"/>
      <c r="I158" s="3"/>
      <c r="J158" s="3"/>
      <c r="K158" s="3"/>
      <c r="L158" s="3"/>
      <c r="M158" s="3"/>
      <c r="N158" s="3"/>
      <c r="O158" s="3"/>
      <c r="P158" s="3"/>
      <c r="Q158" s="3"/>
      <c r="R158" s="3"/>
      <c r="S158" s="3"/>
      <c r="T158" s="3"/>
      <c r="U158" s="3"/>
      <c r="V158" s="3"/>
      <c r="W158" s="3"/>
      <c r="X158" s="3"/>
      <c r="Y158" s="3"/>
      <c r="Z158" s="3"/>
      <c r="AA158" s="3"/>
      <c r="AB158" s="3"/>
      <c r="AC158" s="3"/>
      <c r="AD158" s="3"/>
      <c r="AE158" s="3"/>
      <c r="AF158" s="3"/>
    </row>
    <row r="159" spans="3:32" x14ac:dyDescent="0.2">
      <c r="C159" s="3"/>
      <c r="D159" s="3"/>
      <c r="E159" s="3"/>
      <c r="F159" s="3"/>
      <c r="G159" s="3"/>
      <c r="H159" s="3"/>
      <c r="I159" s="3"/>
      <c r="J159" s="3"/>
      <c r="K159" s="3"/>
      <c r="L159" s="3"/>
      <c r="M159" s="3"/>
      <c r="N159" s="3"/>
      <c r="O159" s="3"/>
      <c r="P159" s="3"/>
      <c r="Q159" s="3"/>
      <c r="R159" s="3"/>
      <c r="S159" s="3"/>
      <c r="T159" s="3"/>
      <c r="U159" s="3"/>
      <c r="V159" s="3"/>
      <c r="W159" s="3"/>
      <c r="X159" s="3"/>
      <c r="Y159" s="3"/>
      <c r="Z159" s="3"/>
      <c r="AA159" s="3"/>
      <c r="AB159" s="3"/>
      <c r="AC159" s="3"/>
      <c r="AD159" s="3"/>
      <c r="AE159" s="3"/>
      <c r="AF159" s="3"/>
    </row>
    <row r="160" spans="3:32" x14ac:dyDescent="0.2">
      <c r="C160" s="3"/>
      <c r="D160" s="3"/>
      <c r="E160" s="3"/>
      <c r="F160" s="3"/>
      <c r="G160" s="3"/>
      <c r="H160" s="3"/>
      <c r="I160" s="3"/>
      <c r="J160" s="3"/>
      <c r="K160" s="3"/>
      <c r="L160" s="3"/>
      <c r="M160" s="3"/>
      <c r="N160" s="3"/>
      <c r="O160" s="3"/>
      <c r="P160" s="3"/>
      <c r="Q160" s="3"/>
      <c r="R160" s="3"/>
      <c r="S160" s="3"/>
      <c r="T160" s="3"/>
      <c r="U160" s="3"/>
      <c r="V160" s="3"/>
      <c r="W160" s="3"/>
      <c r="X160" s="3"/>
      <c r="Y160" s="3"/>
      <c r="Z160" s="3"/>
      <c r="AA160" s="3"/>
      <c r="AB160" s="3"/>
      <c r="AC160" s="3"/>
      <c r="AD160" s="3"/>
      <c r="AE160" s="3"/>
      <c r="AF160" s="3"/>
    </row>
    <row r="161" spans="3:32" x14ac:dyDescent="0.2">
      <c r="C161" s="3"/>
      <c r="D161" s="3"/>
      <c r="E161" s="3"/>
      <c r="F161" s="3"/>
      <c r="G161" s="3"/>
      <c r="H161" s="3"/>
      <c r="I161" s="3"/>
      <c r="J161" s="3"/>
      <c r="K161" s="3"/>
      <c r="L161" s="3"/>
      <c r="M161" s="3"/>
      <c r="N161" s="3"/>
      <c r="O161" s="3"/>
      <c r="P161" s="3"/>
      <c r="Q161" s="3"/>
      <c r="R161" s="3"/>
      <c r="S161" s="3"/>
      <c r="T161" s="3"/>
      <c r="U161" s="3"/>
      <c r="V161" s="3"/>
      <c r="W161" s="3"/>
      <c r="X161" s="3"/>
      <c r="Y161" s="3"/>
      <c r="Z161" s="3"/>
      <c r="AA161" s="3"/>
      <c r="AB161" s="3"/>
      <c r="AC161" s="3"/>
      <c r="AD161" s="3"/>
      <c r="AE161" s="3"/>
      <c r="AF161" s="3"/>
    </row>
    <row r="162" spans="3:32" x14ac:dyDescent="0.2">
      <c r="C162" s="3"/>
      <c r="D162" s="3"/>
      <c r="E162" s="3"/>
      <c r="F162" s="3"/>
      <c r="G162" s="3"/>
      <c r="H162" s="3"/>
      <c r="I162" s="3"/>
      <c r="J162" s="3"/>
      <c r="K162" s="3"/>
      <c r="L162" s="3"/>
      <c r="M162" s="3"/>
      <c r="N162" s="3"/>
      <c r="O162" s="3"/>
      <c r="P162" s="3"/>
      <c r="Q162" s="3"/>
      <c r="R162" s="3"/>
      <c r="S162" s="3"/>
      <c r="T162" s="3"/>
      <c r="U162" s="3"/>
      <c r="V162" s="3"/>
      <c r="W162" s="3"/>
      <c r="X162" s="3"/>
      <c r="Y162" s="3"/>
      <c r="Z162" s="3"/>
      <c r="AA162" s="3"/>
      <c r="AB162" s="3"/>
      <c r="AC162" s="3"/>
      <c r="AD162" s="3"/>
      <c r="AE162" s="3"/>
      <c r="AF162" s="3"/>
    </row>
    <row r="163" spans="3:32" x14ac:dyDescent="0.2">
      <c r="C163" s="3"/>
      <c r="D163" s="3"/>
      <c r="E163" s="3"/>
      <c r="F163" s="3"/>
      <c r="G163" s="3"/>
      <c r="H163" s="3"/>
      <c r="I163" s="3"/>
      <c r="J163" s="3"/>
      <c r="K163" s="3"/>
      <c r="L163" s="3"/>
      <c r="M163" s="3"/>
      <c r="N163" s="3"/>
      <c r="O163" s="3"/>
      <c r="P163" s="3"/>
      <c r="Q163" s="3"/>
      <c r="R163" s="3"/>
      <c r="S163" s="3"/>
      <c r="T163" s="3"/>
      <c r="U163" s="3"/>
      <c r="V163" s="3"/>
      <c r="W163" s="3"/>
      <c r="X163" s="3"/>
      <c r="Y163" s="3"/>
      <c r="Z163" s="3"/>
      <c r="AA163" s="3"/>
      <c r="AB163" s="3"/>
      <c r="AC163" s="3"/>
      <c r="AD163" s="3"/>
      <c r="AE163" s="3"/>
      <c r="AF163" s="3"/>
    </row>
    <row r="164" spans="3:32" x14ac:dyDescent="0.2">
      <c r="C164" s="3"/>
      <c r="D164" s="3"/>
      <c r="E164" s="3"/>
      <c r="F164" s="3"/>
      <c r="G164" s="3"/>
      <c r="H164" s="3"/>
      <c r="I164" s="3"/>
      <c r="J164" s="3"/>
      <c r="K164" s="3"/>
      <c r="L164" s="3"/>
      <c r="M164" s="3"/>
      <c r="N164" s="3"/>
      <c r="O164" s="3"/>
      <c r="P164" s="3"/>
      <c r="Q164" s="3"/>
      <c r="R164" s="3"/>
      <c r="S164" s="3"/>
      <c r="T164" s="3"/>
      <c r="U164" s="3"/>
      <c r="V164" s="3"/>
      <c r="W164" s="3"/>
      <c r="X164" s="3"/>
      <c r="Y164" s="3"/>
      <c r="Z164" s="3"/>
      <c r="AA164" s="3"/>
      <c r="AB164" s="3"/>
      <c r="AC164" s="3"/>
      <c r="AD164" s="3"/>
      <c r="AE164" s="3"/>
      <c r="AF164" s="3"/>
    </row>
    <row r="165" spans="3:32" x14ac:dyDescent="0.2">
      <c r="C165" s="3"/>
      <c r="D165" s="3"/>
      <c r="E165" s="3"/>
      <c r="F165" s="3"/>
      <c r="G165" s="3"/>
      <c r="H165" s="3"/>
      <c r="I165" s="3"/>
      <c r="J165" s="3"/>
      <c r="K165" s="3"/>
      <c r="L165" s="3"/>
      <c r="M165" s="3"/>
      <c r="N165" s="3"/>
      <c r="O165" s="3"/>
      <c r="P165" s="3"/>
      <c r="Q165" s="3"/>
      <c r="R165" s="3"/>
      <c r="S165" s="3"/>
      <c r="T165" s="3"/>
      <c r="U165" s="3"/>
      <c r="V165" s="3"/>
      <c r="W165" s="3"/>
      <c r="X165" s="3"/>
      <c r="Y165" s="3"/>
      <c r="Z165" s="3"/>
      <c r="AA165" s="3"/>
      <c r="AB165" s="3"/>
      <c r="AC165" s="3"/>
      <c r="AD165" s="3"/>
      <c r="AE165" s="3"/>
      <c r="AF165" s="3"/>
    </row>
    <row r="166" spans="3:32" x14ac:dyDescent="0.2">
      <c r="C166" s="3"/>
      <c r="D166" s="3"/>
      <c r="E166" s="3"/>
      <c r="F166" s="3"/>
      <c r="G166" s="3"/>
      <c r="H166" s="3"/>
      <c r="I166" s="3"/>
      <c r="J166" s="3"/>
      <c r="K166" s="3"/>
      <c r="L166" s="3"/>
      <c r="M166" s="3"/>
      <c r="N166" s="3"/>
      <c r="O166" s="3"/>
      <c r="P166" s="3"/>
      <c r="Q166" s="3"/>
      <c r="R166" s="3"/>
      <c r="S166" s="3"/>
      <c r="T166" s="3"/>
      <c r="U166" s="3"/>
      <c r="V166" s="3"/>
      <c r="W166" s="3"/>
      <c r="X166" s="3"/>
      <c r="Y166" s="3"/>
      <c r="Z166" s="3"/>
      <c r="AA166" s="3"/>
      <c r="AB166" s="3"/>
      <c r="AC166" s="3"/>
      <c r="AD166" s="3"/>
      <c r="AE166" s="3"/>
      <c r="AF166" s="3"/>
    </row>
    <row r="167" spans="3:32" x14ac:dyDescent="0.2">
      <c r="C167" s="3"/>
      <c r="D167" s="3"/>
      <c r="E167" s="3"/>
      <c r="F167" s="3"/>
      <c r="G167" s="3"/>
      <c r="H167" s="3"/>
      <c r="I167" s="3"/>
      <c r="J167" s="3"/>
      <c r="K167" s="3"/>
      <c r="L167" s="3"/>
      <c r="M167" s="3"/>
      <c r="N167" s="3"/>
      <c r="O167" s="3"/>
      <c r="P167" s="3"/>
      <c r="Q167" s="3"/>
      <c r="R167" s="3"/>
      <c r="S167" s="3"/>
      <c r="T167" s="3"/>
      <c r="U167" s="3"/>
      <c r="V167" s="3"/>
      <c r="W167" s="3"/>
      <c r="X167" s="3"/>
      <c r="Y167" s="3"/>
      <c r="Z167" s="3"/>
      <c r="AA167" s="3"/>
      <c r="AB167" s="3"/>
      <c r="AC167" s="3"/>
      <c r="AD167" s="3"/>
      <c r="AE167" s="3"/>
      <c r="AF167" s="3"/>
    </row>
    <row r="168" spans="3:32" x14ac:dyDescent="0.2">
      <c r="C168" s="3"/>
      <c r="D168" s="3"/>
      <c r="E168" s="3"/>
      <c r="F168" s="3"/>
      <c r="G168" s="3"/>
      <c r="H168" s="3"/>
      <c r="I168" s="3"/>
      <c r="J168" s="3"/>
      <c r="K168" s="3"/>
      <c r="L168" s="3"/>
      <c r="M168" s="3"/>
      <c r="N168" s="3"/>
      <c r="O168" s="3"/>
      <c r="P168" s="3"/>
      <c r="Q168" s="3"/>
      <c r="R168" s="3"/>
      <c r="S168" s="3"/>
      <c r="T168" s="3"/>
      <c r="U168" s="3"/>
      <c r="V168" s="3"/>
      <c r="W168" s="3"/>
      <c r="X168" s="3"/>
      <c r="Y168" s="3"/>
      <c r="Z168" s="3"/>
      <c r="AA168" s="3"/>
      <c r="AB168" s="3"/>
      <c r="AC168" s="3"/>
      <c r="AD168" s="3"/>
      <c r="AE168" s="3"/>
      <c r="AF168" s="3"/>
    </row>
    <row r="169" spans="3:32" x14ac:dyDescent="0.2">
      <c r="C169" s="3"/>
      <c r="D169" s="3"/>
      <c r="E169" s="3"/>
      <c r="F169" s="3"/>
      <c r="G169" s="3"/>
      <c r="H169" s="3"/>
      <c r="I169" s="3"/>
      <c r="J169" s="3"/>
      <c r="K169" s="3"/>
      <c r="L169" s="3"/>
      <c r="M169" s="3"/>
      <c r="N169" s="3"/>
      <c r="O169" s="3"/>
      <c r="P169" s="3"/>
      <c r="Q169" s="3"/>
      <c r="R169" s="3"/>
      <c r="S169" s="3"/>
      <c r="T169" s="3"/>
      <c r="U169" s="3"/>
      <c r="V169" s="3"/>
      <c r="W169" s="3"/>
      <c r="X169" s="3"/>
      <c r="Y169" s="3"/>
      <c r="Z169" s="3"/>
      <c r="AA169" s="3"/>
      <c r="AB169" s="3"/>
      <c r="AC169" s="3"/>
      <c r="AD169" s="3"/>
      <c r="AE169" s="3"/>
      <c r="AF169" s="3"/>
    </row>
    <row r="170" spans="3:32" x14ac:dyDescent="0.2">
      <c r="C170" s="3"/>
      <c r="D170" s="3"/>
      <c r="E170" s="3"/>
      <c r="F170" s="3"/>
      <c r="G170" s="3"/>
      <c r="H170" s="3"/>
      <c r="I170" s="3"/>
      <c r="J170" s="3"/>
      <c r="K170" s="3"/>
      <c r="L170" s="3"/>
      <c r="M170" s="3"/>
      <c r="N170" s="3"/>
      <c r="O170" s="3"/>
      <c r="P170" s="3"/>
      <c r="Q170" s="3"/>
      <c r="R170" s="3"/>
      <c r="S170" s="3"/>
      <c r="T170" s="3"/>
      <c r="U170" s="3"/>
      <c r="V170" s="3"/>
      <c r="W170" s="3"/>
      <c r="X170" s="3"/>
      <c r="Y170" s="3"/>
      <c r="Z170" s="3"/>
      <c r="AA170" s="3"/>
      <c r="AB170" s="3"/>
      <c r="AC170" s="3"/>
      <c r="AD170" s="3"/>
      <c r="AE170" s="3"/>
      <c r="AF170" s="3"/>
    </row>
    <row r="171" spans="3:32" x14ac:dyDescent="0.2">
      <c r="C171" s="3"/>
      <c r="D171" s="3"/>
      <c r="E171" s="3"/>
      <c r="F171" s="3"/>
      <c r="G171" s="3"/>
      <c r="H171" s="3"/>
      <c r="I171" s="3"/>
      <c r="J171" s="3"/>
      <c r="K171" s="3"/>
      <c r="L171" s="3"/>
      <c r="M171" s="3"/>
      <c r="N171" s="3"/>
      <c r="O171" s="3"/>
      <c r="P171" s="3"/>
      <c r="Q171" s="3"/>
      <c r="R171" s="3"/>
      <c r="S171" s="3"/>
      <c r="T171" s="3"/>
      <c r="U171" s="3"/>
      <c r="V171" s="3"/>
      <c r="W171" s="3"/>
      <c r="X171" s="3"/>
      <c r="Y171" s="3"/>
      <c r="Z171" s="3"/>
      <c r="AA171" s="3"/>
      <c r="AB171" s="3"/>
      <c r="AC171" s="3"/>
      <c r="AD171" s="3"/>
      <c r="AE171" s="3"/>
      <c r="AF171" s="3"/>
    </row>
    <row r="172" spans="3:32" x14ac:dyDescent="0.2">
      <c r="C172" s="3"/>
      <c r="D172" s="3"/>
      <c r="E172" s="3"/>
      <c r="F172" s="3"/>
      <c r="G172" s="3"/>
      <c r="H172" s="3"/>
      <c r="I172" s="3"/>
      <c r="J172" s="3"/>
      <c r="K172" s="3"/>
      <c r="L172" s="3"/>
      <c r="M172" s="3"/>
      <c r="N172" s="3"/>
      <c r="O172" s="3"/>
      <c r="P172" s="3"/>
      <c r="Q172" s="3"/>
      <c r="R172" s="3"/>
      <c r="S172" s="3"/>
      <c r="T172" s="3"/>
      <c r="U172" s="3"/>
      <c r="V172" s="3"/>
      <c r="W172" s="3"/>
      <c r="X172" s="3"/>
      <c r="Y172" s="3"/>
      <c r="Z172" s="3"/>
      <c r="AA172" s="3"/>
      <c r="AB172" s="3"/>
      <c r="AC172" s="3"/>
      <c r="AD172" s="3"/>
      <c r="AE172" s="3"/>
      <c r="AF172" s="3"/>
    </row>
    <row r="173" spans="3:32" x14ac:dyDescent="0.2">
      <c r="C173" s="3"/>
      <c r="D173" s="3"/>
      <c r="E173" s="3"/>
      <c r="F173" s="3"/>
      <c r="G173" s="3"/>
      <c r="H173" s="3"/>
      <c r="I173" s="3"/>
      <c r="J173" s="3"/>
      <c r="K173" s="3"/>
      <c r="L173" s="3"/>
      <c r="M173" s="3"/>
      <c r="N173" s="3"/>
      <c r="O173" s="3"/>
      <c r="P173" s="3"/>
      <c r="Q173" s="3"/>
      <c r="R173" s="3"/>
      <c r="S173" s="3"/>
      <c r="T173" s="3"/>
      <c r="U173" s="3"/>
      <c r="V173" s="3"/>
      <c r="W173" s="3"/>
      <c r="X173" s="3"/>
      <c r="Y173" s="3"/>
      <c r="Z173" s="3"/>
      <c r="AA173" s="3"/>
      <c r="AB173" s="3"/>
      <c r="AC173" s="3"/>
      <c r="AD173" s="3"/>
      <c r="AE173" s="3"/>
      <c r="AF173" s="3"/>
    </row>
    <row r="174" spans="3:32" x14ac:dyDescent="0.2">
      <c r="C174" s="3"/>
      <c r="D174" s="3"/>
      <c r="E174" s="3"/>
      <c r="F174" s="3"/>
      <c r="G174" s="3"/>
      <c r="H174" s="3"/>
      <c r="I174" s="3"/>
      <c r="J174" s="3"/>
      <c r="K174" s="3"/>
      <c r="L174" s="3"/>
      <c r="M174" s="3"/>
      <c r="N174" s="3"/>
      <c r="O174" s="3"/>
      <c r="P174" s="3"/>
      <c r="Q174" s="3"/>
      <c r="R174" s="3"/>
      <c r="S174" s="3"/>
      <c r="T174" s="3"/>
      <c r="U174" s="3"/>
      <c r="V174" s="3"/>
      <c r="W174" s="3"/>
      <c r="X174" s="3"/>
      <c r="Y174" s="3"/>
      <c r="Z174" s="3"/>
      <c r="AA174" s="3"/>
      <c r="AB174" s="3"/>
      <c r="AC174" s="3"/>
      <c r="AD174" s="3"/>
      <c r="AE174" s="3"/>
      <c r="AF174" s="3"/>
    </row>
    <row r="175" spans="3:32" x14ac:dyDescent="0.2">
      <c r="C175" s="3"/>
      <c r="D175" s="3"/>
      <c r="E175" s="3"/>
      <c r="F175" s="3"/>
      <c r="G175" s="3"/>
      <c r="H175" s="3"/>
      <c r="I175" s="3"/>
      <c r="J175" s="3"/>
      <c r="K175" s="3"/>
      <c r="L175" s="3"/>
      <c r="M175" s="3"/>
      <c r="N175" s="3"/>
      <c r="O175" s="3"/>
      <c r="P175" s="3"/>
      <c r="Q175" s="3"/>
      <c r="R175" s="3"/>
      <c r="S175" s="3"/>
      <c r="T175" s="3"/>
      <c r="U175" s="3"/>
      <c r="V175" s="3"/>
      <c r="W175" s="3"/>
      <c r="X175" s="3"/>
      <c r="Y175" s="3"/>
      <c r="Z175" s="3"/>
      <c r="AA175" s="3"/>
      <c r="AB175" s="3"/>
      <c r="AC175" s="3"/>
      <c r="AD175" s="3"/>
      <c r="AE175" s="3"/>
      <c r="AF175" s="3"/>
    </row>
    <row r="176" spans="3:32" x14ac:dyDescent="0.2">
      <c r="C176" s="3"/>
      <c r="D176" s="3"/>
      <c r="E176" s="3"/>
      <c r="F176" s="3"/>
      <c r="G176" s="3"/>
      <c r="H176" s="3"/>
      <c r="I176" s="3"/>
      <c r="J176" s="3"/>
      <c r="K176" s="3"/>
      <c r="L176" s="3"/>
      <c r="M176" s="3"/>
      <c r="N176" s="3"/>
      <c r="O176" s="3"/>
      <c r="P176" s="3"/>
      <c r="Q176" s="3"/>
      <c r="R176" s="3"/>
      <c r="S176" s="3"/>
      <c r="T176" s="3"/>
      <c r="U176" s="3"/>
      <c r="V176" s="3"/>
      <c r="W176" s="3"/>
      <c r="X176" s="3"/>
      <c r="Y176" s="3"/>
      <c r="Z176" s="3"/>
      <c r="AA176" s="3"/>
      <c r="AB176" s="3"/>
      <c r="AC176" s="3"/>
      <c r="AD176" s="3"/>
      <c r="AE176" s="3"/>
      <c r="AF176" s="3"/>
    </row>
    <row r="177" spans="3:32" x14ac:dyDescent="0.2">
      <c r="C177" s="3"/>
      <c r="D177" s="3"/>
      <c r="E177" s="3"/>
      <c r="F177" s="3"/>
      <c r="G177" s="3"/>
      <c r="H177" s="3"/>
      <c r="I177" s="3"/>
      <c r="J177" s="3"/>
      <c r="K177" s="3"/>
      <c r="L177" s="3"/>
      <c r="M177" s="3"/>
      <c r="N177" s="3"/>
      <c r="O177" s="3"/>
      <c r="P177" s="3"/>
      <c r="Q177" s="3"/>
      <c r="R177" s="3"/>
      <c r="S177" s="3"/>
      <c r="T177" s="3"/>
      <c r="U177" s="3"/>
      <c r="V177" s="3"/>
      <c r="W177" s="3"/>
      <c r="X177" s="3"/>
      <c r="Y177" s="3"/>
      <c r="Z177" s="3"/>
      <c r="AA177" s="3"/>
      <c r="AB177" s="3"/>
      <c r="AC177" s="3"/>
      <c r="AD177" s="3"/>
      <c r="AE177" s="3"/>
      <c r="AF177" s="3"/>
    </row>
    <row r="178" spans="3:32" x14ac:dyDescent="0.2">
      <c r="C178" s="3"/>
      <c r="D178" s="3"/>
      <c r="E178" s="3"/>
      <c r="F178" s="3"/>
      <c r="G178" s="3"/>
      <c r="H178" s="3"/>
      <c r="I178" s="3"/>
      <c r="J178" s="3"/>
      <c r="K178" s="3"/>
      <c r="L178" s="3"/>
      <c r="M178" s="3"/>
      <c r="N178" s="3"/>
      <c r="O178" s="3"/>
      <c r="P178" s="3"/>
      <c r="Q178" s="3"/>
      <c r="R178" s="3"/>
      <c r="S178" s="3"/>
      <c r="T178" s="3"/>
      <c r="U178" s="3"/>
      <c r="V178" s="3"/>
      <c r="W178" s="3"/>
      <c r="X178" s="3"/>
      <c r="Y178" s="3"/>
      <c r="Z178" s="3"/>
      <c r="AA178" s="3"/>
      <c r="AB178" s="3"/>
      <c r="AC178" s="3"/>
      <c r="AD178" s="3"/>
      <c r="AE178" s="3"/>
      <c r="AF178" s="3"/>
    </row>
    <row r="179" spans="3:32" x14ac:dyDescent="0.2">
      <c r="C179" s="3"/>
      <c r="D179" s="3"/>
      <c r="E179" s="3"/>
      <c r="F179" s="3"/>
      <c r="G179" s="3"/>
      <c r="H179" s="3"/>
      <c r="I179" s="3"/>
      <c r="J179" s="3"/>
      <c r="K179" s="3"/>
      <c r="L179" s="3"/>
      <c r="M179" s="3"/>
      <c r="N179" s="3"/>
      <c r="O179" s="3"/>
      <c r="P179" s="3"/>
      <c r="Q179" s="3"/>
      <c r="R179" s="3"/>
      <c r="S179" s="3"/>
      <c r="T179" s="3"/>
      <c r="U179" s="3"/>
      <c r="V179" s="3"/>
      <c r="W179" s="3"/>
      <c r="X179" s="3"/>
      <c r="Y179" s="3"/>
      <c r="Z179" s="3"/>
      <c r="AA179" s="3"/>
      <c r="AB179" s="3"/>
      <c r="AC179" s="3"/>
      <c r="AD179" s="3"/>
      <c r="AE179" s="3"/>
      <c r="AF179" s="3"/>
    </row>
    <row r="180" spans="3:32" x14ac:dyDescent="0.2">
      <c r="C180" s="3"/>
      <c r="D180" s="3"/>
      <c r="E180" s="3"/>
      <c r="F180" s="3"/>
      <c r="G180" s="3"/>
      <c r="H180" s="3"/>
      <c r="I180" s="3"/>
      <c r="J180" s="3"/>
      <c r="K180" s="3"/>
      <c r="L180" s="3"/>
      <c r="M180" s="3"/>
      <c r="N180" s="3"/>
      <c r="O180" s="3"/>
      <c r="P180" s="3"/>
      <c r="Q180" s="3"/>
      <c r="R180" s="3"/>
      <c r="S180" s="3"/>
      <c r="T180" s="3"/>
      <c r="U180" s="3"/>
      <c r="V180" s="3"/>
      <c r="W180" s="3"/>
      <c r="X180" s="3"/>
      <c r="Y180" s="3"/>
      <c r="Z180" s="3"/>
      <c r="AA180" s="3"/>
      <c r="AB180" s="3"/>
      <c r="AC180" s="3"/>
      <c r="AD180" s="3"/>
      <c r="AE180" s="3"/>
      <c r="AF180" s="3"/>
    </row>
    <row r="181" spans="3:32" x14ac:dyDescent="0.2">
      <c r="C181" s="3"/>
      <c r="D181" s="3"/>
      <c r="E181" s="3"/>
      <c r="F181" s="3"/>
      <c r="G181" s="3"/>
      <c r="H181" s="3"/>
      <c r="I181" s="3"/>
      <c r="J181" s="3"/>
      <c r="K181" s="3"/>
      <c r="L181" s="3"/>
      <c r="M181" s="3"/>
      <c r="N181" s="3"/>
      <c r="O181" s="3"/>
      <c r="P181" s="3"/>
      <c r="Q181" s="3"/>
      <c r="R181" s="3"/>
      <c r="S181" s="3"/>
      <c r="T181" s="3"/>
      <c r="U181" s="3"/>
      <c r="V181" s="3"/>
      <c r="W181" s="3"/>
      <c r="X181" s="3"/>
      <c r="Y181" s="3"/>
      <c r="Z181" s="3"/>
      <c r="AA181" s="3"/>
      <c r="AB181" s="3"/>
      <c r="AC181" s="3"/>
      <c r="AD181" s="3"/>
      <c r="AE181" s="3"/>
      <c r="AF181" s="3"/>
    </row>
    <row r="182" spans="3:32" x14ac:dyDescent="0.2">
      <c r="C182" s="3"/>
      <c r="D182" s="3"/>
      <c r="E182" s="3"/>
      <c r="F182" s="3"/>
      <c r="G182" s="3"/>
      <c r="H182" s="3"/>
      <c r="I182" s="3"/>
      <c r="J182" s="3"/>
      <c r="K182" s="3"/>
      <c r="L182" s="3"/>
      <c r="M182" s="3"/>
      <c r="N182" s="3"/>
      <c r="O182" s="3"/>
      <c r="P182" s="3"/>
      <c r="Q182" s="3"/>
      <c r="R182" s="3"/>
      <c r="S182" s="3"/>
      <c r="T182" s="3"/>
      <c r="U182" s="3"/>
      <c r="V182" s="3"/>
      <c r="W182" s="3"/>
      <c r="X182" s="3"/>
      <c r="Y182" s="3"/>
      <c r="Z182" s="3"/>
      <c r="AA182" s="3"/>
      <c r="AB182" s="3"/>
      <c r="AC182" s="3"/>
      <c r="AD182" s="3"/>
      <c r="AE182" s="3"/>
      <c r="AF182" s="3"/>
    </row>
    <row r="183" spans="3:32" x14ac:dyDescent="0.2">
      <c r="C183" s="3"/>
      <c r="D183" s="3"/>
      <c r="E183" s="3"/>
      <c r="F183" s="3"/>
      <c r="G183" s="3"/>
      <c r="H183" s="3"/>
      <c r="I183" s="3"/>
      <c r="J183" s="3"/>
      <c r="K183" s="3"/>
      <c r="L183" s="3"/>
      <c r="M183" s="3"/>
      <c r="N183" s="3"/>
      <c r="O183" s="3"/>
      <c r="P183" s="3"/>
      <c r="Q183" s="3"/>
      <c r="R183" s="3"/>
      <c r="S183" s="3"/>
      <c r="T183" s="3"/>
      <c r="U183" s="3"/>
      <c r="V183" s="3"/>
      <c r="W183" s="3"/>
      <c r="X183" s="3"/>
      <c r="Y183" s="3"/>
      <c r="Z183" s="3"/>
      <c r="AA183" s="3"/>
      <c r="AB183" s="3"/>
      <c r="AC183" s="3"/>
      <c r="AD183" s="3"/>
      <c r="AE183" s="3"/>
      <c r="AF183" s="3"/>
    </row>
    <row r="184" spans="3:32" x14ac:dyDescent="0.2">
      <c r="C184" s="3"/>
      <c r="D184" s="3"/>
      <c r="E184" s="3"/>
      <c r="F184" s="3"/>
      <c r="G184" s="3"/>
      <c r="H184" s="3"/>
      <c r="I184" s="3"/>
      <c r="J184" s="3"/>
      <c r="K184" s="3"/>
      <c r="L184" s="3"/>
      <c r="M184" s="3"/>
      <c r="N184" s="3"/>
      <c r="O184" s="3"/>
      <c r="P184" s="3"/>
      <c r="Q184" s="3"/>
      <c r="R184" s="3"/>
      <c r="S184" s="3"/>
      <c r="T184" s="3"/>
      <c r="U184" s="3"/>
      <c r="V184" s="3"/>
      <c r="W184" s="3"/>
      <c r="X184" s="3"/>
      <c r="Y184" s="3"/>
      <c r="Z184" s="3"/>
      <c r="AA184" s="3"/>
      <c r="AB184" s="3"/>
      <c r="AC184" s="3"/>
      <c r="AD184" s="3"/>
      <c r="AE184" s="3"/>
      <c r="AF184" s="3"/>
    </row>
    <row r="185" spans="3:32" x14ac:dyDescent="0.2">
      <c r="C185" s="3"/>
      <c r="D185" s="3"/>
      <c r="E185" s="3"/>
      <c r="F185" s="3"/>
      <c r="G185" s="3"/>
      <c r="H185" s="3"/>
      <c r="I185" s="3"/>
      <c r="J185" s="3"/>
      <c r="K185" s="3"/>
      <c r="L185" s="3"/>
      <c r="M185" s="3"/>
      <c r="N185" s="3"/>
      <c r="O185" s="3"/>
      <c r="P185" s="3"/>
      <c r="Q185" s="3"/>
      <c r="R185" s="3"/>
      <c r="S185" s="3"/>
      <c r="T185" s="3"/>
      <c r="U185" s="3"/>
      <c r="V185" s="3"/>
      <c r="W185" s="3"/>
      <c r="X185" s="3"/>
      <c r="Y185" s="3"/>
      <c r="Z185" s="3"/>
      <c r="AA185" s="3"/>
      <c r="AB185" s="3"/>
      <c r="AC185" s="3"/>
      <c r="AD185" s="3"/>
      <c r="AE185" s="3"/>
      <c r="AF185" s="3"/>
    </row>
    <row r="186" spans="3:32" x14ac:dyDescent="0.2">
      <c r="C186" s="3"/>
      <c r="D186" s="3"/>
      <c r="E186" s="3"/>
      <c r="F186" s="3"/>
      <c r="G186" s="3"/>
      <c r="H186" s="3"/>
      <c r="I186" s="3"/>
      <c r="J186" s="3"/>
      <c r="K186" s="3"/>
      <c r="L186" s="3"/>
      <c r="M186" s="3"/>
      <c r="N186" s="3"/>
      <c r="O186" s="3"/>
      <c r="P186" s="3"/>
      <c r="Q186" s="3"/>
      <c r="R186" s="3"/>
      <c r="S186" s="3"/>
      <c r="T186" s="3"/>
      <c r="U186" s="3"/>
      <c r="V186" s="3"/>
      <c r="W186" s="3"/>
      <c r="X186" s="3"/>
      <c r="Y186" s="3"/>
      <c r="Z186" s="3"/>
      <c r="AA186" s="3"/>
      <c r="AB186" s="3"/>
      <c r="AC186" s="3"/>
      <c r="AD186" s="3"/>
      <c r="AE186" s="3"/>
      <c r="AF186" s="3"/>
    </row>
    <row r="187" spans="3:32" x14ac:dyDescent="0.2">
      <c r="C187" s="3"/>
      <c r="D187" s="3"/>
      <c r="E187" s="3"/>
      <c r="F187" s="3"/>
      <c r="G187" s="3"/>
      <c r="H187" s="3"/>
      <c r="I187" s="3"/>
      <c r="J187" s="3"/>
      <c r="K187" s="3"/>
      <c r="L187" s="3"/>
      <c r="M187" s="3"/>
      <c r="N187" s="3"/>
      <c r="O187" s="3"/>
      <c r="P187" s="3"/>
      <c r="Q187" s="3"/>
      <c r="R187" s="3"/>
      <c r="S187" s="3"/>
      <c r="T187" s="3"/>
      <c r="U187" s="3"/>
      <c r="V187" s="3"/>
      <c r="W187" s="3"/>
      <c r="X187" s="3"/>
      <c r="Y187" s="3"/>
      <c r="Z187" s="3"/>
      <c r="AA187" s="3"/>
      <c r="AB187" s="3"/>
      <c r="AC187" s="3"/>
      <c r="AD187" s="3"/>
      <c r="AE187" s="3"/>
      <c r="AF187" s="3"/>
    </row>
    <row r="188" spans="3:32" x14ac:dyDescent="0.2">
      <c r="C188" s="3"/>
      <c r="D188" s="3"/>
      <c r="E188" s="3"/>
      <c r="F188" s="3"/>
      <c r="G188" s="3"/>
      <c r="H188" s="3"/>
      <c r="I188" s="3"/>
      <c r="J188" s="3"/>
      <c r="K188" s="3"/>
      <c r="L188" s="3"/>
      <c r="M188" s="3"/>
      <c r="N188" s="3"/>
      <c r="O188" s="3"/>
      <c r="P188" s="3"/>
      <c r="Q188" s="3"/>
      <c r="R188" s="3"/>
      <c r="S188" s="3"/>
      <c r="T188" s="3"/>
      <c r="U188" s="3"/>
      <c r="V188" s="3"/>
      <c r="W188" s="3"/>
      <c r="X188" s="3"/>
      <c r="Y188" s="3"/>
      <c r="Z188" s="3"/>
      <c r="AA188" s="3"/>
      <c r="AB188" s="3"/>
      <c r="AC188" s="3"/>
      <c r="AD188" s="3"/>
      <c r="AE188" s="3"/>
      <c r="AF188" s="3"/>
    </row>
    <row r="189" spans="3:32" x14ac:dyDescent="0.2">
      <c r="C189" s="3"/>
      <c r="D189" s="3"/>
      <c r="E189" s="3"/>
      <c r="F189" s="3"/>
      <c r="G189" s="3"/>
      <c r="H189" s="3"/>
      <c r="I189" s="3"/>
      <c r="J189" s="3"/>
      <c r="K189" s="3"/>
      <c r="L189" s="3"/>
      <c r="M189" s="3"/>
      <c r="N189" s="3"/>
      <c r="O189" s="3"/>
      <c r="P189" s="3"/>
      <c r="Q189" s="3"/>
      <c r="R189" s="3"/>
      <c r="S189" s="3"/>
      <c r="T189" s="3"/>
      <c r="U189" s="3"/>
      <c r="V189" s="3"/>
      <c r="W189" s="3"/>
      <c r="X189" s="3"/>
      <c r="Y189" s="3"/>
      <c r="Z189" s="3"/>
      <c r="AA189" s="3"/>
      <c r="AB189" s="3"/>
      <c r="AC189" s="3"/>
      <c r="AD189" s="3"/>
      <c r="AE189" s="3"/>
      <c r="AF189" s="3"/>
    </row>
    <row r="190" spans="3:32" x14ac:dyDescent="0.2">
      <c r="C190" s="3"/>
      <c r="D190" s="3"/>
      <c r="E190" s="3"/>
      <c r="F190" s="3"/>
      <c r="G190" s="3"/>
      <c r="H190" s="3"/>
      <c r="I190" s="3"/>
      <c r="J190" s="3"/>
      <c r="K190" s="3"/>
      <c r="L190" s="3"/>
      <c r="M190" s="3"/>
      <c r="N190" s="3"/>
      <c r="O190" s="3"/>
      <c r="P190" s="3"/>
      <c r="Q190" s="3"/>
      <c r="R190" s="3"/>
      <c r="S190" s="3"/>
      <c r="T190" s="3"/>
      <c r="U190" s="3"/>
      <c r="V190" s="3"/>
      <c r="W190" s="3"/>
      <c r="X190" s="3"/>
      <c r="Y190" s="3"/>
      <c r="Z190" s="3"/>
      <c r="AA190" s="3"/>
      <c r="AB190" s="3"/>
      <c r="AC190" s="3"/>
      <c r="AD190" s="3"/>
      <c r="AE190" s="3"/>
      <c r="AF190" s="3"/>
    </row>
    <row r="191" spans="3:32" x14ac:dyDescent="0.2">
      <c r="C191" s="3"/>
      <c r="D191" s="3"/>
      <c r="E191" s="3"/>
      <c r="F191" s="3"/>
      <c r="G191" s="3"/>
      <c r="H191" s="3"/>
      <c r="I191" s="3"/>
      <c r="J191" s="3"/>
      <c r="K191" s="3"/>
      <c r="L191" s="3"/>
      <c r="M191" s="3"/>
      <c r="N191" s="3"/>
      <c r="O191" s="3"/>
      <c r="P191" s="3"/>
      <c r="Q191" s="3"/>
      <c r="R191" s="3"/>
      <c r="S191" s="3"/>
      <c r="T191" s="3"/>
      <c r="U191" s="3"/>
      <c r="V191" s="3"/>
      <c r="W191" s="3"/>
      <c r="X191" s="3"/>
      <c r="Y191" s="3"/>
      <c r="Z191" s="3"/>
      <c r="AA191" s="3"/>
      <c r="AB191" s="3"/>
      <c r="AC191" s="3"/>
      <c r="AD191" s="3"/>
      <c r="AE191" s="3"/>
      <c r="AF191" s="3"/>
    </row>
    <row r="192" spans="3:32" x14ac:dyDescent="0.2">
      <c r="C192" s="3"/>
      <c r="D192" s="3"/>
      <c r="E192" s="3"/>
      <c r="F192" s="3"/>
      <c r="G192" s="3"/>
      <c r="H192" s="3"/>
      <c r="I192" s="3"/>
      <c r="J192" s="3"/>
      <c r="K192" s="3"/>
      <c r="L192" s="3"/>
      <c r="M192" s="3"/>
      <c r="N192" s="3"/>
      <c r="O192" s="3"/>
      <c r="P192" s="3"/>
      <c r="Q192" s="3"/>
      <c r="R192" s="3"/>
      <c r="S192" s="3"/>
      <c r="T192" s="3"/>
      <c r="U192" s="3"/>
      <c r="V192" s="3"/>
      <c r="W192" s="3"/>
      <c r="X192" s="3"/>
      <c r="Y192" s="3"/>
      <c r="Z192" s="3"/>
      <c r="AA192" s="3"/>
      <c r="AB192" s="3"/>
      <c r="AC192" s="3"/>
      <c r="AD192" s="3"/>
      <c r="AE192" s="3"/>
      <c r="AF192" s="3"/>
    </row>
    <row r="193" spans="3:32" x14ac:dyDescent="0.2">
      <c r="C193" s="3"/>
      <c r="D193" s="3"/>
      <c r="E193" s="3"/>
      <c r="F193" s="3"/>
      <c r="G193" s="3"/>
      <c r="H193" s="3"/>
      <c r="I193" s="3"/>
      <c r="J193" s="3"/>
      <c r="K193" s="3"/>
      <c r="L193" s="3"/>
      <c r="M193" s="3"/>
      <c r="N193" s="3"/>
      <c r="O193" s="3"/>
      <c r="P193" s="3"/>
      <c r="Q193" s="3"/>
      <c r="R193" s="3"/>
      <c r="S193" s="3"/>
      <c r="T193" s="3"/>
      <c r="U193" s="3"/>
      <c r="V193" s="3"/>
      <c r="W193" s="3"/>
      <c r="X193" s="3"/>
      <c r="Y193" s="3"/>
      <c r="Z193" s="3"/>
      <c r="AA193" s="3"/>
      <c r="AB193" s="3"/>
      <c r="AC193" s="3"/>
      <c r="AD193" s="3"/>
      <c r="AE193" s="3"/>
      <c r="AF193" s="3"/>
    </row>
    <row r="194" spans="3:32" x14ac:dyDescent="0.2">
      <c r="C194" s="3"/>
      <c r="D194" s="3"/>
      <c r="E194" s="3"/>
      <c r="F194" s="3"/>
      <c r="G194" s="3"/>
      <c r="H194" s="3"/>
      <c r="I194" s="3"/>
      <c r="J194" s="3"/>
      <c r="K194" s="3"/>
      <c r="L194" s="3"/>
      <c r="M194" s="3"/>
      <c r="N194" s="3"/>
      <c r="O194" s="3"/>
      <c r="P194" s="3"/>
      <c r="Q194" s="3"/>
      <c r="R194" s="3"/>
      <c r="S194" s="3"/>
      <c r="T194" s="3"/>
      <c r="U194" s="3"/>
      <c r="V194" s="3"/>
      <c r="W194" s="3"/>
      <c r="X194" s="3"/>
      <c r="Y194" s="3"/>
      <c r="Z194" s="3"/>
      <c r="AA194" s="3"/>
      <c r="AB194" s="3"/>
      <c r="AC194" s="3"/>
      <c r="AD194" s="3"/>
      <c r="AE194" s="3"/>
      <c r="AF194" s="3"/>
    </row>
    <row r="195" spans="3:32" x14ac:dyDescent="0.2">
      <c r="C195" s="3"/>
      <c r="D195" s="3"/>
      <c r="E195" s="3"/>
      <c r="F195" s="3"/>
      <c r="G195" s="3"/>
      <c r="H195" s="3"/>
      <c r="I195" s="3"/>
      <c r="J195" s="3"/>
      <c r="K195" s="3"/>
      <c r="L195" s="3"/>
      <c r="M195" s="3"/>
      <c r="N195" s="3"/>
      <c r="O195" s="3"/>
      <c r="P195" s="3"/>
      <c r="Q195" s="3"/>
      <c r="R195" s="3"/>
      <c r="S195" s="3"/>
      <c r="T195" s="3"/>
      <c r="U195" s="3"/>
      <c r="V195" s="3"/>
      <c r="W195" s="3"/>
      <c r="X195" s="3"/>
      <c r="Y195" s="3"/>
      <c r="Z195" s="3"/>
      <c r="AA195" s="3"/>
      <c r="AB195" s="3"/>
      <c r="AC195" s="3"/>
      <c r="AD195" s="3"/>
      <c r="AE195" s="3"/>
      <c r="AF195" s="3"/>
    </row>
    <row r="196" spans="3:32" x14ac:dyDescent="0.2">
      <c r="C196" s="3"/>
      <c r="D196" s="3"/>
      <c r="E196" s="3"/>
      <c r="F196" s="3"/>
      <c r="G196" s="3"/>
      <c r="H196" s="3"/>
      <c r="I196" s="3"/>
      <c r="J196" s="3"/>
      <c r="K196" s="3"/>
      <c r="L196" s="3"/>
      <c r="M196" s="3"/>
      <c r="N196" s="3"/>
      <c r="O196" s="3"/>
      <c r="P196" s="3"/>
      <c r="Q196" s="3"/>
      <c r="R196" s="3"/>
      <c r="S196" s="3"/>
      <c r="T196" s="3"/>
      <c r="U196" s="3"/>
      <c r="V196" s="3"/>
      <c r="W196" s="3"/>
      <c r="X196" s="3"/>
      <c r="Y196" s="3"/>
      <c r="Z196" s="3"/>
      <c r="AA196" s="3"/>
      <c r="AB196" s="3"/>
      <c r="AC196" s="3"/>
      <c r="AD196" s="3"/>
      <c r="AE196" s="3"/>
      <c r="AF196" s="3"/>
    </row>
    <row r="197" spans="3:32" x14ac:dyDescent="0.2">
      <c r="C197" s="3"/>
      <c r="D197" s="3"/>
      <c r="E197" s="3"/>
      <c r="F197" s="3"/>
      <c r="G197" s="3"/>
      <c r="H197" s="3"/>
      <c r="I197" s="3"/>
      <c r="J197" s="3"/>
      <c r="K197" s="3"/>
      <c r="L197" s="3"/>
      <c r="M197" s="3"/>
      <c r="N197" s="3"/>
      <c r="O197" s="3"/>
      <c r="P197" s="3"/>
      <c r="Q197" s="3"/>
      <c r="R197" s="3"/>
      <c r="S197" s="3"/>
      <c r="T197" s="3"/>
      <c r="U197" s="3"/>
      <c r="V197" s="3"/>
      <c r="W197" s="3"/>
      <c r="X197" s="3"/>
      <c r="Y197" s="3"/>
      <c r="Z197" s="3"/>
      <c r="AA197" s="3"/>
      <c r="AB197" s="3"/>
      <c r="AC197" s="3"/>
      <c r="AD197" s="3"/>
      <c r="AE197" s="3"/>
      <c r="AF197" s="3"/>
    </row>
    <row r="198" spans="3:32" x14ac:dyDescent="0.2">
      <c r="C198" s="3"/>
      <c r="D198" s="3"/>
      <c r="E198" s="3"/>
      <c r="F198" s="3"/>
      <c r="G198" s="3"/>
      <c r="H198" s="3"/>
      <c r="I198" s="3"/>
      <c r="J198" s="3"/>
      <c r="K198" s="3"/>
      <c r="L198" s="3"/>
      <c r="M198" s="3"/>
      <c r="N198" s="3"/>
      <c r="O198" s="3"/>
      <c r="P198" s="3"/>
      <c r="Q198" s="3"/>
      <c r="R198" s="3"/>
      <c r="S198" s="3"/>
      <c r="T198" s="3"/>
      <c r="U198" s="3"/>
      <c r="V198" s="3"/>
      <c r="W198" s="3"/>
      <c r="X198" s="3"/>
      <c r="Y198" s="3"/>
      <c r="Z198" s="3"/>
      <c r="AA198" s="3"/>
      <c r="AB198" s="3"/>
      <c r="AC198" s="3"/>
      <c r="AD198" s="3"/>
      <c r="AE198" s="3"/>
      <c r="AF198" s="3"/>
    </row>
    <row r="199" spans="3:32" x14ac:dyDescent="0.2">
      <c r="C199" s="3"/>
      <c r="D199" s="3"/>
      <c r="E199" s="3"/>
      <c r="F199" s="3"/>
      <c r="G199" s="3"/>
      <c r="H199" s="3"/>
      <c r="I199" s="3"/>
      <c r="J199" s="3"/>
      <c r="K199" s="3"/>
      <c r="L199" s="3"/>
      <c r="M199" s="3"/>
      <c r="N199" s="3"/>
      <c r="O199" s="3"/>
      <c r="P199" s="3"/>
      <c r="Q199" s="3"/>
      <c r="R199" s="3"/>
      <c r="S199" s="3"/>
      <c r="T199" s="3"/>
      <c r="U199" s="3"/>
      <c r="V199" s="3"/>
      <c r="W199" s="3"/>
      <c r="X199" s="3"/>
      <c r="Y199" s="3"/>
      <c r="Z199" s="3"/>
      <c r="AA199" s="3"/>
      <c r="AB199" s="3"/>
      <c r="AC199" s="3"/>
      <c r="AD199" s="3"/>
      <c r="AE199" s="3"/>
      <c r="AF199" s="3"/>
    </row>
    <row r="200" spans="3:32" x14ac:dyDescent="0.2">
      <c r="C200" s="3"/>
      <c r="D200" s="3"/>
      <c r="E200" s="3"/>
      <c r="F200" s="3"/>
      <c r="G200" s="3"/>
      <c r="H200" s="3"/>
      <c r="I200" s="3"/>
      <c r="J200" s="3"/>
      <c r="K200" s="3"/>
      <c r="L200" s="3"/>
      <c r="M200" s="3"/>
      <c r="N200" s="3"/>
      <c r="O200" s="3"/>
      <c r="P200" s="3"/>
      <c r="Q200" s="3"/>
      <c r="R200" s="3"/>
      <c r="S200" s="3"/>
      <c r="T200" s="3"/>
      <c r="U200" s="3"/>
      <c r="V200" s="3"/>
      <c r="W200" s="3"/>
      <c r="X200" s="3"/>
      <c r="Y200" s="3"/>
      <c r="Z200" s="3"/>
      <c r="AA200" s="3"/>
      <c r="AB200" s="3"/>
      <c r="AC200" s="3"/>
      <c r="AD200" s="3"/>
      <c r="AE200" s="3"/>
      <c r="AF200" s="3"/>
    </row>
    <row r="201" spans="3:32" x14ac:dyDescent="0.2">
      <c r="C201" s="3"/>
      <c r="D201" s="3"/>
      <c r="E201" s="3"/>
      <c r="F201" s="3"/>
      <c r="G201" s="3"/>
      <c r="H201" s="3"/>
      <c r="I201" s="3"/>
      <c r="J201" s="3"/>
      <c r="K201" s="3"/>
      <c r="L201" s="3"/>
      <c r="M201" s="3"/>
      <c r="N201" s="3"/>
      <c r="O201" s="3"/>
      <c r="P201" s="3"/>
      <c r="Q201" s="3"/>
      <c r="R201" s="3"/>
      <c r="S201" s="3"/>
      <c r="T201" s="3"/>
      <c r="U201" s="3"/>
      <c r="V201" s="3"/>
      <c r="W201" s="3"/>
      <c r="X201" s="3"/>
      <c r="Y201" s="3"/>
      <c r="Z201" s="3"/>
      <c r="AA201" s="3"/>
      <c r="AB201" s="3"/>
      <c r="AC201" s="3"/>
      <c r="AD201" s="3"/>
      <c r="AE201" s="3"/>
      <c r="AF201" s="3"/>
    </row>
    <row r="202" spans="3:32" x14ac:dyDescent="0.2">
      <c r="C202" s="3"/>
      <c r="D202" s="3"/>
      <c r="E202" s="3"/>
      <c r="F202" s="3"/>
      <c r="G202" s="3"/>
      <c r="H202" s="3"/>
      <c r="I202" s="3"/>
      <c r="J202" s="3"/>
      <c r="K202" s="3"/>
      <c r="L202" s="3"/>
      <c r="M202" s="3"/>
      <c r="N202" s="3"/>
      <c r="O202" s="3"/>
      <c r="P202" s="3"/>
      <c r="Q202" s="3"/>
      <c r="R202" s="3"/>
      <c r="S202" s="3"/>
      <c r="T202" s="3"/>
      <c r="U202" s="3"/>
      <c r="V202" s="3"/>
      <c r="W202" s="3"/>
      <c r="X202" s="3"/>
      <c r="Y202" s="3"/>
      <c r="Z202" s="3"/>
      <c r="AA202" s="3"/>
      <c r="AB202" s="3"/>
      <c r="AC202" s="3"/>
      <c r="AD202" s="3"/>
      <c r="AE202" s="3"/>
      <c r="AF202" s="3"/>
    </row>
    <row r="203" spans="3:32" x14ac:dyDescent="0.2">
      <c r="C203" s="3"/>
      <c r="D203" s="3"/>
      <c r="E203" s="3"/>
      <c r="F203" s="3"/>
      <c r="G203" s="3"/>
      <c r="H203" s="3"/>
      <c r="I203" s="3"/>
      <c r="J203" s="3"/>
      <c r="K203" s="3"/>
      <c r="L203" s="3"/>
      <c r="M203" s="3"/>
      <c r="N203" s="3"/>
      <c r="O203" s="3"/>
      <c r="P203" s="3"/>
      <c r="Q203" s="3"/>
      <c r="R203" s="3"/>
      <c r="S203" s="3"/>
      <c r="T203" s="3"/>
      <c r="U203" s="3"/>
      <c r="V203" s="3"/>
      <c r="W203" s="3"/>
      <c r="X203" s="3"/>
      <c r="Y203" s="3"/>
      <c r="Z203" s="3"/>
      <c r="AA203" s="3"/>
      <c r="AB203" s="3"/>
      <c r="AC203" s="3"/>
      <c r="AD203" s="3"/>
      <c r="AE203" s="3"/>
      <c r="AF203" s="3"/>
    </row>
    <row r="204" spans="3:32" x14ac:dyDescent="0.2">
      <c r="C204" s="3"/>
      <c r="D204" s="3"/>
      <c r="E204" s="3"/>
      <c r="F204" s="3"/>
      <c r="G204" s="3"/>
      <c r="H204" s="3"/>
      <c r="I204" s="3"/>
      <c r="J204" s="3"/>
      <c r="K204" s="3"/>
      <c r="L204" s="3"/>
      <c r="M204" s="3"/>
      <c r="N204" s="3"/>
      <c r="O204" s="3"/>
      <c r="P204" s="3"/>
      <c r="Q204" s="3"/>
      <c r="R204" s="3"/>
      <c r="S204" s="3"/>
      <c r="T204" s="3"/>
      <c r="U204" s="3"/>
      <c r="V204" s="3"/>
      <c r="W204" s="3"/>
      <c r="X204" s="3"/>
      <c r="Y204" s="3"/>
      <c r="Z204" s="3"/>
      <c r="AA204" s="3"/>
      <c r="AB204" s="3"/>
      <c r="AC204" s="3"/>
      <c r="AD204" s="3"/>
      <c r="AE204" s="3"/>
      <c r="AF204" s="3"/>
    </row>
    <row r="205" spans="3:32" x14ac:dyDescent="0.2">
      <c r="C205" s="3"/>
      <c r="D205" s="3"/>
      <c r="E205" s="3"/>
      <c r="F205" s="3"/>
      <c r="G205" s="3"/>
      <c r="H205" s="3"/>
      <c r="I205" s="3"/>
      <c r="J205" s="3"/>
      <c r="K205" s="3"/>
      <c r="L205" s="3"/>
      <c r="M205" s="3"/>
      <c r="N205" s="3"/>
      <c r="O205" s="3"/>
      <c r="P205" s="3"/>
      <c r="Q205" s="3"/>
      <c r="R205" s="3"/>
      <c r="S205" s="3"/>
      <c r="T205" s="3"/>
      <c r="U205" s="3"/>
      <c r="V205" s="3"/>
      <c r="W205" s="3"/>
      <c r="X205" s="3"/>
      <c r="Y205" s="3"/>
      <c r="Z205" s="3"/>
      <c r="AA205" s="3"/>
      <c r="AB205" s="3"/>
      <c r="AC205" s="3"/>
      <c r="AD205" s="3"/>
      <c r="AE205" s="3"/>
      <c r="AF205" s="3"/>
    </row>
    <row r="206" spans="3:32" x14ac:dyDescent="0.2">
      <c r="C206" s="3"/>
      <c r="D206" s="3"/>
      <c r="E206" s="3"/>
      <c r="F206" s="3"/>
      <c r="G206" s="3"/>
      <c r="H206" s="3"/>
      <c r="I206" s="3"/>
      <c r="J206" s="3"/>
      <c r="K206" s="3"/>
      <c r="L206" s="3"/>
      <c r="M206" s="3"/>
      <c r="N206" s="3"/>
      <c r="O206" s="3"/>
      <c r="P206" s="3"/>
      <c r="Q206" s="3"/>
      <c r="R206" s="3"/>
      <c r="S206" s="3"/>
      <c r="T206" s="3"/>
      <c r="U206" s="3"/>
      <c r="V206" s="3"/>
      <c r="W206" s="3"/>
      <c r="X206" s="3"/>
      <c r="Y206" s="3"/>
      <c r="Z206" s="3"/>
      <c r="AA206" s="3"/>
      <c r="AB206" s="3"/>
      <c r="AC206" s="3"/>
      <c r="AD206" s="3"/>
      <c r="AE206" s="3"/>
      <c r="AF206" s="3"/>
    </row>
    <row r="207" spans="3:32" x14ac:dyDescent="0.2">
      <c r="C207" s="3"/>
      <c r="D207" s="3"/>
      <c r="E207" s="3"/>
      <c r="F207" s="3"/>
      <c r="G207" s="3"/>
      <c r="H207" s="3"/>
      <c r="I207" s="3"/>
      <c r="J207" s="3"/>
      <c r="K207" s="3"/>
      <c r="L207" s="3"/>
      <c r="M207" s="3"/>
      <c r="N207" s="3"/>
      <c r="O207" s="3"/>
      <c r="P207" s="3"/>
      <c r="Q207" s="3"/>
      <c r="R207" s="3"/>
      <c r="S207" s="3"/>
      <c r="T207" s="3"/>
      <c r="U207" s="3"/>
      <c r="V207" s="3"/>
      <c r="W207" s="3"/>
      <c r="X207" s="3"/>
      <c r="Y207" s="3"/>
      <c r="Z207" s="3"/>
      <c r="AA207" s="3"/>
      <c r="AB207" s="3"/>
      <c r="AC207" s="3"/>
      <c r="AD207" s="3"/>
      <c r="AE207" s="3"/>
      <c r="AF207" s="3"/>
    </row>
    <row r="208" spans="3:32" x14ac:dyDescent="0.2">
      <c r="C208" s="3"/>
      <c r="D208" s="3"/>
      <c r="E208" s="3"/>
      <c r="F208" s="3"/>
      <c r="G208" s="3"/>
      <c r="H208" s="3"/>
      <c r="I208" s="3"/>
      <c r="J208" s="3"/>
      <c r="K208" s="3"/>
      <c r="L208" s="3"/>
      <c r="M208" s="3"/>
      <c r="N208" s="3"/>
      <c r="O208" s="3"/>
      <c r="P208" s="3"/>
      <c r="Q208" s="3"/>
      <c r="R208" s="3"/>
      <c r="S208" s="3"/>
      <c r="T208" s="3"/>
      <c r="U208" s="3"/>
      <c r="V208" s="3"/>
      <c r="W208" s="3"/>
      <c r="X208" s="3"/>
      <c r="Y208" s="3"/>
      <c r="Z208" s="3"/>
      <c r="AA208" s="3"/>
      <c r="AB208" s="3"/>
      <c r="AC208" s="3"/>
      <c r="AD208" s="3"/>
      <c r="AE208" s="3"/>
      <c r="AF208" s="3"/>
    </row>
    <row r="209" spans="3:32" x14ac:dyDescent="0.2">
      <c r="C209" s="3"/>
      <c r="D209" s="3"/>
      <c r="E209" s="3"/>
      <c r="F209" s="3"/>
      <c r="G209" s="3"/>
      <c r="H209" s="3"/>
      <c r="I209" s="3"/>
      <c r="J209" s="3"/>
      <c r="K209" s="3"/>
      <c r="L209" s="3"/>
      <c r="M209" s="3"/>
      <c r="N209" s="3"/>
      <c r="O209" s="3"/>
      <c r="P209" s="3"/>
      <c r="Q209" s="3"/>
      <c r="R209" s="3"/>
      <c r="S209" s="3"/>
      <c r="T209" s="3"/>
      <c r="U209" s="3"/>
      <c r="V209" s="3"/>
      <c r="W209" s="3"/>
      <c r="X209" s="3"/>
      <c r="Y209" s="3"/>
      <c r="Z209" s="3"/>
      <c r="AA209" s="3"/>
      <c r="AB209" s="3"/>
      <c r="AC209" s="3"/>
      <c r="AD209" s="3"/>
      <c r="AE209" s="3"/>
      <c r="AF209" s="3"/>
    </row>
    <row r="210" spans="3:32" x14ac:dyDescent="0.2">
      <c r="C210" s="3"/>
      <c r="D210" s="3"/>
      <c r="E210" s="3"/>
      <c r="F210" s="3"/>
      <c r="G210" s="3"/>
      <c r="H210" s="3"/>
      <c r="I210" s="3"/>
      <c r="J210" s="3"/>
      <c r="K210" s="3"/>
      <c r="L210" s="3"/>
      <c r="M210" s="3"/>
      <c r="N210" s="3"/>
      <c r="O210" s="3"/>
      <c r="P210" s="3"/>
      <c r="Q210" s="3"/>
      <c r="R210" s="3"/>
      <c r="S210" s="3"/>
      <c r="T210" s="3"/>
      <c r="U210" s="3"/>
      <c r="V210" s="3"/>
      <c r="W210" s="3"/>
      <c r="X210" s="3"/>
      <c r="Y210" s="3"/>
      <c r="Z210" s="3"/>
      <c r="AA210" s="3"/>
      <c r="AB210" s="3"/>
      <c r="AC210" s="3"/>
      <c r="AD210" s="3"/>
      <c r="AE210" s="3"/>
      <c r="AF210" s="3"/>
    </row>
    <row r="211" spans="3:32" x14ac:dyDescent="0.2">
      <c r="C211" s="3"/>
      <c r="D211" s="3"/>
      <c r="E211" s="3"/>
      <c r="F211" s="3"/>
      <c r="G211" s="3"/>
      <c r="H211" s="3"/>
      <c r="I211" s="3"/>
      <c r="J211" s="3"/>
      <c r="K211" s="3"/>
      <c r="L211" s="3"/>
      <c r="M211" s="3"/>
      <c r="N211" s="3"/>
      <c r="O211" s="3"/>
      <c r="P211" s="3"/>
      <c r="Q211" s="3"/>
      <c r="R211" s="3"/>
      <c r="S211" s="3"/>
      <c r="T211" s="3"/>
      <c r="U211" s="3"/>
      <c r="V211" s="3"/>
      <c r="W211" s="3"/>
      <c r="X211" s="3"/>
      <c r="Y211" s="3"/>
      <c r="Z211" s="3"/>
      <c r="AA211" s="3"/>
      <c r="AB211" s="3"/>
      <c r="AC211" s="3"/>
      <c r="AD211" s="3"/>
      <c r="AE211" s="3"/>
      <c r="AF211" s="3"/>
    </row>
    <row r="212" spans="3:32" x14ac:dyDescent="0.2">
      <c r="C212" s="3"/>
      <c r="D212" s="3"/>
      <c r="E212" s="3"/>
      <c r="F212" s="3"/>
      <c r="G212" s="3"/>
      <c r="H212" s="3"/>
      <c r="I212" s="3"/>
      <c r="J212" s="3"/>
      <c r="K212" s="3"/>
      <c r="L212" s="3"/>
      <c r="M212" s="3"/>
      <c r="N212" s="3"/>
      <c r="O212" s="3"/>
      <c r="P212" s="3"/>
      <c r="Q212" s="3"/>
      <c r="R212" s="3"/>
      <c r="S212" s="3"/>
      <c r="T212" s="3"/>
      <c r="U212" s="3"/>
      <c r="V212" s="3"/>
      <c r="W212" s="3"/>
      <c r="X212" s="3"/>
      <c r="Y212" s="3"/>
      <c r="Z212" s="3"/>
      <c r="AA212" s="3"/>
      <c r="AB212" s="3"/>
      <c r="AC212" s="3"/>
      <c r="AD212" s="3"/>
      <c r="AE212" s="3"/>
      <c r="AF212" s="3"/>
    </row>
    <row r="213" spans="3:32" x14ac:dyDescent="0.2">
      <c r="C213" s="3"/>
      <c r="D213" s="3"/>
      <c r="E213" s="3"/>
      <c r="F213" s="3"/>
      <c r="G213" s="3"/>
      <c r="H213" s="3"/>
      <c r="I213" s="3"/>
      <c r="J213" s="3"/>
      <c r="K213" s="3"/>
      <c r="L213" s="3"/>
      <c r="M213" s="3"/>
      <c r="N213" s="3"/>
      <c r="O213" s="3"/>
      <c r="P213" s="3"/>
      <c r="Q213" s="3"/>
      <c r="R213" s="3"/>
      <c r="S213" s="3"/>
      <c r="T213" s="3"/>
      <c r="U213" s="3"/>
      <c r="V213" s="3"/>
      <c r="W213" s="3"/>
      <c r="X213" s="3"/>
      <c r="Y213" s="3"/>
      <c r="Z213" s="3"/>
      <c r="AA213" s="3"/>
      <c r="AB213" s="3"/>
      <c r="AC213" s="3"/>
      <c r="AD213" s="3"/>
      <c r="AE213" s="3"/>
      <c r="AF213" s="3"/>
    </row>
    <row r="214" spans="3:32" x14ac:dyDescent="0.2">
      <c r="C214" s="3"/>
      <c r="D214" s="3"/>
      <c r="E214" s="3"/>
      <c r="F214" s="3"/>
      <c r="G214" s="3"/>
      <c r="H214" s="3"/>
      <c r="I214" s="3"/>
      <c r="J214" s="3"/>
      <c r="K214" s="3"/>
      <c r="L214" s="3"/>
      <c r="M214" s="3"/>
      <c r="N214" s="3"/>
      <c r="O214" s="3"/>
      <c r="P214" s="3"/>
      <c r="Q214" s="3"/>
      <c r="R214" s="3"/>
      <c r="S214" s="3"/>
      <c r="T214" s="3"/>
      <c r="U214" s="3"/>
      <c r="V214" s="3"/>
      <c r="W214" s="3"/>
      <c r="X214" s="3"/>
      <c r="Y214" s="3"/>
      <c r="Z214" s="3"/>
      <c r="AA214" s="3"/>
      <c r="AB214" s="3"/>
      <c r="AC214" s="3"/>
      <c r="AD214" s="3"/>
      <c r="AE214" s="3"/>
      <c r="AF214" s="3"/>
    </row>
    <row r="215" spans="3:32" x14ac:dyDescent="0.2">
      <c r="C215" s="3"/>
      <c r="D215" s="3"/>
      <c r="E215" s="3"/>
      <c r="F215" s="3"/>
      <c r="G215" s="3"/>
      <c r="H215" s="3"/>
      <c r="I215" s="3"/>
      <c r="J215" s="3"/>
      <c r="K215" s="3"/>
      <c r="L215" s="3"/>
      <c r="M215" s="3"/>
      <c r="N215" s="3"/>
      <c r="O215" s="3"/>
      <c r="P215" s="3"/>
      <c r="Q215" s="3"/>
      <c r="R215" s="3"/>
      <c r="S215" s="3"/>
      <c r="T215" s="3"/>
      <c r="U215" s="3"/>
      <c r="V215" s="3"/>
      <c r="W215" s="3"/>
      <c r="X215" s="3"/>
      <c r="Y215" s="3"/>
      <c r="Z215" s="3"/>
      <c r="AA215" s="3"/>
      <c r="AB215" s="3"/>
      <c r="AC215" s="3"/>
      <c r="AD215" s="3"/>
      <c r="AE215" s="3"/>
      <c r="AF215" s="3"/>
    </row>
    <row r="216" spans="3:32" x14ac:dyDescent="0.2">
      <c r="C216" s="3"/>
      <c r="D216" s="3"/>
      <c r="E216" s="3"/>
      <c r="F216" s="3"/>
      <c r="G216" s="3"/>
      <c r="H216" s="3"/>
      <c r="I216" s="3"/>
      <c r="J216" s="3"/>
      <c r="K216" s="3"/>
      <c r="L216" s="3"/>
      <c r="M216" s="3"/>
      <c r="N216" s="3"/>
      <c r="O216" s="3"/>
      <c r="P216" s="3"/>
      <c r="Q216" s="3"/>
      <c r="R216" s="3"/>
      <c r="S216" s="3"/>
      <c r="T216" s="3"/>
      <c r="U216" s="3"/>
      <c r="V216" s="3"/>
      <c r="W216" s="3"/>
      <c r="X216" s="3"/>
      <c r="Y216" s="3"/>
      <c r="Z216" s="3"/>
      <c r="AA216" s="3"/>
      <c r="AB216" s="3"/>
      <c r="AC216" s="3"/>
      <c r="AD216" s="3"/>
      <c r="AE216" s="3"/>
      <c r="AF216" s="3"/>
    </row>
    <row r="217" spans="3:32" x14ac:dyDescent="0.2">
      <c r="C217" s="3"/>
      <c r="D217" s="3"/>
      <c r="E217" s="3"/>
      <c r="F217" s="3"/>
      <c r="G217" s="3"/>
      <c r="H217" s="3"/>
      <c r="I217" s="3"/>
      <c r="J217" s="3"/>
      <c r="K217" s="3"/>
      <c r="L217" s="3"/>
      <c r="M217" s="3"/>
      <c r="N217" s="3"/>
      <c r="O217" s="3"/>
      <c r="P217" s="3"/>
      <c r="Q217" s="3"/>
      <c r="R217" s="3"/>
      <c r="S217" s="3"/>
      <c r="T217" s="3"/>
      <c r="U217" s="3"/>
      <c r="V217" s="3"/>
      <c r="W217" s="3"/>
      <c r="X217" s="3"/>
      <c r="Y217" s="3"/>
      <c r="Z217" s="3"/>
      <c r="AA217" s="3"/>
      <c r="AB217" s="3"/>
      <c r="AC217" s="3"/>
      <c r="AD217" s="3"/>
      <c r="AE217" s="3"/>
      <c r="AF217" s="3"/>
    </row>
    <row r="218" spans="3:32" x14ac:dyDescent="0.2">
      <c r="C218" s="3"/>
      <c r="D218" s="3"/>
      <c r="E218" s="3"/>
      <c r="F218" s="3"/>
      <c r="G218" s="3"/>
      <c r="H218" s="3"/>
      <c r="I218" s="3"/>
      <c r="J218" s="3"/>
      <c r="K218" s="3"/>
      <c r="L218" s="3"/>
      <c r="M218" s="3"/>
      <c r="N218" s="3"/>
      <c r="O218" s="3"/>
      <c r="P218" s="3"/>
      <c r="Q218" s="3"/>
      <c r="R218" s="3"/>
      <c r="S218" s="3"/>
      <c r="T218" s="3"/>
      <c r="U218" s="3"/>
      <c r="V218" s="3"/>
      <c r="W218" s="3"/>
      <c r="X218" s="3"/>
      <c r="Y218" s="3"/>
      <c r="Z218" s="3"/>
      <c r="AA218" s="3"/>
      <c r="AB218" s="3"/>
      <c r="AC218" s="3"/>
      <c r="AD218" s="3"/>
      <c r="AE218" s="3"/>
      <c r="AF218" s="3"/>
    </row>
    <row r="219" spans="3:32" x14ac:dyDescent="0.2">
      <c r="C219" s="3"/>
      <c r="D219" s="3"/>
      <c r="E219" s="3"/>
      <c r="F219" s="3"/>
      <c r="G219" s="3"/>
      <c r="H219" s="3"/>
      <c r="I219" s="3"/>
      <c r="J219" s="3"/>
      <c r="K219" s="3"/>
      <c r="L219" s="3"/>
      <c r="M219" s="3"/>
      <c r="N219" s="3"/>
      <c r="O219" s="3"/>
      <c r="P219" s="3"/>
      <c r="Q219" s="3"/>
      <c r="R219" s="3"/>
      <c r="S219" s="3"/>
      <c r="T219" s="3"/>
      <c r="U219" s="3"/>
      <c r="V219" s="3"/>
      <c r="W219" s="3"/>
      <c r="X219" s="3"/>
      <c r="Y219" s="3"/>
      <c r="Z219" s="3"/>
      <c r="AA219" s="3"/>
      <c r="AB219" s="3"/>
      <c r="AC219" s="3"/>
      <c r="AD219" s="3"/>
      <c r="AE219" s="3"/>
      <c r="AF219" s="3"/>
    </row>
  </sheetData>
  <mergeCells count="59">
    <mergeCell ref="DS5:DU5"/>
    <mergeCell ref="DV5:EA5"/>
    <mergeCell ref="EB5:EB6"/>
    <mergeCell ref="CD5:CD6"/>
    <mergeCell ref="CE5:CG5"/>
    <mergeCell ref="CH5:CM5"/>
    <mergeCell ref="CN5:CN6"/>
    <mergeCell ref="CO5:CQ5"/>
    <mergeCell ref="CR5:CW5"/>
    <mergeCell ref="CX5:CX6"/>
    <mergeCell ref="CY5:DA5"/>
    <mergeCell ref="DB5:DG5"/>
    <mergeCell ref="DH5:DH6"/>
    <mergeCell ref="DI5:DK5"/>
    <mergeCell ref="DL5:DQ5"/>
    <mergeCell ref="DR5:DR6"/>
    <mergeCell ref="BU5:BW5"/>
    <mergeCell ref="BX5:CC5"/>
    <mergeCell ref="BA5:BC5"/>
    <mergeCell ref="BD5:BI5"/>
    <mergeCell ref="BJ5:BJ6"/>
    <mergeCell ref="BK5:BM5"/>
    <mergeCell ref="W5:Y5"/>
    <mergeCell ref="Z5:AE5"/>
    <mergeCell ref="AF5:AF6"/>
    <mergeCell ref="BN5:BS5"/>
    <mergeCell ref="BT5:BT6"/>
    <mergeCell ref="V5:V6"/>
    <mergeCell ref="BK3:CN3"/>
    <mergeCell ref="DS3:EB4"/>
    <mergeCell ref="C4:L4"/>
    <mergeCell ref="M4:V4"/>
    <mergeCell ref="W4:AF4"/>
    <mergeCell ref="AG4:AP4"/>
    <mergeCell ref="AQ4:AZ4"/>
    <mergeCell ref="BA4:BJ4"/>
    <mergeCell ref="BK4:BT4"/>
    <mergeCell ref="BU4:CD4"/>
    <mergeCell ref="CE4:CN4"/>
    <mergeCell ref="CO3:DR3"/>
    <mergeCell ref="CO4:CX4"/>
    <mergeCell ref="CY4:DH4"/>
    <mergeCell ref="DI4:DR4"/>
    <mergeCell ref="H1:I1"/>
    <mergeCell ref="K1:L1"/>
    <mergeCell ref="B3:B5"/>
    <mergeCell ref="C3:AF3"/>
    <mergeCell ref="AG3:BJ3"/>
    <mergeCell ref="AG5:AI5"/>
    <mergeCell ref="AJ5:AO5"/>
    <mergeCell ref="AP5:AP6"/>
    <mergeCell ref="AQ5:AS5"/>
    <mergeCell ref="AT5:AY5"/>
    <mergeCell ref="AZ5:AZ6"/>
    <mergeCell ref="C5:E5"/>
    <mergeCell ref="F5:K5"/>
    <mergeCell ref="L5:L6"/>
    <mergeCell ref="M5:O5"/>
    <mergeCell ref="P5:U5"/>
  </mergeCells>
  <phoneticPr fontId="4"/>
  <pageMargins left="0.78740157480314965" right="0.31496062992125984" top="0.27559055118110237" bottom="0.39370078740157483" header="0.19685039370078741" footer="0.19685039370078741"/>
  <pageSetup paperSize="9" scale="45" orientation="landscape" r:id="rId1"/>
  <headerFooter alignWithMargins="0">
    <oddFooter>&amp;L&amp;20&amp;A&amp;C&amp;P/&amp;N</oddFooter>
  </headerFooter>
  <colBreaks count="3" manualBreakCount="3">
    <brk id="32" max="1048575" man="1"/>
    <brk id="62" max="1048575" man="1"/>
    <brk id="122" max="1048575" man="1"/>
  </colBreaks>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6"/>
  </sheetPr>
  <dimension ref="B1:KM41"/>
  <sheetViews>
    <sheetView zoomScaleNormal="100" workbookViewId="0">
      <pane xSplit="2" ySplit="7" topLeftCell="C8" activePane="bottomRight" state="frozen"/>
      <selection activeCell="F37" sqref="F37"/>
      <selection pane="topRight" activeCell="F37" sqref="F37"/>
      <selection pane="bottomLeft" activeCell="F37" sqref="F37"/>
      <selection pane="bottomRight" activeCell="B1" sqref="B1"/>
    </sheetView>
  </sheetViews>
  <sheetFormatPr defaultColWidth="9" defaultRowHeight="13.2" x14ac:dyDescent="0.2"/>
  <cols>
    <col min="1" max="1" width="2.77734375" style="44" customWidth="1"/>
    <col min="2" max="2" width="9.44140625" style="44" customWidth="1"/>
    <col min="3" max="5" width="7.88671875" style="43" customWidth="1"/>
    <col min="6" max="6" width="8.109375" style="43" customWidth="1"/>
    <col min="7" max="11" width="7.88671875" style="43" customWidth="1"/>
    <col min="12" max="13" width="8.77734375" style="43" customWidth="1"/>
    <col min="14" max="33" width="7.88671875" style="43" customWidth="1"/>
    <col min="34" max="34" width="9.109375" style="43" customWidth="1"/>
    <col min="35" max="35" width="8.44140625" style="43" customWidth="1"/>
    <col min="36" max="55" width="7.88671875" style="43" customWidth="1"/>
    <col min="56" max="56" width="9.109375" style="43" customWidth="1"/>
    <col min="57" max="57" width="8.44140625" style="43" customWidth="1"/>
    <col min="58" max="77" width="7.88671875" style="43" customWidth="1"/>
    <col min="78" max="78" width="9.109375" style="43" customWidth="1"/>
    <col min="79" max="79" width="8.44140625" style="43" customWidth="1"/>
    <col min="80" max="86" width="7.88671875" style="43" customWidth="1"/>
    <col min="87" max="102" width="9" style="43"/>
    <col min="103" max="148" width="9" style="44"/>
    <col min="149" max="149" width="7.77734375" style="44" customWidth="1"/>
    <col min="150" max="159" width="9" style="44"/>
    <col min="160" max="160" width="8.109375" style="44" customWidth="1"/>
    <col min="161" max="16384" width="9" style="44"/>
  </cols>
  <sheetData>
    <row r="1" spans="2:299" ht="24" customHeight="1" x14ac:dyDescent="0.2">
      <c r="B1" s="12" t="s">
        <v>121</v>
      </c>
      <c r="F1" s="524">
        <f>第１表!F2</f>
        <v>5</v>
      </c>
      <c r="G1" s="524"/>
      <c r="H1" s="248">
        <f>第１表!G2</f>
        <v>2</v>
      </c>
      <c r="I1" s="506">
        <f>H1</f>
        <v>2</v>
      </c>
      <c r="J1" s="506"/>
    </row>
    <row r="2" spans="2:299" ht="24" customHeight="1" thickBot="1" x14ac:dyDescent="0.25">
      <c r="B2" s="20" t="s">
        <v>130</v>
      </c>
    </row>
    <row r="3" spans="2:299" ht="21" customHeight="1" thickBot="1" x14ac:dyDescent="0.25">
      <c r="B3" s="507" t="s">
        <v>38</v>
      </c>
      <c r="C3" s="519" t="s">
        <v>96</v>
      </c>
      <c r="D3" s="519"/>
      <c r="E3" s="519"/>
      <c r="F3" s="519"/>
      <c r="G3" s="519"/>
      <c r="H3" s="519"/>
      <c r="I3" s="519"/>
      <c r="J3" s="519"/>
      <c r="K3" s="519"/>
      <c r="L3" s="519"/>
      <c r="M3" s="519"/>
      <c r="N3" s="519"/>
      <c r="O3" s="519"/>
      <c r="P3" s="519"/>
      <c r="Q3" s="519"/>
      <c r="R3" s="519"/>
      <c r="S3" s="519"/>
      <c r="T3" s="519"/>
      <c r="U3" s="519"/>
      <c r="V3" s="519"/>
      <c r="W3" s="519"/>
      <c r="X3" s="519"/>
      <c r="Y3" s="519"/>
      <c r="Z3" s="519"/>
      <c r="AA3" s="519"/>
      <c r="AB3" s="519"/>
      <c r="AC3" s="519"/>
      <c r="AD3" s="519"/>
      <c r="AE3" s="519"/>
      <c r="AF3" s="519"/>
      <c r="AG3" s="519"/>
      <c r="AH3" s="519"/>
      <c r="AI3" s="519"/>
      <c r="AJ3" s="519"/>
      <c r="AK3" s="519"/>
      <c r="AL3" s="519"/>
      <c r="AM3" s="519"/>
      <c r="AN3" s="519"/>
      <c r="AO3" s="519"/>
      <c r="AP3" s="519"/>
      <c r="AQ3" s="519"/>
      <c r="AR3" s="519"/>
      <c r="AS3" s="519"/>
      <c r="AT3" s="519"/>
      <c r="AU3" s="519"/>
      <c r="AV3" s="519"/>
      <c r="AW3" s="519"/>
      <c r="AX3" s="519"/>
      <c r="AY3" s="519"/>
      <c r="AZ3" s="519"/>
      <c r="BA3" s="519"/>
      <c r="BB3" s="519"/>
      <c r="BC3" s="519"/>
      <c r="BD3" s="519"/>
      <c r="BE3" s="519"/>
      <c r="BF3" s="519"/>
      <c r="BG3" s="519"/>
      <c r="BH3" s="519"/>
      <c r="BI3" s="519"/>
      <c r="BJ3" s="519"/>
      <c r="BK3" s="519"/>
      <c r="BL3" s="519"/>
      <c r="BM3" s="519"/>
      <c r="BN3" s="519"/>
      <c r="BO3" s="519"/>
      <c r="BP3" s="519"/>
      <c r="BQ3" s="519"/>
      <c r="BR3" s="519"/>
      <c r="BS3" s="519"/>
      <c r="BT3" s="519"/>
      <c r="BU3" s="519"/>
      <c r="BV3" s="519"/>
      <c r="BW3" s="519"/>
      <c r="BX3" s="519"/>
      <c r="BY3" s="519"/>
      <c r="BZ3" s="519"/>
      <c r="CA3" s="519"/>
      <c r="CB3" s="519"/>
      <c r="CC3" s="519"/>
      <c r="CD3" s="519"/>
      <c r="CE3" s="519"/>
      <c r="CF3" s="519"/>
      <c r="CG3" s="519"/>
      <c r="CH3" s="519"/>
      <c r="CI3" s="519"/>
      <c r="CJ3" s="519"/>
      <c r="CK3" s="519"/>
      <c r="CL3" s="519"/>
      <c r="CM3" s="519"/>
      <c r="CN3" s="519"/>
      <c r="CO3" s="519"/>
      <c r="CP3" s="519"/>
      <c r="CQ3" s="519"/>
      <c r="CR3" s="519"/>
      <c r="CS3" s="519"/>
      <c r="CT3" s="519"/>
      <c r="CU3" s="519"/>
      <c r="CV3" s="519"/>
      <c r="CW3" s="520"/>
      <c r="CX3" s="519" t="s">
        <v>103</v>
      </c>
      <c r="CY3" s="519"/>
      <c r="CZ3" s="519"/>
      <c r="DA3" s="519"/>
      <c r="DB3" s="519"/>
      <c r="DC3" s="519"/>
      <c r="DD3" s="519"/>
      <c r="DE3" s="519"/>
      <c r="DF3" s="519"/>
      <c r="DG3" s="519"/>
      <c r="DH3" s="519"/>
      <c r="DI3" s="519"/>
      <c r="DJ3" s="519"/>
      <c r="DK3" s="519"/>
      <c r="DL3" s="519"/>
      <c r="DM3" s="519"/>
      <c r="DN3" s="519"/>
      <c r="DO3" s="519"/>
      <c r="DP3" s="519"/>
      <c r="DQ3" s="519"/>
      <c r="DR3" s="519"/>
      <c r="DS3" s="519"/>
      <c r="DT3" s="519"/>
      <c r="DU3" s="519"/>
      <c r="DV3" s="519"/>
      <c r="DW3" s="519"/>
      <c r="DX3" s="519"/>
      <c r="DY3" s="519"/>
      <c r="DZ3" s="519"/>
      <c r="EA3" s="519"/>
      <c r="EB3" s="519"/>
      <c r="EC3" s="519"/>
      <c r="ED3" s="519"/>
      <c r="EE3" s="519"/>
      <c r="EF3" s="519"/>
      <c r="EG3" s="519"/>
      <c r="EH3" s="519"/>
      <c r="EI3" s="519"/>
      <c r="EJ3" s="519"/>
      <c r="EK3" s="519"/>
      <c r="EL3" s="519"/>
      <c r="EM3" s="519"/>
      <c r="EN3" s="519"/>
      <c r="EO3" s="519"/>
      <c r="EP3" s="519"/>
      <c r="EQ3" s="519"/>
      <c r="ER3" s="519"/>
      <c r="ES3" s="519"/>
      <c r="ET3" s="519"/>
      <c r="EU3" s="519"/>
      <c r="EV3" s="519"/>
      <c r="EW3" s="519"/>
      <c r="EX3" s="519"/>
      <c r="EY3" s="519"/>
      <c r="EZ3" s="519"/>
      <c r="FA3" s="519"/>
      <c r="FB3" s="519"/>
      <c r="FC3" s="519"/>
      <c r="FD3" s="519"/>
      <c r="FE3" s="519"/>
      <c r="FF3" s="519"/>
      <c r="FG3" s="519"/>
      <c r="FH3" s="519"/>
      <c r="FI3" s="519"/>
      <c r="FJ3" s="519"/>
      <c r="FK3" s="519"/>
      <c r="FL3" s="519"/>
      <c r="FM3" s="519"/>
      <c r="FN3" s="519"/>
      <c r="FO3" s="519"/>
      <c r="FP3" s="519"/>
      <c r="FQ3" s="519"/>
      <c r="FR3" s="519"/>
      <c r="FS3" s="519"/>
      <c r="FT3" s="519"/>
      <c r="FU3" s="519"/>
      <c r="FV3" s="519"/>
      <c r="FW3" s="519"/>
      <c r="FX3" s="519"/>
      <c r="FY3" s="519"/>
      <c r="FZ3" s="519"/>
      <c r="GA3" s="519"/>
      <c r="GB3" s="519"/>
      <c r="GC3" s="519"/>
      <c r="GD3" s="519"/>
      <c r="GE3" s="519"/>
      <c r="GF3" s="519"/>
      <c r="GG3" s="519"/>
      <c r="GH3" s="519"/>
      <c r="GI3" s="519"/>
      <c r="GJ3" s="519"/>
      <c r="GK3" s="519"/>
      <c r="GL3" s="519"/>
      <c r="GM3" s="519"/>
      <c r="GN3" s="519"/>
      <c r="GO3" s="519"/>
      <c r="GP3" s="519"/>
      <c r="GQ3" s="519"/>
      <c r="GR3" s="520"/>
      <c r="GS3" s="519" t="s">
        <v>104</v>
      </c>
      <c r="GT3" s="519"/>
      <c r="GU3" s="519"/>
      <c r="GV3" s="519"/>
      <c r="GW3" s="519"/>
      <c r="GX3" s="519"/>
      <c r="GY3" s="519"/>
      <c r="GZ3" s="519"/>
      <c r="HA3" s="519"/>
      <c r="HB3" s="519"/>
      <c r="HC3" s="519"/>
      <c r="HD3" s="519"/>
      <c r="HE3" s="519"/>
      <c r="HF3" s="519"/>
      <c r="HG3" s="519"/>
      <c r="HH3" s="519"/>
      <c r="HI3" s="519"/>
      <c r="HJ3" s="519"/>
      <c r="HK3" s="519"/>
      <c r="HL3" s="519"/>
      <c r="HM3" s="519"/>
      <c r="HN3" s="519"/>
      <c r="HO3" s="519"/>
      <c r="HP3" s="519"/>
      <c r="HQ3" s="519"/>
      <c r="HR3" s="519"/>
      <c r="HS3" s="519"/>
      <c r="HT3" s="519"/>
      <c r="HU3" s="519"/>
      <c r="HV3" s="519"/>
      <c r="HW3" s="519"/>
      <c r="HX3" s="519"/>
      <c r="HY3" s="519"/>
      <c r="HZ3" s="519"/>
      <c r="IA3" s="519"/>
      <c r="IB3" s="519"/>
      <c r="IC3" s="519"/>
      <c r="ID3" s="519"/>
      <c r="IE3" s="519"/>
      <c r="IF3" s="519"/>
      <c r="IG3" s="519"/>
      <c r="IH3" s="519"/>
      <c r="II3" s="519"/>
      <c r="IJ3" s="519"/>
      <c r="IK3" s="519"/>
      <c r="IL3" s="519"/>
      <c r="IM3" s="519"/>
      <c r="IN3" s="519"/>
      <c r="IO3" s="519"/>
      <c r="IP3" s="519"/>
      <c r="IQ3" s="519"/>
      <c r="IR3" s="519"/>
      <c r="IS3" s="519"/>
      <c r="IT3" s="519"/>
      <c r="IU3" s="519"/>
      <c r="IV3" s="519"/>
      <c r="IW3" s="519"/>
      <c r="IX3" s="519"/>
      <c r="IY3" s="519"/>
      <c r="IZ3" s="519"/>
      <c r="JA3" s="519"/>
      <c r="JB3" s="519"/>
      <c r="JC3" s="519"/>
      <c r="JD3" s="519"/>
      <c r="JE3" s="519"/>
      <c r="JF3" s="519"/>
      <c r="JG3" s="519"/>
      <c r="JH3" s="519"/>
      <c r="JI3" s="519"/>
      <c r="JJ3" s="519"/>
      <c r="JK3" s="519"/>
      <c r="JL3" s="519"/>
      <c r="JM3" s="519"/>
      <c r="JN3" s="519"/>
      <c r="JO3" s="519"/>
      <c r="JP3" s="519"/>
      <c r="JQ3" s="519"/>
      <c r="JR3" s="519"/>
      <c r="JS3" s="519"/>
      <c r="JT3" s="519"/>
      <c r="JU3" s="519"/>
      <c r="JV3" s="519"/>
      <c r="JW3" s="519"/>
      <c r="JX3" s="519"/>
      <c r="JY3" s="519"/>
      <c r="JZ3" s="519"/>
      <c r="KA3" s="519"/>
      <c r="KB3" s="519"/>
      <c r="KC3" s="519"/>
      <c r="KD3" s="519"/>
      <c r="KE3" s="519"/>
      <c r="KF3" s="519"/>
      <c r="KG3" s="519"/>
      <c r="KH3" s="519"/>
      <c r="KI3" s="519"/>
      <c r="KJ3" s="519"/>
      <c r="KK3" s="519"/>
      <c r="KL3" s="519"/>
      <c r="KM3" s="520"/>
    </row>
    <row r="4" spans="2:299" ht="21" customHeight="1" thickBot="1" x14ac:dyDescent="0.25">
      <c r="B4" s="525"/>
      <c r="C4" s="521" t="s">
        <v>39</v>
      </c>
      <c r="D4" s="522"/>
      <c r="E4" s="522"/>
      <c r="F4" s="522"/>
      <c r="G4" s="522"/>
      <c r="H4" s="522"/>
      <c r="I4" s="522"/>
      <c r="J4" s="522"/>
      <c r="K4" s="522"/>
      <c r="L4" s="522"/>
      <c r="M4" s="522"/>
      <c r="N4" s="522"/>
      <c r="O4" s="522"/>
      <c r="P4" s="522"/>
      <c r="Q4" s="522"/>
      <c r="R4" s="522"/>
      <c r="S4" s="522"/>
      <c r="T4" s="522"/>
      <c r="U4" s="522"/>
      <c r="V4" s="522"/>
      <c r="W4" s="522"/>
      <c r="X4" s="522"/>
      <c r="Y4" s="522"/>
      <c r="Z4" s="522"/>
      <c r="AA4" s="522"/>
      <c r="AB4" s="522"/>
      <c r="AC4" s="522"/>
      <c r="AD4" s="522"/>
      <c r="AE4" s="522"/>
      <c r="AF4" s="522"/>
      <c r="AG4" s="522"/>
      <c r="AH4" s="522"/>
      <c r="AI4" s="522"/>
      <c r="AJ4" s="522"/>
      <c r="AK4" s="522"/>
      <c r="AL4" s="522"/>
      <c r="AM4" s="522"/>
      <c r="AN4" s="522"/>
      <c r="AO4" s="522"/>
      <c r="AP4" s="522"/>
      <c r="AQ4" s="522"/>
      <c r="AR4" s="522"/>
      <c r="AS4" s="522"/>
      <c r="AT4" s="522"/>
      <c r="AU4" s="522"/>
      <c r="AV4" s="522"/>
      <c r="AW4" s="522"/>
      <c r="AX4" s="522"/>
      <c r="AY4" s="522"/>
      <c r="AZ4" s="522"/>
      <c r="BA4" s="522"/>
      <c r="BB4" s="522"/>
      <c r="BC4" s="522"/>
      <c r="BD4" s="522"/>
      <c r="BE4" s="522"/>
      <c r="BF4" s="522"/>
      <c r="BG4" s="522"/>
      <c r="BH4" s="522"/>
      <c r="BI4" s="522"/>
      <c r="BJ4" s="522"/>
      <c r="BK4" s="522"/>
      <c r="BL4" s="522"/>
      <c r="BM4" s="522"/>
      <c r="BN4" s="522"/>
      <c r="BO4" s="522"/>
      <c r="BP4" s="522"/>
      <c r="BQ4" s="522"/>
      <c r="BR4" s="522"/>
      <c r="BS4" s="522"/>
      <c r="BT4" s="522"/>
      <c r="BU4" s="522"/>
      <c r="BV4" s="522"/>
      <c r="BW4" s="522"/>
      <c r="BX4" s="522"/>
      <c r="BY4" s="522"/>
      <c r="BZ4" s="522"/>
      <c r="CA4" s="523"/>
      <c r="CB4" s="507" t="s">
        <v>40</v>
      </c>
      <c r="CC4" s="508"/>
      <c r="CD4" s="508"/>
      <c r="CE4" s="508"/>
      <c r="CF4" s="508"/>
      <c r="CG4" s="508"/>
      <c r="CH4" s="508"/>
      <c r="CI4" s="508"/>
      <c r="CJ4" s="508"/>
      <c r="CK4" s="508"/>
      <c r="CL4" s="509"/>
      <c r="CM4" s="507" t="s">
        <v>41</v>
      </c>
      <c r="CN4" s="508"/>
      <c r="CO4" s="508"/>
      <c r="CP4" s="508"/>
      <c r="CQ4" s="508"/>
      <c r="CR4" s="508"/>
      <c r="CS4" s="508"/>
      <c r="CT4" s="508"/>
      <c r="CU4" s="508"/>
      <c r="CV4" s="508"/>
      <c r="CW4" s="509"/>
      <c r="CX4" s="521" t="s">
        <v>39</v>
      </c>
      <c r="CY4" s="522"/>
      <c r="CZ4" s="522"/>
      <c r="DA4" s="522"/>
      <c r="DB4" s="522"/>
      <c r="DC4" s="522"/>
      <c r="DD4" s="522"/>
      <c r="DE4" s="522"/>
      <c r="DF4" s="522"/>
      <c r="DG4" s="522"/>
      <c r="DH4" s="522"/>
      <c r="DI4" s="522"/>
      <c r="DJ4" s="522"/>
      <c r="DK4" s="522"/>
      <c r="DL4" s="522"/>
      <c r="DM4" s="522"/>
      <c r="DN4" s="522"/>
      <c r="DO4" s="522"/>
      <c r="DP4" s="522"/>
      <c r="DQ4" s="522"/>
      <c r="DR4" s="522"/>
      <c r="DS4" s="522"/>
      <c r="DT4" s="522"/>
      <c r="DU4" s="522"/>
      <c r="DV4" s="522"/>
      <c r="DW4" s="522"/>
      <c r="DX4" s="522"/>
      <c r="DY4" s="522"/>
      <c r="DZ4" s="522"/>
      <c r="EA4" s="522"/>
      <c r="EB4" s="522"/>
      <c r="EC4" s="522"/>
      <c r="ED4" s="522"/>
      <c r="EE4" s="522"/>
      <c r="EF4" s="522"/>
      <c r="EG4" s="522"/>
      <c r="EH4" s="522"/>
      <c r="EI4" s="522"/>
      <c r="EJ4" s="522"/>
      <c r="EK4" s="522"/>
      <c r="EL4" s="522"/>
      <c r="EM4" s="522"/>
      <c r="EN4" s="522"/>
      <c r="EO4" s="522"/>
      <c r="EP4" s="522"/>
      <c r="EQ4" s="522"/>
      <c r="ER4" s="522"/>
      <c r="ES4" s="522"/>
      <c r="ET4" s="522"/>
      <c r="EU4" s="522"/>
      <c r="EV4" s="522"/>
      <c r="EW4" s="522"/>
      <c r="EX4" s="522"/>
      <c r="EY4" s="522"/>
      <c r="EZ4" s="522"/>
      <c r="FA4" s="522"/>
      <c r="FB4" s="522"/>
      <c r="FC4" s="522"/>
      <c r="FD4" s="522"/>
      <c r="FE4" s="522"/>
      <c r="FF4" s="522"/>
      <c r="FG4" s="522"/>
      <c r="FH4" s="522"/>
      <c r="FI4" s="522"/>
      <c r="FJ4" s="522"/>
      <c r="FK4" s="522"/>
      <c r="FL4" s="522"/>
      <c r="FM4" s="522"/>
      <c r="FN4" s="522"/>
      <c r="FO4" s="522"/>
      <c r="FP4" s="522"/>
      <c r="FQ4" s="522"/>
      <c r="FR4" s="522"/>
      <c r="FS4" s="522"/>
      <c r="FT4" s="522"/>
      <c r="FU4" s="522"/>
      <c r="FV4" s="523"/>
      <c r="FW4" s="507" t="s">
        <v>40</v>
      </c>
      <c r="FX4" s="508"/>
      <c r="FY4" s="508"/>
      <c r="FZ4" s="508"/>
      <c r="GA4" s="508"/>
      <c r="GB4" s="508"/>
      <c r="GC4" s="508"/>
      <c r="GD4" s="508"/>
      <c r="GE4" s="508"/>
      <c r="GF4" s="508"/>
      <c r="GG4" s="509"/>
      <c r="GH4" s="507" t="s">
        <v>41</v>
      </c>
      <c r="GI4" s="508"/>
      <c r="GJ4" s="508"/>
      <c r="GK4" s="508"/>
      <c r="GL4" s="508"/>
      <c r="GM4" s="508"/>
      <c r="GN4" s="508"/>
      <c r="GO4" s="508"/>
      <c r="GP4" s="508"/>
      <c r="GQ4" s="508"/>
      <c r="GR4" s="509"/>
      <c r="GS4" s="521" t="s">
        <v>39</v>
      </c>
      <c r="GT4" s="522"/>
      <c r="GU4" s="522"/>
      <c r="GV4" s="522"/>
      <c r="GW4" s="522"/>
      <c r="GX4" s="522"/>
      <c r="GY4" s="522"/>
      <c r="GZ4" s="522"/>
      <c r="HA4" s="522"/>
      <c r="HB4" s="522"/>
      <c r="HC4" s="522"/>
      <c r="HD4" s="522"/>
      <c r="HE4" s="522"/>
      <c r="HF4" s="522"/>
      <c r="HG4" s="522"/>
      <c r="HH4" s="522"/>
      <c r="HI4" s="522"/>
      <c r="HJ4" s="522"/>
      <c r="HK4" s="522"/>
      <c r="HL4" s="522"/>
      <c r="HM4" s="522"/>
      <c r="HN4" s="522"/>
      <c r="HO4" s="522"/>
      <c r="HP4" s="522"/>
      <c r="HQ4" s="522"/>
      <c r="HR4" s="522"/>
      <c r="HS4" s="522"/>
      <c r="HT4" s="522"/>
      <c r="HU4" s="522"/>
      <c r="HV4" s="522"/>
      <c r="HW4" s="522"/>
      <c r="HX4" s="522"/>
      <c r="HY4" s="522"/>
      <c r="HZ4" s="522"/>
      <c r="IA4" s="522"/>
      <c r="IB4" s="522"/>
      <c r="IC4" s="522"/>
      <c r="ID4" s="522"/>
      <c r="IE4" s="522"/>
      <c r="IF4" s="522"/>
      <c r="IG4" s="522"/>
      <c r="IH4" s="522"/>
      <c r="II4" s="522"/>
      <c r="IJ4" s="522"/>
      <c r="IK4" s="522"/>
      <c r="IL4" s="522"/>
      <c r="IM4" s="522"/>
      <c r="IN4" s="522"/>
      <c r="IO4" s="522"/>
      <c r="IP4" s="522"/>
      <c r="IQ4" s="522"/>
      <c r="IR4" s="522"/>
      <c r="IS4" s="522"/>
      <c r="IT4" s="522"/>
      <c r="IU4" s="522"/>
      <c r="IV4" s="522"/>
      <c r="IW4" s="522"/>
      <c r="IX4" s="522"/>
      <c r="IY4" s="522"/>
      <c r="IZ4" s="522"/>
      <c r="JA4" s="522"/>
      <c r="JB4" s="522"/>
      <c r="JC4" s="522"/>
      <c r="JD4" s="522"/>
      <c r="JE4" s="522"/>
      <c r="JF4" s="522"/>
      <c r="JG4" s="522"/>
      <c r="JH4" s="522"/>
      <c r="JI4" s="522"/>
      <c r="JJ4" s="522"/>
      <c r="JK4" s="522"/>
      <c r="JL4" s="522"/>
      <c r="JM4" s="522"/>
      <c r="JN4" s="522"/>
      <c r="JO4" s="522"/>
      <c r="JP4" s="522"/>
      <c r="JQ4" s="523"/>
      <c r="JR4" s="507" t="s">
        <v>40</v>
      </c>
      <c r="JS4" s="508"/>
      <c r="JT4" s="508"/>
      <c r="JU4" s="508"/>
      <c r="JV4" s="508"/>
      <c r="JW4" s="508"/>
      <c r="JX4" s="508"/>
      <c r="JY4" s="508"/>
      <c r="JZ4" s="508"/>
      <c r="KA4" s="508"/>
      <c r="KB4" s="509"/>
      <c r="KC4" s="507" t="s">
        <v>41</v>
      </c>
      <c r="KD4" s="508"/>
      <c r="KE4" s="508"/>
      <c r="KF4" s="508"/>
      <c r="KG4" s="508"/>
      <c r="KH4" s="508"/>
      <c r="KI4" s="508"/>
      <c r="KJ4" s="508"/>
      <c r="KK4" s="508"/>
      <c r="KL4" s="508"/>
      <c r="KM4" s="509"/>
    </row>
    <row r="5" spans="2:299" ht="21" customHeight="1" thickBot="1" x14ac:dyDescent="0.25">
      <c r="B5" s="513"/>
      <c r="C5" s="513"/>
      <c r="D5" s="514"/>
      <c r="E5" s="514"/>
      <c r="F5" s="514"/>
      <c r="G5" s="514"/>
      <c r="H5" s="514"/>
      <c r="I5" s="514"/>
      <c r="J5" s="514"/>
      <c r="K5" s="514"/>
      <c r="L5" s="514"/>
      <c r="M5" s="515"/>
      <c r="N5" s="516" t="s">
        <v>97</v>
      </c>
      <c r="O5" s="517"/>
      <c r="P5" s="517"/>
      <c r="Q5" s="517"/>
      <c r="R5" s="517"/>
      <c r="S5" s="517"/>
      <c r="T5" s="517"/>
      <c r="U5" s="517"/>
      <c r="V5" s="517"/>
      <c r="W5" s="517"/>
      <c r="X5" s="518"/>
      <c r="Y5" s="516" t="s">
        <v>98</v>
      </c>
      <c r="Z5" s="517"/>
      <c r="AA5" s="517"/>
      <c r="AB5" s="517"/>
      <c r="AC5" s="517"/>
      <c r="AD5" s="517"/>
      <c r="AE5" s="517"/>
      <c r="AF5" s="517"/>
      <c r="AG5" s="517"/>
      <c r="AH5" s="517"/>
      <c r="AI5" s="518"/>
      <c r="AJ5" s="516" t="s">
        <v>99</v>
      </c>
      <c r="AK5" s="517"/>
      <c r="AL5" s="517"/>
      <c r="AM5" s="517"/>
      <c r="AN5" s="517"/>
      <c r="AO5" s="517"/>
      <c r="AP5" s="517"/>
      <c r="AQ5" s="517"/>
      <c r="AR5" s="517"/>
      <c r="AS5" s="517"/>
      <c r="AT5" s="518"/>
      <c r="AU5" s="516" t="s">
        <v>100</v>
      </c>
      <c r="AV5" s="517"/>
      <c r="AW5" s="517"/>
      <c r="AX5" s="517"/>
      <c r="AY5" s="517"/>
      <c r="AZ5" s="517"/>
      <c r="BA5" s="517"/>
      <c r="BB5" s="517"/>
      <c r="BC5" s="517"/>
      <c r="BD5" s="517"/>
      <c r="BE5" s="518"/>
      <c r="BF5" s="516" t="s">
        <v>101</v>
      </c>
      <c r="BG5" s="517"/>
      <c r="BH5" s="517"/>
      <c r="BI5" s="517"/>
      <c r="BJ5" s="517"/>
      <c r="BK5" s="517"/>
      <c r="BL5" s="517"/>
      <c r="BM5" s="517"/>
      <c r="BN5" s="517"/>
      <c r="BO5" s="517"/>
      <c r="BP5" s="518"/>
      <c r="BQ5" s="516" t="s">
        <v>102</v>
      </c>
      <c r="BR5" s="517"/>
      <c r="BS5" s="517"/>
      <c r="BT5" s="517"/>
      <c r="BU5" s="517"/>
      <c r="BV5" s="517"/>
      <c r="BW5" s="517"/>
      <c r="BX5" s="517"/>
      <c r="BY5" s="517"/>
      <c r="BZ5" s="517"/>
      <c r="CA5" s="518"/>
      <c r="CB5" s="510"/>
      <c r="CC5" s="511"/>
      <c r="CD5" s="511"/>
      <c r="CE5" s="511"/>
      <c r="CF5" s="511"/>
      <c r="CG5" s="511"/>
      <c r="CH5" s="511"/>
      <c r="CI5" s="511"/>
      <c r="CJ5" s="511"/>
      <c r="CK5" s="511"/>
      <c r="CL5" s="512"/>
      <c r="CM5" s="510"/>
      <c r="CN5" s="511"/>
      <c r="CO5" s="511"/>
      <c r="CP5" s="511"/>
      <c r="CQ5" s="511"/>
      <c r="CR5" s="511"/>
      <c r="CS5" s="511"/>
      <c r="CT5" s="511"/>
      <c r="CU5" s="511"/>
      <c r="CV5" s="511"/>
      <c r="CW5" s="512"/>
      <c r="CX5" s="513"/>
      <c r="CY5" s="514"/>
      <c r="CZ5" s="514"/>
      <c r="DA5" s="514"/>
      <c r="DB5" s="514"/>
      <c r="DC5" s="514"/>
      <c r="DD5" s="514"/>
      <c r="DE5" s="514"/>
      <c r="DF5" s="514"/>
      <c r="DG5" s="514"/>
      <c r="DH5" s="515"/>
      <c r="DI5" s="516" t="s">
        <v>97</v>
      </c>
      <c r="DJ5" s="517"/>
      <c r="DK5" s="517"/>
      <c r="DL5" s="517"/>
      <c r="DM5" s="517"/>
      <c r="DN5" s="517"/>
      <c r="DO5" s="517"/>
      <c r="DP5" s="517"/>
      <c r="DQ5" s="517"/>
      <c r="DR5" s="517"/>
      <c r="DS5" s="518"/>
      <c r="DT5" s="516" t="s">
        <v>98</v>
      </c>
      <c r="DU5" s="517"/>
      <c r="DV5" s="517"/>
      <c r="DW5" s="517"/>
      <c r="DX5" s="517"/>
      <c r="DY5" s="517"/>
      <c r="DZ5" s="517"/>
      <c r="EA5" s="517"/>
      <c r="EB5" s="517"/>
      <c r="EC5" s="517"/>
      <c r="ED5" s="518"/>
      <c r="EE5" s="516" t="s">
        <v>99</v>
      </c>
      <c r="EF5" s="517"/>
      <c r="EG5" s="517"/>
      <c r="EH5" s="517"/>
      <c r="EI5" s="517"/>
      <c r="EJ5" s="517"/>
      <c r="EK5" s="517"/>
      <c r="EL5" s="517"/>
      <c r="EM5" s="517"/>
      <c r="EN5" s="517"/>
      <c r="EO5" s="518"/>
      <c r="EP5" s="516" t="s">
        <v>100</v>
      </c>
      <c r="EQ5" s="517"/>
      <c r="ER5" s="517"/>
      <c r="ES5" s="517"/>
      <c r="ET5" s="517"/>
      <c r="EU5" s="517"/>
      <c r="EV5" s="517"/>
      <c r="EW5" s="517"/>
      <c r="EX5" s="517"/>
      <c r="EY5" s="517"/>
      <c r="EZ5" s="518"/>
      <c r="FA5" s="516" t="s">
        <v>101</v>
      </c>
      <c r="FB5" s="517"/>
      <c r="FC5" s="517"/>
      <c r="FD5" s="517"/>
      <c r="FE5" s="517"/>
      <c r="FF5" s="517"/>
      <c r="FG5" s="517"/>
      <c r="FH5" s="517"/>
      <c r="FI5" s="517"/>
      <c r="FJ5" s="517"/>
      <c r="FK5" s="518"/>
      <c r="FL5" s="516" t="s">
        <v>102</v>
      </c>
      <c r="FM5" s="517"/>
      <c r="FN5" s="517"/>
      <c r="FO5" s="517"/>
      <c r="FP5" s="517"/>
      <c r="FQ5" s="517"/>
      <c r="FR5" s="517"/>
      <c r="FS5" s="517"/>
      <c r="FT5" s="517"/>
      <c r="FU5" s="517"/>
      <c r="FV5" s="518"/>
      <c r="FW5" s="510"/>
      <c r="FX5" s="511"/>
      <c r="FY5" s="511"/>
      <c r="FZ5" s="511"/>
      <c r="GA5" s="511"/>
      <c r="GB5" s="511"/>
      <c r="GC5" s="511"/>
      <c r="GD5" s="511"/>
      <c r="GE5" s="511"/>
      <c r="GF5" s="511"/>
      <c r="GG5" s="512"/>
      <c r="GH5" s="510"/>
      <c r="GI5" s="511"/>
      <c r="GJ5" s="511"/>
      <c r="GK5" s="511"/>
      <c r="GL5" s="511"/>
      <c r="GM5" s="511"/>
      <c r="GN5" s="511"/>
      <c r="GO5" s="511"/>
      <c r="GP5" s="511"/>
      <c r="GQ5" s="511"/>
      <c r="GR5" s="512"/>
      <c r="GS5" s="513"/>
      <c r="GT5" s="514"/>
      <c r="GU5" s="514"/>
      <c r="GV5" s="514"/>
      <c r="GW5" s="514"/>
      <c r="GX5" s="514"/>
      <c r="GY5" s="514"/>
      <c r="GZ5" s="514"/>
      <c r="HA5" s="514"/>
      <c r="HB5" s="514"/>
      <c r="HC5" s="515"/>
      <c r="HD5" s="516" t="s">
        <v>97</v>
      </c>
      <c r="HE5" s="517"/>
      <c r="HF5" s="517"/>
      <c r="HG5" s="517"/>
      <c r="HH5" s="517"/>
      <c r="HI5" s="517"/>
      <c r="HJ5" s="517"/>
      <c r="HK5" s="517"/>
      <c r="HL5" s="517"/>
      <c r="HM5" s="517"/>
      <c r="HN5" s="518"/>
      <c r="HO5" s="516" t="s">
        <v>98</v>
      </c>
      <c r="HP5" s="517"/>
      <c r="HQ5" s="517"/>
      <c r="HR5" s="517"/>
      <c r="HS5" s="517"/>
      <c r="HT5" s="517"/>
      <c r="HU5" s="517"/>
      <c r="HV5" s="517"/>
      <c r="HW5" s="517"/>
      <c r="HX5" s="517"/>
      <c r="HY5" s="518"/>
      <c r="HZ5" s="516" t="s">
        <v>99</v>
      </c>
      <c r="IA5" s="517"/>
      <c r="IB5" s="517"/>
      <c r="IC5" s="517"/>
      <c r="ID5" s="517"/>
      <c r="IE5" s="517"/>
      <c r="IF5" s="517"/>
      <c r="IG5" s="517"/>
      <c r="IH5" s="517"/>
      <c r="II5" s="517"/>
      <c r="IJ5" s="518"/>
      <c r="IK5" s="516" t="s">
        <v>100</v>
      </c>
      <c r="IL5" s="517"/>
      <c r="IM5" s="517"/>
      <c r="IN5" s="517"/>
      <c r="IO5" s="517"/>
      <c r="IP5" s="517"/>
      <c r="IQ5" s="517"/>
      <c r="IR5" s="517"/>
      <c r="IS5" s="517"/>
      <c r="IT5" s="517"/>
      <c r="IU5" s="518"/>
      <c r="IV5" s="516" t="s">
        <v>101</v>
      </c>
      <c r="IW5" s="517"/>
      <c r="IX5" s="517"/>
      <c r="IY5" s="517"/>
      <c r="IZ5" s="517"/>
      <c r="JA5" s="517"/>
      <c r="JB5" s="517"/>
      <c r="JC5" s="517"/>
      <c r="JD5" s="517"/>
      <c r="JE5" s="517"/>
      <c r="JF5" s="518"/>
      <c r="JG5" s="516" t="s">
        <v>102</v>
      </c>
      <c r="JH5" s="517"/>
      <c r="JI5" s="517"/>
      <c r="JJ5" s="517"/>
      <c r="JK5" s="517"/>
      <c r="JL5" s="517"/>
      <c r="JM5" s="517"/>
      <c r="JN5" s="517"/>
      <c r="JO5" s="517"/>
      <c r="JP5" s="517"/>
      <c r="JQ5" s="518"/>
      <c r="JR5" s="510"/>
      <c r="JS5" s="511"/>
      <c r="JT5" s="511"/>
      <c r="JU5" s="511"/>
      <c r="JV5" s="511"/>
      <c r="JW5" s="511"/>
      <c r="JX5" s="511"/>
      <c r="JY5" s="511"/>
      <c r="JZ5" s="511"/>
      <c r="KA5" s="511"/>
      <c r="KB5" s="512"/>
      <c r="KC5" s="510"/>
      <c r="KD5" s="511"/>
      <c r="KE5" s="511"/>
      <c r="KF5" s="511"/>
      <c r="KG5" s="511"/>
      <c r="KH5" s="511"/>
      <c r="KI5" s="511"/>
      <c r="KJ5" s="511"/>
      <c r="KK5" s="511"/>
      <c r="KL5" s="511"/>
      <c r="KM5" s="512"/>
    </row>
    <row r="6" spans="2:299" ht="30" customHeight="1" thickBot="1" x14ac:dyDescent="0.25">
      <c r="B6" s="317" t="s">
        <v>42</v>
      </c>
      <c r="C6" s="51" t="s">
        <v>43</v>
      </c>
      <c r="D6" s="47" t="s">
        <v>44</v>
      </c>
      <c r="E6" s="48" t="s">
        <v>45</v>
      </c>
      <c r="F6" s="52" t="s">
        <v>46</v>
      </c>
      <c r="G6" s="47" t="s">
        <v>47</v>
      </c>
      <c r="H6" s="47" t="s">
        <v>48</v>
      </c>
      <c r="I6" s="47" t="s">
        <v>49</v>
      </c>
      <c r="J6" s="47" t="s">
        <v>50</v>
      </c>
      <c r="K6" s="47" t="s">
        <v>51</v>
      </c>
      <c r="L6" s="48" t="s">
        <v>45</v>
      </c>
      <c r="M6" s="53" t="s">
        <v>52</v>
      </c>
      <c r="N6" s="356" t="s">
        <v>43</v>
      </c>
      <c r="O6" s="357" t="s">
        <v>44</v>
      </c>
      <c r="P6" s="358" t="s">
        <v>45</v>
      </c>
      <c r="Q6" s="359" t="s">
        <v>46</v>
      </c>
      <c r="R6" s="357" t="s">
        <v>47</v>
      </c>
      <c r="S6" s="357" t="s">
        <v>48</v>
      </c>
      <c r="T6" s="357" t="s">
        <v>49</v>
      </c>
      <c r="U6" s="357" t="s">
        <v>50</v>
      </c>
      <c r="V6" s="357" t="s">
        <v>51</v>
      </c>
      <c r="W6" s="358" t="s">
        <v>45</v>
      </c>
      <c r="X6" s="355" t="s">
        <v>52</v>
      </c>
      <c r="Y6" s="356" t="s">
        <v>43</v>
      </c>
      <c r="Z6" s="357" t="s">
        <v>44</v>
      </c>
      <c r="AA6" s="358" t="s">
        <v>45</v>
      </c>
      <c r="AB6" s="359" t="s">
        <v>46</v>
      </c>
      <c r="AC6" s="357" t="s">
        <v>47</v>
      </c>
      <c r="AD6" s="357" t="s">
        <v>48</v>
      </c>
      <c r="AE6" s="357" t="s">
        <v>49</v>
      </c>
      <c r="AF6" s="357" t="s">
        <v>50</v>
      </c>
      <c r="AG6" s="357" t="s">
        <v>51</v>
      </c>
      <c r="AH6" s="358" t="s">
        <v>45</v>
      </c>
      <c r="AI6" s="360" t="s">
        <v>52</v>
      </c>
      <c r="AJ6" s="356" t="s">
        <v>43</v>
      </c>
      <c r="AK6" s="357" t="s">
        <v>44</v>
      </c>
      <c r="AL6" s="358" t="s">
        <v>45</v>
      </c>
      <c r="AM6" s="359" t="s">
        <v>46</v>
      </c>
      <c r="AN6" s="357" t="s">
        <v>47</v>
      </c>
      <c r="AO6" s="357" t="s">
        <v>48</v>
      </c>
      <c r="AP6" s="357" t="s">
        <v>49</v>
      </c>
      <c r="AQ6" s="357" t="s">
        <v>50</v>
      </c>
      <c r="AR6" s="357" t="s">
        <v>51</v>
      </c>
      <c r="AS6" s="358" t="s">
        <v>45</v>
      </c>
      <c r="AT6" s="360" t="s">
        <v>52</v>
      </c>
      <c r="AU6" s="356" t="s">
        <v>43</v>
      </c>
      <c r="AV6" s="357" t="s">
        <v>44</v>
      </c>
      <c r="AW6" s="358" t="s">
        <v>45</v>
      </c>
      <c r="AX6" s="359" t="s">
        <v>46</v>
      </c>
      <c r="AY6" s="357" t="s">
        <v>47</v>
      </c>
      <c r="AZ6" s="357" t="s">
        <v>48</v>
      </c>
      <c r="BA6" s="357" t="s">
        <v>49</v>
      </c>
      <c r="BB6" s="357" t="s">
        <v>50</v>
      </c>
      <c r="BC6" s="357" t="s">
        <v>51</v>
      </c>
      <c r="BD6" s="358" t="s">
        <v>45</v>
      </c>
      <c r="BE6" s="360" t="s">
        <v>52</v>
      </c>
      <c r="BF6" s="356" t="s">
        <v>43</v>
      </c>
      <c r="BG6" s="357" t="s">
        <v>44</v>
      </c>
      <c r="BH6" s="358" t="s">
        <v>45</v>
      </c>
      <c r="BI6" s="359" t="s">
        <v>46</v>
      </c>
      <c r="BJ6" s="357" t="s">
        <v>47</v>
      </c>
      <c r="BK6" s="357" t="s">
        <v>48</v>
      </c>
      <c r="BL6" s="357" t="s">
        <v>49</v>
      </c>
      <c r="BM6" s="357" t="s">
        <v>50</v>
      </c>
      <c r="BN6" s="357" t="s">
        <v>51</v>
      </c>
      <c r="BO6" s="358" t="s">
        <v>45</v>
      </c>
      <c r="BP6" s="360" t="s">
        <v>52</v>
      </c>
      <c r="BQ6" s="356" t="s">
        <v>43</v>
      </c>
      <c r="BR6" s="357" t="s">
        <v>44</v>
      </c>
      <c r="BS6" s="358" t="s">
        <v>45</v>
      </c>
      <c r="BT6" s="359" t="s">
        <v>46</v>
      </c>
      <c r="BU6" s="357" t="s">
        <v>47</v>
      </c>
      <c r="BV6" s="357" t="s">
        <v>48</v>
      </c>
      <c r="BW6" s="357" t="s">
        <v>49</v>
      </c>
      <c r="BX6" s="357" t="s">
        <v>50</v>
      </c>
      <c r="BY6" s="357" t="s">
        <v>51</v>
      </c>
      <c r="BZ6" s="358" t="s">
        <v>45</v>
      </c>
      <c r="CA6" s="360" t="s">
        <v>52</v>
      </c>
      <c r="CB6" s="356" t="s">
        <v>43</v>
      </c>
      <c r="CC6" s="357" t="s">
        <v>44</v>
      </c>
      <c r="CD6" s="358" t="s">
        <v>45</v>
      </c>
      <c r="CE6" s="359" t="s">
        <v>46</v>
      </c>
      <c r="CF6" s="357" t="s">
        <v>47</v>
      </c>
      <c r="CG6" s="357" t="s">
        <v>48</v>
      </c>
      <c r="CH6" s="357" t="s">
        <v>49</v>
      </c>
      <c r="CI6" s="357" t="s">
        <v>50</v>
      </c>
      <c r="CJ6" s="357" t="s">
        <v>51</v>
      </c>
      <c r="CK6" s="358" t="s">
        <v>45</v>
      </c>
      <c r="CL6" s="360" t="s">
        <v>52</v>
      </c>
      <c r="CM6" s="356" t="s">
        <v>43</v>
      </c>
      <c r="CN6" s="357" t="s">
        <v>44</v>
      </c>
      <c r="CO6" s="358" t="s">
        <v>45</v>
      </c>
      <c r="CP6" s="359" t="s">
        <v>46</v>
      </c>
      <c r="CQ6" s="357" t="s">
        <v>47</v>
      </c>
      <c r="CR6" s="357" t="s">
        <v>48</v>
      </c>
      <c r="CS6" s="357" t="s">
        <v>49</v>
      </c>
      <c r="CT6" s="357" t="s">
        <v>50</v>
      </c>
      <c r="CU6" s="357" t="s">
        <v>51</v>
      </c>
      <c r="CV6" s="358" t="s">
        <v>45</v>
      </c>
      <c r="CW6" s="360" t="s">
        <v>52</v>
      </c>
      <c r="CX6" s="51" t="s">
        <v>43</v>
      </c>
      <c r="CY6" s="47" t="s">
        <v>44</v>
      </c>
      <c r="CZ6" s="48" t="s">
        <v>45</v>
      </c>
      <c r="DA6" s="52" t="s">
        <v>46</v>
      </c>
      <c r="DB6" s="47" t="s">
        <v>47</v>
      </c>
      <c r="DC6" s="47" t="s">
        <v>48</v>
      </c>
      <c r="DD6" s="47" t="s">
        <v>49</v>
      </c>
      <c r="DE6" s="47" t="s">
        <v>50</v>
      </c>
      <c r="DF6" s="47" t="s">
        <v>51</v>
      </c>
      <c r="DG6" s="48" t="s">
        <v>45</v>
      </c>
      <c r="DH6" s="53" t="s">
        <v>52</v>
      </c>
      <c r="DI6" s="356" t="s">
        <v>43</v>
      </c>
      <c r="DJ6" s="357" t="s">
        <v>44</v>
      </c>
      <c r="DK6" s="358" t="s">
        <v>45</v>
      </c>
      <c r="DL6" s="359" t="s">
        <v>46</v>
      </c>
      <c r="DM6" s="357" t="s">
        <v>47</v>
      </c>
      <c r="DN6" s="357" t="s">
        <v>48</v>
      </c>
      <c r="DO6" s="357" t="s">
        <v>49</v>
      </c>
      <c r="DP6" s="357" t="s">
        <v>50</v>
      </c>
      <c r="DQ6" s="357" t="s">
        <v>51</v>
      </c>
      <c r="DR6" s="358" t="s">
        <v>45</v>
      </c>
      <c r="DS6" s="360" t="s">
        <v>52</v>
      </c>
      <c r="DT6" s="356" t="s">
        <v>43</v>
      </c>
      <c r="DU6" s="357" t="s">
        <v>44</v>
      </c>
      <c r="DV6" s="358" t="s">
        <v>45</v>
      </c>
      <c r="DW6" s="359" t="s">
        <v>46</v>
      </c>
      <c r="DX6" s="357" t="s">
        <v>47</v>
      </c>
      <c r="DY6" s="357" t="s">
        <v>48</v>
      </c>
      <c r="DZ6" s="357" t="s">
        <v>49</v>
      </c>
      <c r="EA6" s="357" t="s">
        <v>50</v>
      </c>
      <c r="EB6" s="357" t="s">
        <v>51</v>
      </c>
      <c r="EC6" s="358" t="s">
        <v>45</v>
      </c>
      <c r="ED6" s="360" t="s">
        <v>52</v>
      </c>
      <c r="EE6" s="356" t="s">
        <v>43</v>
      </c>
      <c r="EF6" s="357" t="s">
        <v>44</v>
      </c>
      <c r="EG6" s="358" t="s">
        <v>45</v>
      </c>
      <c r="EH6" s="359" t="s">
        <v>46</v>
      </c>
      <c r="EI6" s="357" t="s">
        <v>47</v>
      </c>
      <c r="EJ6" s="357" t="s">
        <v>48</v>
      </c>
      <c r="EK6" s="357" t="s">
        <v>49</v>
      </c>
      <c r="EL6" s="357" t="s">
        <v>50</v>
      </c>
      <c r="EM6" s="357" t="s">
        <v>51</v>
      </c>
      <c r="EN6" s="358" t="s">
        <v>45</v>
      </c>
      <c r="EO6" s="360" t="s">
        <v>52</v>
      </c>
      <c r="EP6" s="356" t="s">
        <v>43</v>
      </c>
      <c r="EQ6" s="357" t="s">
        <v>44</v>
      </c>
      <c r="ER6" s="358" t="s">
        <v>45</v>
      </c>
      <c r="ES6" s="359" t="s">
        <v>46</v>
      </c>
      <c r="ET6" s="357" t="s">
        <v>47</v>
      </c>
      <c r="EU6" s="357" t="s">
        <v>48</v>
      </c>
      <c r="EV6" s="357" t="s">
        <v>49</v>
      </c>
      <c r="EW6" s="357" t="s">
        <v>50</v>
      </c>
      <c r="EX6" s="357" t="s">
        <v>51</v>
      </c>
      <c r="EY6" s="358" t="s">
        <v>45</v>
      </c>
      <c r="EZ6" s="360" t="s">
        <v>52</v>
      </c>
      <c r="FA6" s="356" t="s">
        <v>43</v>
      </c>
      <c r="FB6" s="357" t="s">
        <v>44</v>
      </c>
      <c r="FC6" s="358" t="s">
        <v>45</v>
      </c>
      <c r="FD6" s="359" t="s">
        <v>46</v>
      </c>
      <c r="FE6" s="357" t="s">
        <v>47</v>
      </c>
      <c r="FF6" s="357" t="s">
        <v>48</v>
      </c>
      <c r="FG6" s="357" t="s">
        <v>49</v>
      </c>
      <c r="FH6" s="357" t="s">
        <v>50</v>
      </c>
      <c r="FI6" s="357" t="s">
        <v>51</v>
      </c>
      <c r="FJ6" s="358" t="s">
        <v>45</v>
      </c>
      <c r="FK6" s="360" t="s">
        <v>52</v>
      </c>
      <c r="FL6" s="356" t="s">
        <v>43</v>
      </c>
      <c r="FM6" s="357" t="s">
        <v>44</v>
      </c>
      <c r="FN6" s="358" t="s">
        <v>45</v>
      </c>
      <c r="FO6" s="359" t="s">
        <v>46</v>
      </c>
      <c r="FP6" s="357" t="s">
        <v>47</v>
      </c>
      <c r="FQ6" s="357" t="s">
        <v>48</v>
      </c>
      <c r="FR6" s="357" t="s">
        <v>49</v>
      </c>
      <c r="FS6" s="357" t="s">
        <v>50</v>
      </c>
      <c r="FT6" s="357" t="s">
        <v>51</v>
      </c>
      <c r="FU6" s="358" t="s">
        <v>45</v>
      </c>
      <c r="FV6" s="360" t="s">
        <v>52</v>
      </c>
      <c r="FW6" s="356" t="s">
        <v>43</v>
      </c>
      <c r="FX6" s="357" t="s">
        <v>44</v>
      </c>
      <c r="FY6" s="358" t="s">
        <v>45</v>
      </c>
      <c r="FZ6" s="359" t="s">
        <v>46</v>
      </c>
      <c r="GA6" s="357" t="s">
        <v>47</v>
      </c>
      <c r="GB6" s="357" t="s">
        <v>48</v>
      </c>
      <c r="GC6" s="357" t="s">
        <v>49</v>
      </c>
      <c r="GD6" s="357" t="s">
        <v>50</v>
      </c>
      <c r="GE6" s="357" t="s">
        <v>51</v>
      </c>
      <c r="GF6" s="358" t="s">
        <v>45</v>
      </c>
      <c r="GG6" s="360" t="s">
        <v>52</v>
      </c>
      <c r="GH6" s="356" t="s">
        <v>43</v>
      </c>
      <c r="GI6" s="357" t="s">
        <v>44</v>
      </c>
      <c r="GJ6" s="358" t="s">
        <v>45</v>
      </c>
      <c r="GK6" s="359" t="s">
        <v>46</v>
      </c>
      <c r="GL6" s="357" t="s">
        <v>47</v>
      </c>
      <c r="GM6" s="357" t="s">
        <v>48</v>
      </c>
      <c r="GN6" s="357" t="s">
        <v>49</v>
      </c>
      <c r="GO6" s="357" t="s">
        <v>50</v>
      </c>
      <c r="GP6" s="357" t="s">
        <v>51</v>
      </c>
      <c r="GQ6" s="358" t="s">
        <v>45</v>
      </c>
      <c r="GR6" s="360" t="s">
        <v>52</v>
      </c>
      <c r="GS6" s="51" t="s">
        <v>43</v>
      </c>
      <c r="GT6" s="47" t="s">
        <v>44</v>
      </c>
      <c r="GU6" s="48" t="s">
        <v>45</v>
      </c>
      <c r="GV6" s="52" t="s">
        <v>46</v>
      </c>
      <c r="GW6" s="47" t="s">
        <v>47</v>
      </c>
      <c r="GX6" s="47" t="s">
        <v>48</v>
      </c>
      <c r="GY6" s="47" t="s">
        <v>49</v>
      </c>
      <c r="GZ6" s="47" t="s">
        <v>50</v>
      </c>
      <c r="HA6" s="47" t="s">
        <v>51</v>
      </c>
      <c r="HB6" s="48" t="s">
        <v>45</v>
      </c>
      <c r="HC6" s="53" t="s">
        <v>52</v>
      </c>
      <c r="HD6" s="356" t="s">
        <v>43</v>
      </c>
      <c r="HE6" s="357" t="s">
        <v>44</v>
      </c>
      <c r="HF6" s="358" t="s">
        <v>45</v>
      </c>
      <c r="HG6" s="359" t="s">
        <v>46</v>
      </c>
      <c r="HH6" s="357" t="s">
        <v>47</v>
      </c>
      <c r="HI6" s="357" t="s">
        <v>48</v>
      </c>
      <c r="HJ6" s="357" t="s">
        <v>49</v>
      </c>
      <c r="HK6" s="357" t="s">
        <v>50</v>
      </c>
      <c r="HL6" s="357" t="s">
        <v>51</v>
      </c>
      <c r="HM6" s="358" t="s">
        <v>45</v>
      </c>
      <c r="HN6" s="360" t="s">
        <v>52</v>
      </c>
      <c r="HO6" s="356" t="s">
        <v>43</v>
      </c>
      <c r="HP6" s="357" t="s">
        <v>44</v>
      </c>
      <c r="HQ6" s="358" t="s">
        <v>45</v>
      </c>
      <c r="HR6" s="359" t="s">
        <v>46</v>
      </c>
      <c r="HS6" s="357" t="s">
        <v>47</v>
      </c>
      <c r="HT6" s="357" t="s">
        <v>48</v>
      </c>
      <c r="HU6" s="357" t="s">
        <v>49</v>
      </c>
      <c r="HV6" s="357" t="s">
        <v>50</v>
      </c>
      <c r="HW6" s="357" t="s">
        <v>51</v>
      </c>
      <c r="HX6" s="358" t="s">
        <v>45</v>
      </c>
      <c r="HY6" s="360" t="s">
        <v>52</v>
      </c>
      <c r="HZ6" s="356" t="s">
        <v>43</v>
      </c>
      <c r="IA6" s="357" t="s">
        <v>44</v>
      </c>
      <c r="IB6" s="358" t="s">
        <v>45</v>
      </c>
      <c r="IC6" s="359" t="s">
        <v>46</v>
      </c>
      <c r="ID6" s="357" t="s">
        <v>47</v>
      </c>
      <c r="IE6" s="357" t="s">
        <v>48</v>
      </c>
      <c r="IF6" s="357" t="s">
        <v>49</v>
      </c>
      <c r="IG6" s="357" t="s">
        <v>50</v>
      </c>
      <c r="IH6" s="357" t="s">
        <v>51</v>
      </c>
      <c r="II6" s="358" t="s">
        <v>45</v>
      </c>
      <c r="IJ6" s="360" t="s">
        <v>52</v>
      </c>
      <c r="IK6" s="356" t="s">
        <v>43</v>
      </c>
      <c r="IL6" s="357" t="s">
        <v>44</v>
      </c>
      <c r="IM6" s="358" t="s">
        <v>45</v>
      </c>
      <c r="IN6" s="359" t="s">
        <v>46</v>
      </c>
      <c r="IO6" s="357" t="s">
        <v>47</v>
      </c>
      <c r="IP6" s="357" t="s">
        <v>48</v>
      </c>
      <c r="IQ6" s="357" t="s">
        <v>49</v>
      </c>
      <c r="IR6" s="357" t="s">
        <v>50</v>
      </c>
      <c r="IS6" s="357" t="s">
        <v>51</v>
      </c>
      <c r="IT6" s="358" t="s">
        <v>45</v>
      </c>
      <c r="IU6" s="360" t="s">
        <v>52</v>
      </c>
      <c r="IV6" s="356" t="s">
        <v>43</v>
      </c>
      <c r="IW6" s="357" t="s">
        <v>44</v>
      </c>
      <c r="IX6" s="358" t="s">
        <v>45</v>
      </c>
      <c r="IY6" s="359" t="s">
        <v>46</v>
      </c>
      <c r="IZ6" s="357" t="s">
        <v>47</v>
      </c>
      <c r="JA6" s="357" t="s">
        <v>48</v>
      </c>
      <c r="JB6" s="357" t="s">
        <v>49</v>
      </c>
      <c r="JC6" s="357" t="s">
        <v>50</v>
      </c>
      <c r="JD6" s="357" t="s">
        <v>51</v>
      </c>
      <c r="JE6" s="358" t="s">
        <v>45</v>
      </c>
      <c r="JF6" s="360" t="s">
        <v>52</v>
      </c>
      <c r="JG6" s="356" t="s">
        <v>43</v>
      </c>
      <c r="JH6" s="357" t="s">
        <v>44</v>
      </c>
      <c r="JI6" s="358" t="s">
        <v>45</v>
      </c>
      <c r="JJ6" s="359" t="s">
        <v>46</v>
      </c>
      <c r="JK6" s="357" t="s">
        <v>47</v>
      </c>
      <c r="JL6" s="357" t="s">
        <v>48</v>
      </c>
      <c r="JM6" s="357" t="s">
        <v>49</v>
      </c>
      <c r="JN6" s="357" t="s">
        <v>50</v>
      </c>
      <c r="JO6" s="357" t="s">
        <v>51</v>
      </c>
      <c r="JP6" s="358" t="s">
        <v>45</v>
      </c>
      <c r="JQ6" s="360" t="s">
        <v>52</v>
      </c>
      <c r="JR6" s="356" t="s">
        <v>43</v>
      </c>
      <c r="JS6" s="357" t="s">
        <v>44</v>
      </c>
      <c r="JT6" s="358" t="s">
        <v>45</v>
      </c>
      <c r="JU6" s="359" t="s">
        <v>46</v>
      </c>
      <c r="JV6" s="357" t="s">
        <v>47</v>
      </c>
      <c r="JW6" s="357" t="s">
        <v>48</v>
      </c>
      <c r="JX6" s="357" t="s">
        <v>49</v>
      </c>
      <c r="JY6" s="357" t="s">
        <v>50</v>
      </c>
      <c r="JZ6" s="357" t="s">
        <v>51</v>
      </c>
      <c r="KA6" s="358" t="s">
        <v>45</v>
      </c>
      <c r="KB6" s="360" t="s">
        <v>52</v>
      </c>
      <c r="KC6" s="356" t="s">
        <v>43</v>
      </c>
      <c r="KD6" s="357" t="s">
        <v>44</v>
      </c>
      <c r="KE6" s="358" t="s">
        <v>45</v>
      </c>
      <c r="KF6" s="359" t="s">
        <v>46</v>
      </c>
      <c r="KG6" s="357" t="s">
        <v>47</v>
      </c>
      <c r="KH6" s="357" t="s">
        <v>48</v>
      </c>
      <c r="KI6" s="357" t="s">
        <v>49</v>
      </c>
      <c r="KJ6" s="357" t="s">
        <v>50</v>
      </c>
      <c r="KK6" s="357" t="s">
        <v>51</v>
      </c>
      <c r="KL6" s="358" t="s">
        <v>45</v>
      </c>
      <c r="KM6" s="360" t="s">
        <v>52</v>
      </c>
    </row>
    <row r="7" spans="2:299" ht="21" customHeight="1" x14ac:dyDescent="0.2">
      <c r="B7" s="125" t="s">
        <v>4</v>
      </c>
      <c r="C7" s="314">
        <v>19670</v>
      </c>
      <c r="D7" s="78">
        <v>19744</v>
      </c>
      <c r="E7" s="79">
        <v>39414</v>
      </c>
      <c r="F7" s="240"/>
      <c r="G7" s="78">
        <v>29974</v>
      </c>
      <c r="H7" s="78">
        <v>29309</v>
      </c>
      <c r="I7" s="78">
        <v>20209</v>
      </c>
      <c r="J7" s="78">
        <v>16882</v>
      </c>
      <c r="K7" s="78">
        <v>10366</v>
      </c>
      <c r="L7" s="80">
        <v>106740</v>
      </c>
      <c r="M7" s="81">
        <v>146154</v>
      </c>
      <c r="N7" s="66">
        <v>831</v>
      </c>
      <c r="O7" s="67">
        <v>980</v>
      </c>
      <c r="P7" s="68">
        <v>1811</v>
      </c>
      <c r="Q7" s="243"/>
      <c r="R7" s="67">
        <v>1293</v>
      </c>
      <c r="S7" s="67">
        <v>1563</v>
      </c>
      <c r="T7" s="67">
        <v>986</v>
      </c>
      <c r="U7" s="67">
        <v>925</v>
      </c>
      <c r="V7" s="67">
        <v>751</v>
      </c>
      <c r="W7" s="68">
        <v>5518</v>
      </c>
      <c r="X7" s="69">
        <v>7329</v>
      </c>
      <c r="Y7" s="66">
        <v>1938</v>
      </c>
      <c r="Z7" s="67">
        <v>2284</v>
      </c>
      <c r="AA7" s="68">
        <v>4222</v>
      </c>
      <c r="AB7" s="243"/>
      <c r="AC7" s="67">
        <v>2940</v>
      </c>
      <c r="AD7" s="67">
        <v>3360</v>
      </c>
      <c r="AE7" s="67">
        <v>2363</v>
      </c>
      <c r="AF7" s="67">
        <v>1994</v>
      </c>
      <c r="AG7" s="67">
        <v>1457</v>
      </c>
      <c r="AH7" s="68">
        <v>12114</v>
      </c>
      <c r="AI7" s="69">
        <v>16336</v>
      </c>
      <c r="AJ7" s="66">
        <v>3027</v>
      </c>
      <c r="AK7" s="67">
        <v>3278</v>
      </c>
      <c r="AL7" s="68">
        <v>6305</v>
      </c>
      <c r="AM7" s="243"/>
      <c r="AN7" s="67">
        <v>4844</v>
      </c>
      <c r="AO7" s="67">
        <v>4887</v>
      </c>
      <c r="AP7" s="67">
        <v>3310</v>
      </c>
      <c r="AQ7" s="67">
        <v>2795</v>
      </c>
      <c r="AR7" s="67">
        <v>1900</v>
      </c>
      <c r="AS7" s="68">
        <v>17736</v>
      </c>
      <c r="AT7" s="69">
        <v>24041</v>
      </c>
      <c r="AU7" s="66">
        <v>5014</v>
      </c>
      <c r="AV7" s="67">
        <v>4769</v>
      </c>
      <c r="AW7" s="68">
        <v>9783</v>
      </c>
      <c r="AX7" s="243"/>
      <c r="AY7" s="67">
        <v>7605</v>
      </c>
      <c r="AZ7" s="67">
        <v>6769</v>
      </c>
      <c r="BA7" s="67">
        <v>4563</v>
      </c>
      <c r="BB7" s="67">
        <v>3789</v>
      </c>
      <c r="BC7" s="67">
        <v>2360</v>
      </c>
      <c r="BD7" s="68">
        <v>25086</v>
      </c>
      <c r="BE7" s="69">
        <v>34869</v>
      </c>
      <c r="BF7" s="66">
        <v>5559</v>
      </c>
      <c r="BG7" s="67">
        <v>5167</v>
      </c>
      <c r="BH7" s="68">
        <v>10726</v>
      </c>
      <c r="BI7" s="243"/>
      <c r="BJ7" s="67">
        <v>7937</v>
      </c>
      <c r="BK7" s="67">
        <v>7170</v>
      </c>
      <c r="BL7" s="67">
        <v>4949</v>
      </c>
      <c r="BM7" s="67">
        <v>4034</v>
      </c>
      <c r="BN7" s="67">
        <v>2243</v>
      </c>
      <c r="BO7" s="68">
        <v>26333</v>
      </c>
      <c r="BP7" s="69">
        <v>37059</v>
      </c>
      <c r="BQ7" s="66">
        <v>3301</v>
      </c>
      <c r="BR7" s="67">
        <v>3266</v>
      </c>
      <c r="BS7" s="68">
        <v>6567</v>
      </c>
      <c r="BT7" s="243"/>
      <c r="BU7" s="67">
        <v>5355</v>
      </c>
      <c r="BV7" s="67">
        <v>5560</v>
      </c>
      <c r="BW7" s="67">
        <v>4038</v>
      </c>
      <c r="BX7" s="67">
        <v>3345</v>
      </c>
      <c r="BY7" s="67">
        <v>1655</v>
      </c>
      <c r="BZ7" s="68">
        <v>19953</v>
      </c>
      <c r="CA7" s="69">
        <v>26520</v>
      </c>
      <c r="CB7" s="66">
        <v>489</v>
      </c>
      <c r="CC7" s="67">
        <v>749</v>
      </c>
      <c r="CD7" s="68">
        <v>1238</v>
      </c>
      <c r="CE7" s="243"/>
      <c r="CF7" s="67">
        <v>877</v>
      </c>
      <c r="CG7" s="67">
        <v>1329</v>
      </c>
      <c r="CH7" s="67">
        <v>832</v>
      </c>
      <c r="CI7" s="67">
        <v>793</v>
      </c>
      <c r="CJ7" s="67">
        <v>724</v>
      </c>
      <c r="CK7" s="68">
        <v>4555</v>
      </c>
      <c r="CL7" s="69">
        <v>5793</v>
      </c>
      <c r="CM7" s="66">
        <v>20159</v>
      </c>
      <c r="CN7" s="67">
        <v>20493</v>
      </c>
      <c r="CO7" s="68">
        <v>40652</v>
      </c>
      <c r="CP7" s="243"/>
      <c r="CQ7" s="67">
        <v>30851</v>
      </c>
      <c r="CR7" s="67">
        <v>30638</v>
      </c>
      <c r="CS7" s="67">
        <v>21041</v>
      </c>
      <c r="CT7" s="67">
        <v>17675</v>
      </c>
      <c r="CU7" s="67">
        <v>11090</v>
      </c>
      <c r="CV7" s="68">
        <v>111295</v>
      </c>
      <c r="CW7" s="69">
        <v>151947</v>
      </c>
      <c r="CX7" s="122">
        <v>37747</v>
      </c>
      <c r="CY7" s="78">
        <v>43609</v>
      </c>
      <c r="CZ7" s="79">
        <v>81356</v>
      </c>
      <c r="DA7" s="240"/>
      <c r="DB7" s="78">
        <v>55177</v>
      </c>
      <c r="DC7" s="78">
        <v>51650</v>
      </c>
      <c r="DD7" s="78">
        <v>38614</v>
      </c>
      <c r="DE7" s="78">
        <v>37887</v>
      </c>
      <c r="DF7" s="78">
        <v>25250</v>
      </c>
      <c r="DG7" s="80">
        <v>208578</v>
      </c>
      <c r="DH7" s="81">
        <v>289934</v>
      </c>
      <c r="DI7" s="66">
        <v>835</v>
      </c>
      <c r="DJ7" s="67">
        <v>1017</v>
      </c>
      <c r="DK7" s="68">
        <v>1852</v>
      </c>
      <c r="DL7" s="243"/>
      <c r="DM7" s="67">
        <v>1005</v>
      </c>
      <c r="DN7" s="67">
        <v>1052</v>
      </c>
      <c r="DO7" s="67">
        <v>697</v>
      </c>
      <c r="DP7" s="67">
        <v>673</v>
      </c>
      <c r="DQ7" s="67">
        <v>593</v>
      </c>
      <c r="DR7" s="68">
        <v>4020</v>
      </c>
      <c r="DS7" s="69">
        <v>5872</v>
      </c>
      <c r="DT7" s="66">
        <v>2561</v>
      </c>
      <c r="DU7" s="67">
        <v>3095</v>
      </c>
      <c r="DV7" s="68">
        <v>5656</v>
      </c>
      <c r="DW7" s="243"/>
      <c r="DX7" s="67">
        <v>3006</v>
      </c>
      <c r="DY7" s="67">
        <v>2984</v>
      </c>
      <c r="DZ7" s="67">
        <v>1880</v>
      </c>
      <c r="EA7" s="67">
        <v>1833</v>
      </c>
      <c r="EB7" s="67">
        <v>1414</v>
      </c>
      <c r="EC7" s="68">
        <v>11117</v>
      </c>
      <c r="ED7" s="69">
        <v>16773</v>
      </c>
      <c r="EE7" s="66">
        <v>5955</v>
      </c>
      <c r="EF7" s="67">
        <v>6468</v>
      </c>
      <c r="EG7" s="68">
        <v>12423</v>
      </c>
      <c r="EH7" s="243"/>
      <c r="EI7" s="67">
        <v>6677</v>
      </c>
      <c r="EJ7" s="67">
        <v>5630</v>
      </c>
      <c r="EK7" s="67">
        <v>3693</v>
      </c>
      <c r="EL7" s="67">
        <v>3366</v>
      </c>
      <c r="EM7" s="67">
        <v>2665</v>
      </c>
      <c r="EN7" s="68">
        <v>22031</v>
      </c>
      <c r="EO7" s="69">
        <v>34454</v>
      </c>
      <c r="EP7" s="66">
        <v>11259</v>
      </c>
      <c r="EQ7" s="67">
        <v>11560</v>
      </c>
      <c r="ER7" s="68">
        <v>22819</v>
      </c>
      <c r="ES7" s="243"/>
      <c r="ET7" s="67">
        <v>13213</v>
      </c>
      <c r="EU7" s="67">
        <v>10683</v>
      </c>
      <c r="EV7" s="67">
        <v>6968</v>
      </c>
      <c r="EW7" s="67">
        <v>6332</v>
      </c>
      <c r="EX7" s="67">
        <v>4389</v>
      </c>
      <c r="EY7" s="68">
        <v>41585</v>
      </c>
      <c r="EZ7" s="69">
        <v>64404</v>
      </c>
      <c r="FA7" s="66">
        <v>11225</v>
      </c>
      <c r="FB7" s="67">
        <v>12963</v>
      </c>
      <c r="FC7" s="68">
        <v>24188</v>
      </c>
      <c r="FD7" s="243"/>
      <c r="FE7" s="67">
        <v>16995</v>
      </c>
      <c r="FF7" s="67">
        <v>14949</v>
      </c>
      <c r="FG7" s="67">
        <v>10660</v>
      </c>
      <c r="FH7" s="67">
        <v>9708</v>
      </c>
      <c r="FI7" s="67">
        <v>6483</v>
      </c>
      <c r="FJ7" s="68">
        <v>58795</v>
      </c>
      <c r="FK7" s="69">
        <v>82983</v>
      </c>
      <c r="FL7" s="66">
        <v>5912</v>
      </c>
      <c r="FM7" s="67">
        <v>8506</v>
      </c>
      <c r="FN7" s="68">
        <v>14418</v>
      </c>
      <c r="FO7" s="243"/>
      <c r="FP7" s="67">
        <v>14281</v>
      </c>
      <c r="FQ7" s="67">
        <v>16352</v>
      </c>
      <c r="FR7" s="67">
        <v>14716</v>
      </c>
      <c r="FS7" s="67">
        <v>15975</v>
      </c>
      <c r="FT7" s="67">
        <v>9706</v>
      </c>
      <c r="FU7" s="68">
        <v>71030</v>
      </c>
      <c r="FV7" s="69">
        <v>85448</v>
      </c>
      <c r="FW7" s="66">
        <v>362</v>
      </c>
      <c r="FX7" s="67">
        <v>681</v>
      </c>
      <c r="FY7" s="68">
        <v>1043</v>
      </c>
      <c r="FZ7" s="243"/>
      <c r="GA7" s="67">
        <v>709</v>
      </c>
      <c r="GB7" s="67">
        <v>1009</v>
      </c>
      <c r="GC7" s="67">
        <v>615</v>
      </c>
      <c r="GD7" s="67">
        <v>594</v>
      </c>
      <c r="GE7" s="67">
        <v>618</v>
      </c>
      <c r="GF7" s="68">
        <v>3545</v>
      </c>
      <c r="GG7" s="69">
        <v>4588</v>
      </c>
      <c r="GH7" s="66">
        <v>38109</v>
      </c>
      <c r="GI7" s="67">
        <v>44290</v>
      </c>
      <c r="GJ7" s="68">
        <v>82399</v>
      </c>
      <c r="GK7" s="243"/>
      <c r="GL7" s="67">
        <v>55886</v>
      </c>
      <c r="GM7" s="67">
        <v>52659</v>
      </c>
      <c r="GN7" s="67">
        <v>39229</v>
      </c>
      <c r="GO7" s="67">
        <v>38481</v>
      </c>
      <c r="GP7" s="67">
        <v>25868</v>
      </c>
      <c r="GQ7" s="68">
        <v>212123</v>
      </c>
      <c r="GR7" s="69">
        <v>294522</v>
      </c>
      <c r="GS7" s="122">
        <v>57417</v>
      </c>
      <c r="GT7" s="78">
        <v>63353</v>
      </c>
      <c r="GU7" s="79">
        <v>120770</v>
      </c>
      <c r="GV7" s="240"/>
      <c r="GW7" s="78">
        <v>85151</v>
      </c>
      <c r="GX7" s="78">
        <v>80959</v>
      </c>
      <c r="GY7" s="78">
        <v>58823</v>
      </c>
      <c r="GZ7" s="78">
        <v>54769</v>
      </c>
      <c r="HA7" s="78">
        <v>35616</v>
      </c>
      <c r="HB7" s="80">
        <v>315318</v>
      </c>
      <c r="HC7" s="81">
        <v>436088</v>
      </c>
      <c r="HD7" s="66">
        <v>1666</v>
      </c>
      <c r="HE7" s="67">
        <v>1997</v>
      </c>
      <c r="HF7" s="68">
        <v>3663</v>
      </c>
      <c r="HG7" s="243"/>
      <c r="HH7" s="67">
        <v>2298</v>
      </c>
      <c r="HI7" s="67">
        <v>2615</v>
      </c>
      <c r="HJ7" s="67">
        <v>1683</v>
      </c>
      <c r="HK7" s="67">
        <v>1598</v>
      </c>
      <c r="HL7" s="67">
        <v>1344</v>
      </c>
      <c r="HM7" s="68">
        <v>9538</v>
      </c>
      <c r="HN7" s="69">
        <v>13201</v>
      </c>
      <c r="HO7" s="66">
        <v>4499</v>
      </c>
      <c r="HP7" s="67">
        <v>5379</v>
      </c>
      <c r="HQ7" s="68">
        <v>9878</v>
      </c>
      <c r="HR7" s="243"/>
      <c r="HS7" s="67">
        <v>5946</v>
      </c>
      <c r="HT7" s="67">
        <v>6344</v>
      </c>
      <c r="HU7" s="67">
        <v>4243</v>
      </c>
      <c r="HV7" s="67">
        <v>3827</v>
      </c>
      <c r="HW7" s="67">
        <v>2871</v>
      </c>
      <c r="HX7" s="68">
        <v>23231</v>
      </c>
      <c r="HY7" s="69">
        <v>33109</v>
      </c>
      <c r="HZ7" s="66">
        <v>8982</v>
      </c>
      <c r="IA7" s="67">
        <v>9746</v>
      </c>
      <c r="IB7" s="68">
        <v>18728</v>
      </c>
      <c r="IC7" s="243"/>
      <c r="ID7" s="67">
        <v>11521</v>
      </c>
      <c r="IE7" s="67">
        <v>10517</v>
      </c>
      <c r="IF7" s="67">
        <v>7003</v>
      </c>
      <c r="IG7" s="67">
        <v>6161</v>
      </c>
      <c r="IH7" s="67">
        <v>4565</v>
      </c>
      <c r="II7" s="68">
        <v>39767</v>
      </c>
      <c r="IJ7" s="69">
        <v>58495</v>
      </c>
      <c r="IK7" s="66">
        <v>16273</v>
      </c>
      <c r="IL7" s="67">
        <v>16329</v>
      </c>
      <c r="IM7" s="68">
        <v>32602</v>
      </c>
      <c r="IN7" s="243"/>
      <c r="IO7" s="67">
        <v>20818</v>
      </c>
      <c r="IP7" s="67">
        <v>17452</v>
      </c>
      <c r="IQ7" s="67">
        <v>11531</v>
      </c>
      <c r="IR7" s="67">
        <v>10121</v>
      </c>
      <c r="IS7" s="67">
        <v>6749</v>
      </c>
      <c r="IT7" s="68">
        <v>66671</v>
      </c>
      <c r="IU7" s="69">
        <v>99273</v>
      </c>
      <c r="IV7" s="66">
        <v>16784</v>
      </c>
      <c r="IW7" s="67">
        <v>18130</v>
      </c>
      <c r="IX7" s="68">
        <v>34914</v>
      </c>
      <c r="IY7" s="243"/>
      <c r="IZ7" s="67">
        <v>24932</v>
      </c>
      <c r="JA7" s="67">
        <v>22119</v>
      </c>
      <c r="JB7" s="67">
        <v>15609</v>
      </c>
      <c r="JC7" s="67">
        <v>13742</v>
      </c>
      <c r="JD7" s="67">
        <v>8726</v>
      </c>
      <c r="JE7" s="68">
        <v>85128</v>
      </c>
      <c r="JF7" s="69">
        <v>120042</v>
      </c>
      <c r="JG7" s="66">
        <v>9213</v>
      </c>
      <c r="JH7" s="67">
        <v>11772</v>
      </c>
      <c r="JI7" s="68">
        <v>20985</v>
      </c>
      <c r="JJ7" s="243"/>
      <c r="JK7" s="67">
        <v>19636</v>
      </c>
      <c r="JL7" s="67">
        <v>21912</v>
      </c>
      <c r="JM7" s="67">
        <v>18754</v>
      </c>
      <c r="JN7" s="67">
        <v>19320</v>
      </c>
      <c r="JO7" s="67">
        <v>11361</v>
      </c>
      <c r="JP7" s="68">
        <v>90983</v>
      </c>
      <c r="JQ7" s="69">
        <v>111968</v>
      </c>
      <c r="JR7" s="66">
        <v>851</v>
      </c>
      <c r="JS7" s="67">
        <v>1430</v>
      </c>
      <c r="JT7" s="68">
        <v>2281</v>
      </c>
      <c r="JU7" s="243"/>
      <c r="JV7" s="67">
        <v>1586</v>
      </c>
      <c r="JW7" s="67">
        <v>2338</v>
      </c>
      <c r="JX7" s="67">
        <v>1447</v>
      </c>
      <c r="JY7" s="67">
        <v>1387</v>
      </c>
      <c r="JZ7" s="67">
        <v>1342</v>
      </c>
      <c r="KA7" s="68">
        <v>8100</v>
      </c>
      <c r="KB7" s="69">
        <v>10381</v>
      </c>
      <c r="KC7" s="66">
        <v>58268</v>
      </c>
      <c r="KD7" s="67">
        <v>64783</v>
      </c>
      <c r="KE7" s="68">
        <v>123051</v>
      </c>
      <c r="KF7" s="243"/>
      <c r="KG7" s="67">
        <v>86737</v>
      </c>
      <c r="KH7" s="67">
        <v>83297</v>
      </c>
      <c r="KI7" s="67">
        <v>60270</v>
      </c>
      <c r="KJ7" s="67">
        <v>56156</v>
      </c>
      <c r="KK7" s="67">
        <v>36958</v>
      </c>
      <c r="KL7" s="68">
        <v>323418</v>
      </c>
      <c r="KM7" s="69">
        <v>446469</v>
      </c>
    </row>
    <row r="8" spans="2:299" ht="21" customHeight="1" x14ac:dyDescent="0.2">
      <c r="B8" s="126" t="s">
        <v>5</v>
      </c>
      <c r="C8" s="315">
        <v>8015</v>
      </c>
      <c r="D8" s="82">
        <v>9183</v>
      </c>
      <c r="E8" s="83">
        <v>17198</v>
      </c>
      <c r="F8" s="241"/>
      <c r="G8" s="82">
        <v>9944</v>
      </c>
      <c r="H8" s="82">
        <v>12973</v>
      </c>
      <c r="I8" s="82">
        <v>8419</v>
      </c>
      <c r="J8" s="82">
        <v>7001</v>
      </c>
      <c r="K8" s="82">
        <v>4303</v>
      </c>
      <c r="L8" s="84">
        <v>42640</v>
      </c>
      <c r="M8" s="85">
        <v>59838</v>
      </c>
      <c r="N8" s="70">
        <v>320</v>
      </c>
      <c r="O8" s="71">
        <v>447</v>
      </c>
      <c r="P8" s="72">
        <v>767</v>
      </c>
      <c r="Q8" s="244"/>
      <c r="R8" s="71">
        <v>389</v>
      </c>
      <c r="S8" s="71">
        <v>701</v>
      </c>
      <c r="T8" s="71">
        <v>394</v>
      </c>
      <c r="U8" s="71">
        <v>382</v>
      </c>
      <c r="V8" s="71">
        <v>310</v>
      </c>
      <c r="W8" s="72">
        <v>2176</v>
      </c>
      <c r="X8" s="73">
        <v>2943</v>
      </c>
      <c r="Y8" s="70">
        <v>723</v>
      </c>
      <c r="Z8" s="71">
        <v>993</v>
      </c>
      <c r="AA8" s="72">
        <v>1716</v>
      </c>
      <c r="AB8" s="244"/>
      <c r="AC8" s="71">
        <v>893</v>
      </c>
      <c r="AD8" s="71">
        <v>1454</v>
      </c>
      <c r="AE8" s="71">
        <v>1022</v>
      </c>
      <c r="AF8" s="71">
        <v>827</v>
      </c>
      <c r="AG8" s="71">
        <v>632</v>
      </c>
      <c r="AH8" s="72">
        <v>4828</v>
      </c>
      <c r="AI8" s="73">
        <v>6544</v>
      </c>
      <c r="AJ8" s="70">
        <v>1197</v>
      </c>
      <c r="AK8" s="71">
        <v>1486</v>
      </c>
      <c r="AL8" s="72">
        <v>2683</v>
      </c>
      <c r="AM8" s="244"/>
      <c r="AN8" s="71">
        <v>1567</v>
      </c>
      <c r="AO8" s="71">
        <v>2145</v>
      </c>
      <c r="AP8" s="71">
        <v>1338</v>
      </c>
      <c r="AQ8" s="71">
        <v>1138</v>
      </c>
      <c r="AR8" s="71">
        <v>730</v>
      </c>
      <c r="AS8" s="72">
        <v>6918</v>
      </c>
      <c r="AT8" s="73">
        <v>9601</v>
      </c>
      <c r="AU8" s="70">
        <v>2069</v>
      </c>
      <c r="AV8" s="71">
        <v>2202</v>
      </c>
      <c r="AW8" s="72">
        <v>4271</v>
      </c>
      <c r="AX8" s="244"/>
      <c r="AY8" s="71">
        <v>2462</v>
      </c>
      <c r="AZ8" s="71">
        <v>2883</v>
      </c>
      <c r="BA8" s="71">
        <v>1828</v>
      </c>
      <c r="BB8" s="71">
        <v>1569</v>
      </c>
      <c r="BC8" s="71">
        <v>959</v>
      </c>
      <c r="BD8" s="72">
        <v>9701</v>
      </c>
      <c r="BE8" s="73">
        <v>13972</v>
      </c>
      <c r="BF8" s="70">
        <v>2308</v>
      </c>
      <c r="BG8" s="71">
        <v>2460</v>
      </c>
      <c r="BH8" s="72">
        <v>4768</v>
      </c>
      <c r="BI8" s="244"/>
      <c r="BJ8" s="71">
        <v>2760</v>
      </c>
      <c r="BK8" s="71">
        <v>3218</v>
      </c>
      <c r="BL8" s="71">
        <v>2039</v>
      </c>
      <c r="BM8" s="71">
        <v>1662</v>
      </c>
      <c r="BN8" s="71">
        <v>937</v>
      </c>
      <c r="BO8" s="72">
        <v>10616</v>
      </c>
      <c r="BP8" s="73">
        <v>15384</v>
      </c>
      <c r="BQ8" s="70">
        <v>1398</v>
      </c>
      <c r="BR8" s="71">
        <v>1595</v>
      </c>
      <c r="BS8" s="72">
        <v>2993</v>
      </c>
      <c r="BT8" s="244"/>
      <c r="BU8" s="71">
        <v>1873</v>
      </c>
      <c r="BV8" s="71">
        <v>2572</v>
      </c>
      <c r="BW8" s="71">
        <v>1798</v>
      </c>
      <c r="BX8" s="71">
        <v>1423</v>
      </c>
      <c r="BY8" s="71">
        <v>735</v>
      </c>
      <c r="BZ8" s="72">
        <v>8401</v>
      </c>
      <c r="CA8" s="73">
        <v>11394</v>
      </c>
      <c r="CB8" s="70">
        <v>171</v>
      </c>
      <c r="CC8" s="71">
        <v>319</v>
      </c>
      <c r="CD8" s="72">
        <v>490</v>
      </c>
      <c r="CE8" s="244"/>
      <c r="CF8" s="71">
        <v>242</v>
      </c>
      <c r="CG8" s="71">
        <v>595</v>
      </c>
      <c r="CH8" s="71">
        <v>385</v>
      </c>
      <c r="CI8" s="71">
        <v>334</v>
      </c>
      <c r="CJ8" s="71">
        <v>331</v>
      </c>
      <c r="CK8" s="72">
        <v>1887</v>
      </c>
      <c r="CL8" s="73">
        <v>2377</v>
      </c>
      <c r="CM8" s="70">
        <v>8186</v>
      </c>
      <c r="CN8" s="71">
        <v>9502</v>
      </c>
      <c r="CO8" s="72">
        <v>17688</v>
      </c>
      <c r="CP8" s="244"/>
      <c r="CQ8" s="71">
        <v>10186</v>
      </c>
      <c r="CR8" s="71">
        <v>13568</v>
      </c>
      <c r="CS8" s="71">
        <v>8804</v>
      </c>
      <c r="CT8" s="71">
        <v>7335</v>
      </c>
      <c r="CU8" s="71">
        <v>4634</v>
      </c>
      <c r="CV8" s="72">
        <v>44527</v>
      </c>
      <c r="CW8" s="73">
        <v>62215</v>
      </c>
      <c r="CX8" s="123">
        <v>14815</v>
      </c>
      <c r="CY8" s="82">
        <v>19525</v>
      </c>
      <c r="CZ8" s="83">
        <v>34340</v>
      </c>
      <c r="DA8" s="241"/>
      <c r="DB8" s="82">
        <v>19113</v>
      </c>
      <c r="DC8" s="82">
        <v>23343</v>
      </c>
      <c r="DD8" s="82">
        <v>15944</v>
      </c>
      <c r="DE8" s="82">
        <v>15547</v>
      </c>
      <c r="DF8" s="82">
        <v>10587</v>
      </c>
      <c r="DG8" s="84">
        <v>84534</v>
      </c>
      <c r="DH8" s="85">
        <v>118874</v>
      </c>
      <c r="DI8" s="70">
        <v>316</v>
      </c>
      <c r="DJ8" s="71">
        <v>438</v>
      </c>
      <c r="DK8" s="72">
        <v>754</v>
      </c>
      <c r="DL8" s="244"/>
      <c r="DM8" s="71">
        <v>315</v>
      </c>
      <c r="DN8" s="71">
        <v>466</v>
      </c>
      <c r="DO8" s="71">
        <v>273</v>
      </c>
      <c r="DP8" s="71">
        <v>285</v>
      </c>
      <c r="DQ8" s="71">
        <v>252</v>
      </c>
      <c r="DR8" s="72">
        <v>1591</v>
      </c>
      <c r="DS8" s="73">
        <v>2345</v>
      </c>
      <c r="DT8" s="70">
        <v>978</v>
      </c>
      <c r="DU8" s="71">
        <v>1342</v>
      </c>
      <c r="DV8" s="72">
        <v>2320</v>
      </c>
      <c r="DW8" s="244"/>
      <c r="DX8" s="71">
        <v>902</v>
      </c>
      <c r="DY8" s="71">
        <v>1303</v>
      </c>
      <c r="DZ8" s="71">
        <v>741</v>
      </c>
      <c r="EA8" s="71">
        <v>750</v>
      </c>
      <c r="EB8" s="71">
        <v>610</v>
      </c>
      <c r="EC8" s="72">
        <v>4306</v>
      </c>
      <c r="ED8" s="73">
        <v>6626</v>
      </c>
      <c r="EE8" s="70">
        <v>2312</v>
      </c>
      <c r="EF8" s="71">
        <v>2848</v>
      </c>
      <c r="EG8" s="72">
        <v>5160</v>
      </c>
      <c r="EH8" s="244"/>
      <c r="EI8" s="71">
        <v>2208</v>
      </c>
      <c r="EJ8" s="71">
        <v>2411</v>
      </c>
      <c r="EK8" s="71">
        <v>1481</v>
      </c>
      <c r="EL8" s="71">
        <v>1275</v>
      </c>
      <c r="EM8" s="71">
        <v>1113</v>
      </c>
      <c r="EN8" s="72">
        <v>8488</v>
      </c>
      <c r="EO8" s="73">
        <v>13648</v>
      </c>
      <c r="EP8" s="70">
        <v>4351</v>
      </c>
      <c r="EQ8" s="71">
        <v>5056</v>
      </c>
      <c r="ER8" s="72">
        <v>9407</v>
      </c>
      <c r="ES8" s="244"/>
      <c r="ET8" s="71">
        <v>4571</v>
      </c>
      <c r="EU8" s="71">
        <v>4785</v>
      </c>
      <c r="EV8" s="71">
        <v>2787</v>
      </c>
      <c r="EW8" s="71">
        <v>2548</v>
      </c>
      <c r="EX8" s="71">
        <v>1742</v>
      </c>
      <c r="EY8" s="72">
        <v>16433</v>
      </c>
      <c r="EZ8" s="73">
        <v>25840</v>
      </c>
      <c r="FA8" s="70">
        <v>4535</v>
      </c>
      <c r="FB8" s="71">
        <v>5963</v>
      </c>
      <c r="FC8" s="72">
        <v>10498</v>
      </c>
      <c r="FD8" s="244"/>
      <c r="FE8" s="71">
        <v>6166</v>
      </c>
      <c r="FF8" s="71">
        <v>6896</v>
      </c>
      <c r="FG8" s="71">
        <v>4494</v>
      </c>
      <c r="FH8" s="71">
        <v>4091</v>
      </c>
      <c r="FI8" s="71">
        <v>2760</v>
      </c>
      <c r="FJ8" s="72">
        <v>24407</v>
      </c>
      <c r="FK8" s="73">
        <v>34905</v>
      </c>
      <c r="FL8" s="70">
        <v>2323</v>
      </c>
      <c r="FM8" s="71">
        <v>3878</v>
      </c>
      <c r="FN8" s="72">
        <v>6201</v>
      </c>
      <c r="FO8" s="244"/>
      <c r="FP8" s="71">
        <v>4951</v>
      </c>
      <c r="FQ8" s="71">
        <v>7482</v>
      </c>
      <c r="FR8" s="71">
        <v>6168</v>
      </c>
      <c r="FS8" s="71">
        <v>6598</v>
      </c>
      <c r="FT8" s="71">
        <v>4110</v>
      </c>
      <c r="FU8" s="72">
        <v>29309</v>
      </c>
      <c r="FV8" s="73">
        <v>35510</v>
      </c>
      <c r="FW8" s="70">
        <v>144</v>
      </c>
      <c r="FX8" s="71">
        <v>291</v>
      </c>
      <c r="FY8" s="72">
        <v>435</v>
      </c>
      <c r="FZ8" s="244"/>
      <c r="GA8" s="71">
        <v>210</v>
      </c>
      <c r="GB8" s="71">
        <v>456</v>
      </c>
      <c r="GC8" s="71">
        <v>259</v>
      </c>
      <c r="GD8" s="71">
        <v>235</v>
      </c>
      <c r="GE8" s="71">
        <v>250</v>
      </c>
      <c r="GF8" s="72">
        <v>1410</v>
      </c>
      <c r="GG8" s="73">
        <v>1845</v>
      </c>
      <c r="GH8" s="70">
        <v>14959</v>
      </c>
      <c r="GI8" s="71">
        <v>19816</v>
      </c>
      <c r="GJ8" s="72">
        <v>34775</v>
      </c>
      <c r="GK8" s="244"/>
      <c r="GL8" s="71">
        <v>19323</v>
      </c>
      <c r="GM8" s="71">
        <v>23799</v>
      </c>
      <c r="GN8" s="71">
        <v>16203</v>
      </c>
      <c r="GO8" s="71">
        <v>15782</v>
      </c>
      <c r="GP8" s="71">
        <v>10837</v>
      </c>
      <c r="GQ8" s="72">
        <v>85944</v>
      </c>
      <c r="GR8" s="73">
        <v>120719</v>
      </c>
      <c r="GS8" s="123">
        <v>22830</v>
      </c>
      <c r="GT8" s="82">
        <v>28708</v>
      </c>
      <c r="GU8" s="83">
        <v>51538</v>
      </c>
      <c r="GV8" s="241"/>
      <c r="GW8" s="82">
        <v>29057</v>
      </c>
      <c r="GX8" s="82">
        <v>36316</v>
      </c>
      <c r="GY8" s="82">
        <v>24363</v>
      </c>
      <c r="GZ8" s="82">
        <v>22548</v>
      </c>
      <c r="HA8" s="82">
        <v>14890</v>
      </c>
      <c r="HB8" s="84">
        <v>127174</v>
      </c>
      <c r="HC8" s="85">
        <v>178712</v>
      </c>
      <c r="HD8" s="70">
        <v>636</v>
      </c>
      <c r="HE8" s="71">
        <v>885</v>
      </c>
      <c r="HF8" s="72">
        <v>1521</v>
      </c>
      <c r="HG8" s="244"/>
      <c r="HH8" s="71">
        <v>704</v>
      </c>
      <c r="HI8" s="71">
        <v>1167</v>
      </c>
      <c r="HJ8" s="71">
        <v>667</v>
      </c>
      <c r="HK8" s="71">
        <v>667</v>
      </c>
      <c r="HL8" s="71">
        <v>562</v>
      </c>
      <c r="HM8" s="72">
        <v>3767</v>
      </c>
      <c r="HN8" s="73">
        <v>5288</v>
      </c>
      <c r="HO8" s="70">
        <v>1701</v>
      </c>
      <c r="HP8" s="71">
        <v>2335</v>
      </c>
      <c r="HQ8" s="72">
        <v>4036</v>
      </c>
      <c r="HR8" s="244"/>
      <c r="HS8" s="71">
        <v>1795</v>
      </c>
      <c r="HT8" s="71">
        <v>2757</v>
      </c>
      <c r="HU8" s="71">
        <v>1763</v>
      </c>
      <c r="HV8" s="71">
        <v>1577</v>
      </c>
      <c r="HW8" s="71">
        <v>1242</v>
      </c>
      <c r="HX8" s="72">
        <v>9134</v>
      </c>
      <c r="HY8" s="73">
        <v>13170</v>
      </c>
      <c r="HZ8" s="70">
        <v>3509</v>
      </c>
      <c r="IA8" s="71">
        <v>4334</v>
      </c>
      <c r="IB8" s="72">
        <v>7843</v>
      </c>
      <c r="IC8" s="244"/>
      <c r="ID8" s="71">
        <v>3775</v>
      </c>
      <c r="IE8" s="71">
        <v>4556</v>
      </c>
      <c r="IF8" s="71">
        <v>2819</v>
      </c>
      <c r="IG8" s="71">
        <v>2413</v>
      </c>
      <c r="IH8" s="71">
        <v>1843</v>
      </c>
      <c r="II8" s="72">
        <v>15406</v>
      </c>
      <c r="IJ8" s="73">
        <v>23249</v>
      </c>
      <c r="IK8" s="70">
        <v>6420</v>
      </c>
      <c r="IL8" s="71">
        <v>7258</v>
      </c>
      <c r="IM8" s="72">
        <v>13678</v>
      </c>
      <c r="IN8" s="244"/>
      <c r="IO8" s="71">
        <v>7033</v>
      </c>
      <c r="IP8" s="71">
        <v>7668</v>
      </c>
      <c r="IQ8" s="71">
        <v>4615</v>
      </c>
      <c r="IR8" s="71">
        <v>4117</v>
      </c>
      <c r="IS8" s="71">
        <v>2701</v>
      </c>
      <c r="IT8" s="72">
        <v>26134</v>
      </c>
      <c r="IU8" s="73">
        <v>39812</v>
      </c>
      <c r="IV8" s="70">
        <v>6843</v>
      </c>
      <c r="IW8" s="71">
        <v>8423</v>
      </c>
      <c r="IX8" s="72">
        <v>15266</v>
      </c>
      <c r="IY8" s="244"/>
      <c r="IZ8" s="71">
        <v>8926</v>
      </c>
      <c r="JA8" s="71">
        <v>10114</v>
      </c>
      <c r="JB8" s="71">
        <v>6533</v>
      </c>
      <c r="JC8" s="71">
        <v>5753</v>
      </c>
      <c r="JD8" s="71">
        <v>3697</v>
      </c>
      <c r="JE8" s="72">
        <v>35023</v>
      </c>
      <c r="JF8" s="73">
        <v>50289</v>
      </c>
      <c r="JG8" s="70">
        <v>3721</v>
      </c>
      <c r="JH8" s="71">
        <v>5473</v>
      </c>
      <c r="JI8" s="72">
        <v>9194</v>
      </c>
      <c r="JJ8" s="244"/>
      <c r="JK8" s="71">
        <v>6824</v>
      </c>
      <c r="JL8" s="71">
        <v>10054</v>
      </c>
      <c r="JM8" s="71">
        <v>7966</v>
      </c>
      <c r="JN8" s="71">
        <v>8021</v>
      </c>
      <c r="JO8" s="71">
        <v>4845</v>
      </c>
      <c r="JP8" s="72">
        <v>37710</v>
      </c>
      <c r="JQ8" s="73">
        <v>46904</v>
      </c>
      <c r="JR8" s="70">
        <v>315</v>
      </c>
      <c r="JS8" s="71">
        <v>610</v>
      </c>
      <c r="JT8" s="72">
        <v>925</v>
      </c>
      <c r="JU8" s="244"/>
      <c r="JV8" s="71">
        <v>452</v>
      </c>
      <c r="JW8" s="71">
        <v>1051</v>
      </c>
      <c r="JX8" s="71">
        <v>644</v>
      </c>
      <c r="JY8" s="71">
        <v>569</v>
      </c>
      <c r="JZ8" s="71">
        <v>581</v>
      </c>
      <c r="KA8" s="72">
        <v>3297</v>
      </c>
      <c r="KB8" s="73">
        <v>4222</v>
      </c>
      <c r="KC8" s="70">
        <v>23145</v>
      </c>
      <c r="KD8" s="71">
        <v>29318</v>
      </c>
      <c r="KE8" s="72">
        <v>52463</v>
      </c>
      <c r="KF8" s="244"/>
      <c r="KG8" s="71">
        <v>29509</v>
      </c>
      <c r="KH8" s="71">
        <v>37367</v>
      </c>
      <c r="KI8" s="71">
        <v>25007</v>
      </c>
      <c r="KJ8" s="71">
        <v>23117</v>
      </c>
      <c r="KK8" s="71">
        <v>15471</v>
      </c>
      <c r="KL8" s="72">
        <v>130471</v>
      </c>
      <c r="KM8" s="73">
        <v>182934</v>
      </c>
    </row>
    <row r="9" spans="2:299" ht="21" customHeight="1" x14ac:dyDescent="0.2">
      <c r="B9" s="126" t="s">
        <v>6</v>
      </c>
      <c r="C9" s="315">
        <v>2613</v>
      </c>
      <c r="D9" s="82">
        <v>2274</v>
      </c>
      <c r="E9" s="83">
        <v>4887</v>
      </c>
      <c r="F9" s="241"/>
      <c r="G9" s="82">
        <v>4911</v>
      </c>
      <c r="H9" s="82">
        <v>3719</v>
      </c>
      <c r="I9" s="82">
        <v>2848</v>
      </c>
      <c r="J9" s="82">
        <v>2467</v>
      </c>
      <c r="K9" s="82">
        <v>1677</v>
      </c>
      <c r="L9" s="84">
        <v>15622</v>
      </c>
      <c r="M9" s="85">
        <v>20509</v>
      </c>
      <c r="N9" s="70">
        <v>144</v>
      </c>
      <c r="O9" s="71">
        <v>141</v>
      </c>
      <c r="P9" s="72">
        <v>285</v>
      </c>
      <c r="Q9" s="244"/>
      <c r="R9" s="71">
        <v>261</v>
      </c>
      <c r="S9" s="71">
        <v>226</v>
      </c>
      <c r="T9" s="71">
        <v>146</v>
      </c>
      <c r="U9" s="71">
        <v>144</v>
      </c>
      <c r="V9" s="71">
        <v>126</v>
      </c>
      <c r="W9" s="72">
        <v>903</v>
      </c>
      <c r="X9" s="73">
        <v>1188</v>
      </c>
      <c r="Y9" s="70">
        <v>301</v>
      </c>
      <c r="Z9" s="71">
        <v>267</v>
      </c>
      <c r="AA9" s="72">
        <v>568</v>
      </c>
      <c r="AB9" s="244"/>
      <c r="AC9" s="71">
        <v>552</v>
      </c>
      <c r="AD9" s="71">
        <v>477</v>
      </c>
      <c r="AE9" s="71">
        <v>361</v>
      </c>
      <c r="AF9" s="71">
        <v>309</v>
      </c>
      <c r="AG9" s="71">
        <v>243</v>
      </c>
      <c r="AH9" s="72">
        <v>1942</v>
      </c>
      <c r="AI9" s="73">
        <v>2510</v>
      </c>
      <c r="AJ9" s="70">
        <v>415</v>
      </c>
      <c r="AK9" s="71">
        <v>407</v>
      </c>
      <c r="AL9" s="72">
        <v>822</v>
      </c>
      <c r="AM9" s="244"/>
      <c r="AN9" s="71">
        <v>828</v>
      </c>
      <c r="AO9" s="71">
        <v>653</v>
      </c>
      <c r="AP9" s="71">
        <v>471</v>
      </c>
      <c r="AQ9" s="71">
        <v>439</v>
      </c>
      <c r="AR9" s="71">
        <v>337</v>
      </c>
      <c r="AS9" s="72">
        <v>2728</v>
      </c>
      <c r="AT9" s="73">
        <v>3550</v>
      </c>
      <c r="AU9" s="70">
        <v>591</v>
      </c>
      <c r="AV9" s="71">
        <v>499</v>
      </c>
      <c r="AW9" s="72">
        <v>1090</v>
      </c>
      <c r="AX9" s="244"/>
      <c r="AY9" s="71">
        <v>1233</v>
      </c>
      <c r="AZ9" s="71">
        <v>803</v>
      </c>
      <c r="BA9" s="71">
        <v>684</v>
      </c>
      <c r="BB9" s="71">
        <v>527</v>
      </c>
      <c r="BC9" s="71">
        <v>365</v>
      </c>
      <c r="BD9" s="72">
        <v>3612</v>
      </c>
      <c r="BE9" s="73">
        <v>4702</v>
      </c>
      <c r="BF9" s="70">
        <v>730</v>
      </c>
      <c r="BG9" s="71">
        <v>574</v>
      </c>
      <c r="BH9" s="72">
        <v>1304</v>
      </c>
      <c r="BI9" s="244"/>
      <c r="BJ9" s="71">
        <v>1188</v>
      </c>
      <c r="BK9" s="71">
        <v>897</v>
      </c>
      <c r="BL9" s="71">
        <v>664</v>
      </c>
      <c r="BM9" s="71">
        <v>560</v>
      </c>
      <c r="BN9" s="71">
        <v>370</v>
      </c>
      <c r="BO9" s="72">
        <v>3679</v>
      </c>
      <c r="BP9" s="73">
        <v>4983</v>
      </c>
      <c r="BQ9" s="70">
        <v>432</v>
      </c>
      <c r="BR9" s="71">
        <v>386</v>
      </c>
      <c r="BS9" s="72">
        <v>818</v>
      </c>
      <c r="BT9" s="244"/>
      <c r="BU9" s="71">
        <v>849</v>
      </c>
      <c r="BV9" s="71">
        <v>663</v>
      </c>
      <c r="BW9" s="71">
        <v>522</v>
      </c>
      <c r="BX9" s="71">
        <v>488</v>
      </c>
      <c r="BY9" s="71">
        <v>236</v>
      </c>
      <c r="BZ9" s="72">
        <v>2758</v>
      </c>
      <c r="CA9" s="73">
        <v>3576</v>
      </c>
      <c r="CB9" s="70">
        <v>76</v>
      </c>
      <c r="CC9" s="71">
        <v>96</v>
      </c>
      <c r="CD9" s="72">
        <v>172</v>
      </c>
      <c r="CE9" s="244"/>
      <c r="CF9" s="71">
        <v>173</v>
      </c>
      <c r="CG9" s="71">
        <v>195</v>
      </c>
      <c r="CH9" s="71">
        <v>116</v>
      </c>
      <c r="CI9" s="71">
        <v>135</v>
      </c>
      <c r="CJ9" s="71">
        <v>122</v>
      </c>
      <c r="CK9" s="72">
        <v>741</v>
      </c>
      <c r="CL9" s="73">
        <v>913</v>
      </c>
      <c r="CM9" s="70">
        <v>2689</v>
      </c>
      <c r="CN9" s="71">
        <v>2370</v>
      </c>
      <c r="CO9" s="72">
        <v>5059</v>
      </c>
      <c r="CP9" s="244"/>
      <c r="CQ9" s="71">
        <v>5084</v>
      </c>
      <c r="CR9" s="71">
        <v>3914</v>
      </c>
      <c r="CS9" s="71">
        <v>2964</v>
      </c>
      <c r="CT9" s="71">
        <v>2602</v>
      </c>
      <c r="CU9" s="71">
        <v>1799</v>
      </c>
      <c r="CV9" s="72">
        <v>16363</v>
      </c>
      <c r="CW9" s="73">
        <v>21422</v>
      </c>
      <c r="CX9" s="123">
        <v>5068</v>
      </c>
      <c r="CY9" s="82">
        <v>5237</v>
      </c>
      <c r="CZ9" s="83">
        <v>10305</v>
      </c>
      <c r="DA9" s="241"/>
      <c r="DB9" s="82">
        <v>8754</v>
      </c>
      <c r="DC9" s="82">
        <v>6470</v>
      </c>
      <c r="DD9" s="82">
        <v>5287</v>
      </c>
      <c r="DE9" s="82">
        <v>5422</v>
      </c>
      <c r="DF9" s="82">
        <v>3550</v>
      </c>
      <c r="DG9" s="84">
        <v>29483</v>
      </c>
      <c r="DH9" s="85">
        <v>39788</v>
      </c>
      <c r="DI9" s="70">
        <v>111</v>
      </c>
      <c r="DJ9" s="71">
        <v>107</v>
      </c>
      <c r="DK9" s="72">
        <v>218</v>
      </c>
      <c r="DL9" s="244"/>
      <c r="DM9" s="71">
        <v>182</v>
      </c>
      <c r="DN9" s="71">
        <v>124</v>
      </c>
      <c r="DO9" s="71">
        <v>107</v>
      </c>
      <c r="DP9" s="71">
        <v>100</v>
      </c>
      <c r="DQ9" s="71">
        <v>80</v>
      </c>
      <c r="DR9" s="72">
        <v>593</v>
      </c>
      <c r="DS9" s="73">
        <v>811</v>
      </c>
      <c r="DT9" s="70">
        <v>353</v>
      </c>
      <c r="DU9" s="71">
        <v>364</v>
      </c>
      <c r="DV9" s="72">
        <v>717</v>
      </c>
      <c r="DW9" s="244"/>
      <c r="DX9" s="71">
        <v>507</v>
      </c>
      <c r="DY9" s="71">
        <v>373</v>
      </c>
      <c r="DZ9" s="71">
        <v>279</v>
      </c>
      <c r="EA9" s="71">
        <v>273</v>
      </c>
      <c r="EB9" s="71">
        <v>190</v>
      </c>
      <c r="EC9" s="72">
        <v>1622</v>
      </c>
      <c r="ED9" s="73">
        <v>2339</v>
      </c>
      <c r="EE9" s="70">
        <v>757</v>
      </c>
      <c r="EF9" s="71">
        <v>793</v>
      </c>
      <c r="EG9" s="72">
        <v>1550</v>
      </c>
      <c r="EH9" s="244"/>
      <c r="EI9" s="71">
        <v>1081</v>
      </c>
      <c r="EJ9" s="71">
        <v>696</v>
      </c>
      <c r="EK9" s="71">
        <v>465</v>
      </c>
      <c r="EL9" s="71">
        <v>508</v>
      </c>
      <c r="EM9" s="71">
        <v>366</v>
      </c>
      <c r="EN9" s="72">
        <v>3116</v>
      </c>
      <c r="EO9" s="73">
        <v>4666</v>
      </c>
      <c r="EP9" s="70">
        <v>1544</v>
      </c>
      <c r="EQ9" s="71">
        <v>1366</v>
      </c>
      <c r="ER9" s="72">
        <v>2910</v>
      </c>
      <c r="ES9" s="244"/>
      <c r="ET9" s="71">
        <v>2068</v>
      </c>
      <c r="EU9" s="71">
        <v>1316</v>
      </c>
      <c r="EV9" s="71">
        <v>969</v>
      </c>
      <c r="EW9" s="71">
        <v>896</v>
      </c>
      <c r="EX9" s="71">
        <v>616</v>
      </c>
      <c r="EY9" s="72">
        <v>5865</v>
      </c>
      <c r="EZ9" s="73">
        <v>8775</v>
      </c>
      <c r="FA9" s="70">
        <v>1511</v>
      </c>
      <c r="FB9" s="71">
        <v>1592</v>
      </c>
      <c r="FC9" s="72">
        <v>3103</v>
      </c>
      <c r="FD9" s="244"/>
      <c r="FE9" s="71">
        <v>2661</v>
      </c>
      <c r="FF9" s="71">
        <v>1903</v>
      </c>
      <c r="FG9" s="71">
        <v>1459</v>
      </c>
      <c r="FH9" s="71">
        <v>1397</v>
      </c>
      <c r="FI9" s="71">
        <v>924</v>
      </c>
      <c r="FJ9" s="72">
        <v>8344</v>
      </c>
      <c r="FK9" s="73">
        <v>11447</v>
      </c>
      <c r="FL9" s="70">
        <v>792</v>
      </c>
      <c r="FM9" s="71">
        <v>1015</v>
      </c>
      <c r="FN9" s="72">
        <v>1807</v>
      </c>
      <c r="FO9" s="244"/>
      <c r="FP9" s="71">
        <v>2255</v>
      </c>
      <c r="FQ9" s="71">
        <v>2058</v>
      </c>
      <c r="FR9" s="71">
        <v>2008</v>
      </c>
      <c r="FS9" s="71">
        <v>2248</v>
      </c>
      <c r="FT9" s="71">
        <v>1374</v>
      </c>
      <c r="FU9" s="72">
        <v>9943</v>
      </c>
      <c r="FV9" s="73">
        <v>11750</v>
      </c>
      <c r="FW9" s="70">
        <v>54</v>
      </c>
      <c r="FX9" s="71">
        <v>81</v>
      </c>
      <c r="FY9" s="72">
        <v>135</v>
      </c>
      <c r="FZ9" s="244"/>
      <c r="GA9" s="71">
        <v>141</v>
      </c>
      <c r="GB9" s="71">
        <v>125</v>
      </c>
      <c r="GC9" s="71">
        <v>105</v>
      </c>
      <c r="GD9" s="71">
        <v>110</v>
      </c>
      <c r="GE9" s="71">
        <v>105</v>
      </c>
      <c r="GF9" s="72">
        <v>586</v>
      </c>
      <c r="GG9" s="73">
        <v>721</v>
      </c>
      <c r="GH9" s="70">
        <v>5122</v>
      </c>
      <c r="GI9" s="71">
        <v>5318</v>
      </c>
      <c r="GJ9" s="72">
        <v>10440</v>
      </c>
      <c r="GK9" s="244"/>
      <c r="GL9" s="71">
        <v>8895</v>
      </c>
      <c r="GM9" s="71">
        <v>6595</v>
      </c>
      <c r="GN9" s="71">
        <v>5392</v>
      </c>
      <c r="GO9" s="71">
        <v>5532</v>
      </c>
      <c r="GP9" s="71">
        <v>3655</v>
      </c>
      <c r="GQ9" s="72">
        <v>30069</v>
      </c>
      <c r="GR9" s="73">
        <v>40509</v>
      </c>
      <c r="GS9" s="123">
        <v>7681</v>
      </c>
      <c r="GT9" s="82">
        <v>7511</v>
      </c>
      <c r="GU9" s="83">
        <v>15192</v>
      </c>
      <c r="GV9" s="241"/>
      <c r="GW9" s="82">
        <v>13665</v>
      </c>
      <c r="GX9" s="82">
        <v>10189</v>
      </c>
      <c r="GY9" s="82">
        <v>8135</v>
      </c>
      <c r="GZ9" s="82">
        <v>7889</v>
      </c>
      <c r="HA9" s="82">
        <v>5227</v>
      </c>
      <c r="HB9" s="84">
        <v>45105</v>
      </c>
      <c r="HC9" s="85">
        <v>60297</v>
      </c>
      <c r="HD9" s="70">
        <v>255</v>
      </c>
      <c r="HE9" s="71">
        <v>248</v>
      </c>
      <c r="HF9" s="72">
        <v>503</v>
      </c>
      <c r="HG9" s="244"/>
      <c r="HH9" s="71">
        <v>443</v>
      </c>
      <c r="HI9" s="71">
        <v>350</v>
      </c>
      <c r="HJ9" s="71">
        <v>253</v>
      </c>
      <c r="HK9" s="71">
        <v>244</v>
      </c>
      <c r="HL9" s="71">
        <v>206</v>
      </c>
      <c r="HM9" s="72">
        <v>1496</v>
      </c>
      <c r="HN9" s="73">
        <v>1999</v>
      </c>
      <c r="HO9" s="70">
        <v>654</v>
      </c>
      <c r="HP9" s="71">
        <v>631</v>
      </c>
      <c r="HQ9" s="72">
        <v>1285</v>
      </c>
      <c r="HR9" s="244"/>
      <c r="HS9" s="71">
        <v>1059</v>
      </c>
      <c r="HT9" s="71">
        <v>850</v>
      </c>
      <c r="HU9" s="71">
        <v>640</v>
      </c>
      <c r="HV9" s="71">
        <v>582</v>
      </c>
      <c r="HW9" s="71">
        <v>433</v>
      </c>
      <c r="HX9" s="72">
        <v>3564</v>
      </c>
      <c r="HY9" s="73">
        <v>4849</v>
      </c>
      <c r="HZ9" s="70">
        <v>1172</v>
      </c>
      <c r="IA9" s="71">
        <v>1200</v>
      </c>
      <c r="IB9" s="72">
        <v>2372</v>
      </c>
      <c r="IC9" s="244"/>
      <c r="ID9" s="71">
        <v>1909</v>
      </c>
      <c r="IE9" s="71">
        <v>1349</v>
      </c>
      <c r="IF9" s="71">
        <v>936</v>
      </c>
      <c r="IG9" s="71">
        <v>947</v>
      </c>
      <c r="IH9" s="71">
        <v>703</v>
      </c>
      <c r="II9" s="72">
        <v>5844</v>
      </c>
      <c r="IJ9" s="73">
        <v>8216</v>
      </c>
      <c r="IK9" s="70">
        <v>2135</v>
      </c>
      <c r="IL9" s="71">
        <v>1865</v>
      </c>
      <c r="IM9" s="72">
        <v>4000</v>
      </c>
      <c r="IN9" s="244"/>
      <c r="IO9" s="71">
        <v>3301</v>
      </c>
      <c r="IP9" s="71">
        <v>2119</v>
      </c>
      <c r="IQ9" s="71">
        <v>1653</v>
      </c>
      <c r="IR9" s="71">
        <v>1423</v>
      </c>
      <c r="IS9" s="71">
        <v>981</v>
      </c>
      <c r="IT9" s="72">
        <v>9477</v>
      </c>
      <c r="IU9" s="73">
        <v>13477</v>
      </c>
      <c r="IV9" s="70">
        <v>2241</v>
      </c>
      <c r="IW9" s="71">
        <v>2166</v>
      </c>
      <c r="IX9" s="72">
        <v>4407</v>
      </c>
      <c r="IY9" s="244"/>
      <c r="IZ9" s="71">
        <v>3849</v>
      </c>
      <c r="JA9" s="71">
        <v>2800</v>
      </c>
      <c r="JB9" s="71">
        <v>2123</v>
      </c>
      <c r="JC9" s="71">
        <v>1957</v>
      </c>
      <c r="JD9" s="71">
        <v>1294</v>
      </c>
      <c r="JE9" s="72">
        <v>12023</v>
      </c>
      <c r="JF9" s="73">
        <v>16430</v>
      </c>
      <c r="JG9" s="70">
        <v>1224</v>
      </c>
      <c r="JH9" s="71">
        <v>1401</v>
      </c>
      <c r="JI9" s="72">
        <v>2625</v>
      </c>
      <c r="JJ9" s="244"/>
      <c r="JK9" s="71">
        <v>3104</v>
      </c>
      <c r="JL9" s="71">
        <v>2721</v>
      </c>
      <c r="JM9" s="71">
        <v>2530</v>
      </c>
      <c r="JN9" s="71">
        <v>2736</v>
      </c>
      <c r="JO9" s="71">
        <v>1610</v>
      </c>
      <c r="JP9" s="72">
        <v>12701</v>
      </c>
      <c r="JQ9" s="73">
        <v>15326</v>
      </c>
      <c r="JR9" s="70">
        <v>130</v>
      </c>
      <c r="JS9" s="71">
        <v>177</v>
      </c>
      <c r="JT9" s="72">
        <v>307</v>
      </c>
      <c r="JU9" s="244"/>
      <c r="JV9" s="71">
        <v>314</v>
      </c>
      <c r="JW9" s="71">
        <v>320</v>
      </c>
      <c r="JX9" s="71">
        <v>221</v>
      </c>
      <c r="JY9" s="71">
        <v>245</v>
      </c>
      <c r="JZ9" s="71">
        <v>227</v>
      </c>
      <c r="KA9" s="72">
        <v>1327</v>
      </c>
      <c r="KB9" s="73">
        <v>1634</v>
      </c>
      <c r="KC9" s="70">
        <v>7811</v>
      </c>
      <c r="KD9" s="71">
        <v>7688</v>
      </c>
      <c r="KE9" s="72">
        <v>15499</v>
      </c>
      <c r="KF9" s="244"/>
      <c r="KG9" s="71">
        <v>13979</v>
      </c>
      <c r="KH9" s="71">
        <v>10509</v>
      </c>
      <c r="KI9" s="71">
        <v>8356</v>
      </c>
      <c r="KJ9" s="71">
        <v>8134</v>
      </c>
      <c r="KK9" s="71">
        <v>5454</v>
      </c>
      <c r="KL9" s="72">
        <v>46432</v>
      </c>
      <c r="KM9" s="73">
        <v>61931</v>
      </c>
    </row>
    <row r="10" spans="2:299" ht="21" customHeight="1" x14ac:dyDescent="0.2">
      <c r="B10" s="126" t="s">
        <v>14</v>
      </c>
      <c r="C10" s="315">
        <v>1501</v>
      </c>
      <c r="D10" s="82">
        <v>1838</v>
      </c>
      <c r="E10" s="83">
        <v>3339</v>
      </c>
      <c r="F10" s="241"/>
      <c r="G10" s="82">
        <v>2233</v>
      </c>
      <c r="H10" s="82">
        <v>2451</v>
      </c>
      <c r="I10" s="82">
        <v>1868</v>
      </c>
      <c r="J10" s="82">
        <v>1423</v>
      </c>
      <c r="K10" s="82">
        <v>859</v>
      </c>
      <c r="L10" s="84">
        <v>8834</v>
      </c>
      <c r="M10" s="85">
        <v>12173</v>
      </c>
      <c r="N10" s="70">
        <v>68</v>
      </c>
      <c r="O10" s="71">
        <v>97</v>
      </c>
      <c r="P10" s="72">
        <v>165</v>
      </c>
      <c r="Q10" s="244"/>
      <c r="R10" s="71">
        <v>90</v>
      </c>
      <c r="S10" s="71">
        <v>123</v>
      </c>
      <c r="T10" s="71">
        <v>94</v>
      </c>
      <c r="U10" s="71">
        <v>70</v>
      </c>
      <c r="V10" s="71">
        <v>75</v>
      </c>
      <c r="W10" s="72">
        <v>452</v>
      </c>
      <c r="X10" s="73">
        <v>617</v>
      </c>
      <c r="Y10" s="70">
        <v>163</v>
      </c>
      <c r="Z10" s="71">
        <v>276</v>
      </c>
      <c r="AA10" s="72">
        <v>439</v>
      </c>
      <c r="AB10" s="244"/>
      <c r="AC10" s="71">
        <v>202</v>
      </c>
      <c r="AD10" s="71">
        <v>265</v>
      </c>
      <c r="AE10" s="71">
        <v>223</v>
      </c>
      <c r="AF10" s="71">
        <v>180</v>
      </c>
      <c r="AG10" s="71">
        <v>109</v>
      </c>
      <c r="AH10" s="72">
        <v>979</v>
      </c>
      <c r="AI10" s="73">
        <v>1418</v>
      </c>
      <c r="AJ10" s="70">
        <v>255</v>
      </c>
      <c r="AK10" s="71">
        <v>321</v>
      </c>
      <c r="AL10" s="72">
        <v>576</v>
      </c>
      <c r="AM10" s="244"/>
      <c r="AN10" s="71">
        <v>393</v>
      </c>
      <c r="AO10" s="71">
        <v>425</v>
      </c>
      <c r="AP10" s="71">
        <v>295</v>
      </c>
      <c r="AQ10" s="71">
        <v>245</v>
      </c>
      <c r="AR10" s="71">
        <v>171</v>
      </c>
      <c r="AS10" s="72">
        <v>1529</v>
      </c>
      <c r="AT10" s="73">
        <v>2105</v>
      </c>
      <c r="AU10" s="70">
        <v>427</v>
      </c>
      <c r="AV10" s="71">
        <v>490</v>
      </c>
      <c r="AW10" s="72">
        <v>917</v>
      </c>
      <c r="AX10" s="244"/>
      <c r="AY10" s="71">
        <v>606</v>
      </c>
      <c r="AZ10" s="71">
        <v>608</v>
      </c>
      <c r="BA10" s="71">
        <v>457</v>
      </c>
      <c r="BB10" s="71">
        <v>358</v>
      </c>
      <c r="BC10" s="71">
        <v>212</v>
      </c>
      <c r="BD10" s="72">
        <v>2241</v>
      </c>
      <c r="BE10" s="73">
        <v>3158</v>
      </c>
      <c r="BF10" s="70">
        <v>392</v>
      </c>
      <c r="BG10" s="71">
        <v>420</v>
      </c>
      <c r="BH10" s="72">
        <v>812</v>
      </c>
      <c r="BI10" s="244"/>
      <c r="BJ10" s="71">
        <v>582</v>
      </c>
      <c r="BK10" s="71">
        <v>603</v>
      </c>
      <c r="BL10" s="71">
        <v>469</v>
      </c>
      <c r="BM10" s="71">
        <v>338</v>
      </c>
      <c r="BN10" s="71">
        <v>175</v>
      </c>
      <c r="BO10" s="72">
        <v>2167</v>
      </c>
      <c r="BP10" s="73">
        <v>2979</v>
      </c>
      <c r="BQ10" s="70">
        <v>196</v>
      </c>
      <c r="BR10" s="71">
        <v>234</v>
      </c>
      <c r="BS10" s="72">
        <v>430</v>
      </c>
      <c r="BT10" s="244"/>
      <c r="BU10" s="71">
        <v>360</v>
      </c>
      <c r="BV10" s="71">
        <v>427</v>
      </c>
      <c r="BW10" s="71">
        <v>330</v>
      </c>
      <c r="BX10" s="71">
        <v>232</v>
      </c>
      <c r="BY10" s="71">
        <v>117</v>
      </c>
      <c r="BZ10" s="72">
        <v>1466</v>
      </c>
      <c r="CA10" s="73">
        <v>1896</v>
      </c>
      <c r="CB10" s="70">
        <v>40</v>
      </c>
      <c r="CC10" s="71">
        <v>87</v>
      </c>
      <c r="CD10" s="72">
        <v>127</v>
      </c>
      <c r="CE10" s="244"/>
      <c r="CF10" s="71">
        <v>43</v>
      </c>
      <c r="CG10" s="71">
        <v>109</v>
      </c>
      <c r="CH10" s="71">
        <v>62</v>
      </c>
      <c r="CI10" s="71">
        <v>74</v>
      </c>
      <c r="CJ10" s="71">
        <v>53</v>
      </c>
      <c r="CK10" s="72">
        <v>341</v>
      </c>
      <c r="CL10" s="73">
        <v>468</v>
      </c>
      <c r="CM10" s="70">
        <v>1541</v>
      </c>
      <c r="CN10" s="71">
        <v>1925</v>
      </c>
      <c r="CO10" s="72">
        <v>3466</v>
      </c>
      <c r="CP10" s="244"/>
      <c r="CQ10" s="71">
        <v>2276</v>
      </c>
      <c r="CR10" s="71">
        <v>2560</v>
      </c>
      <c r="CS10" s="71">
        <v>1930</v>
      </c>
      <c r="CT10" s="71">
        <v>1497</v>
      </c>
      <c r="CU10" s="71">
        <v>912</v>
      </c>
      <c r="CV10" s="72">
        <v>9175</v>
      </c>
      <c r="CW10" s="73">
        <v>12641</v>
      </c>
      <c r="CX10" s="123">
        <v>2812</v>
      </c>
      <c r="CY10" s="82">
        <v>4040</v>
      </c>
      <c r="CZ10" s="83">
        <v>6852</v>
      </c>
      <c r="DA10" s="241"/>
      <c r="DB10" s="82">
        <v>3652</v>
      </c>
      <c r="DC10" s="82">
        <v>4105</v>
      </c>
      <c r="DD10" s="82">
        <v>3123</v>
      </c>
      <c r="DE10" s="82">
        <v>3015</v>
      </c>
      <c r="DF10" s="82">
        <v>1877</v>
      </c>
      <c r="DG10" s="84">
        <v>15772</v>
      </c>
      <c r="DH10" s="85">
        <v>22624</v>
      </c>
      <c r="DI10" s="70">
        <v>77</v>
      </c>
      <c r="DJ10" s="71">
        <v>99</v>
      </c>
      <c r="DK10" s="72">
        <v>176</v>
      </c>
      <c r="DL10" s="244"/>
      <c r="DM10" s="71">
        <v>61</v>
      </c>
      <c r="DN10" s="71">
        <v>94</v>
      </c>
      <c r="DO10" s="71">
        <v>63</v>
      </c>
      <c r="DP10" s="71">
        <v>51</v>
      </c>
      <c r="DQ10" s="71">
        <v>42</v>
      </c>
      <c r="DR10" s="72">
        <v>311</v>
      </c>
      <c r="DS10" s="73">
        <v>487</v>
      </c>
      <c r="DT10" s="70">
        <v>222</v>
      </c>
      <c r="DU10" s="71">
        <v>367</v>
      </c>
      <c r="DV10" s="72">
        <v>589</v>
      </c>
      <c r="DW10" s="244"/>
      <c r="DX10" s="71">
        <v>202</v>
      </c>
      <c r="DY10" s="71">
        <v>302</v>
      </c>
      <c r="DZ10" s="71">
        <v>170</v>
      </c>
      <c r="EA10" s="71">
        <v>163</v>
      </c>
      <c r="EB10" s="71">
        <v>129</v>
      </c>
      <c r="EC10" s="72">
        <v>966</v>
      </c>
      <c r="ED10" s="73">
        <v>1555</v>
      </c>
      <c r="EE10" s="70">
        <v>544</v>
      </c>
      <c r="EF10" s="71">
        <v>675</v>
      </c>
      <c r="EG10" s="72">
        <v>1219</v>
      </c>
      <c r="EH10" s="244"/>
      <c r="EI10" s="71">
        <v>486</v>
      </c>
      <c r="EJ10" s="71">
        <v>543</v>
      </c>
      <c r="EK10" s="71">
        <v>357</v>
      </c>
      <c r="EL10" s="71">
        <v>324</v>
      </c>
      <c r="EM10" s="71">
        <v>238</v>
      </c>
      <c r="EN10" s="72">
        <v>1948</v>
      </c>
      <c r="EO10" s="73">
        <v>3167</v>
      </c>
      <c r="EP10" s="70">
        <v>859</v>
      </c>
      <c r="EQ10" s="71">
        <v>1151</v>
      </c>
      <c r="ER10" s="72">
        <v>2010</v>
      </c>
      <c r="ES10" s="244"/>
      <c r="ET10" s="71">
        <v>1026</v>
      </c>
      <c r="EU10" s="71">
        <v>962</v>
      </c>
      <c r="EV10" s="71">
        <v>654</v>
      </c>
      <c r="EW10" s="71">
        <v>523</v>
      </c>
      <c r="EX10" s="71">
        <v>358</v>
      </c>
      <c r="EY10" s="72">
        <v>3523</v>
      </c>
      <c r="EZ10" s="73">
        <v>5533</v>
      </c>
      <c r="FA10" s="70">
        <v>752</v>
      </c>
      <c r="FB10" s="71">
        <v>1129</v>
      </c>
      <c r="FC10" s="72">
        <v>1881</v>
      </c>
      <c r="FD10" s="244"/>
      <c r="FE10" s="71">
        <v>1077</v>
      </c>
      <c r="FF10" s="71">
        <v>1121</v>
      </c>
      <c r="FG10" s="71">
        <v>789</v>
      </c>
      <c r="FH10" s="71">
        <v>768</v>
      </c>
      <c r="FI10" s="71">
        <v>475</v>
      </c>
      <c r="FJ10" s="72">
        <v>4230</v>
      </c>
      <c r="FK10" s="73">
        <v>6111</v>
      </c>
      <c r="FL10" s="70">
        <v>358</v>
      </c>
      <c r="FM10" s="71">
        <v>619</v>
      </c>
      <c r="FN10" s="72">
        <v>977</v>
      </c>
      <c r="FO10" s="244"/>
      <c r="FP10" s="71">
        <v>800</v>
      </c>
      <c r="FQ10" s="71">
        <v>1083</v>
      </c>
      <c r="FR10" s="71">
        <v>1090</v>
      </c>
      <c r="FS10" s="71">
        <v>1186</v>
      </c>
      <c r="FT10" s="71">
        <v>635</v>
      </c>
      <c r="FU10" s="72">
        <v>4794</v>
      </c>
      <c r="FV10" s="73">
        <v>5771</v>
      </c>
      <c r="FW10" s="70">
        <v>16</v>
      </c>
      <c r="FX10" s="71">
        <v>79</v>
      </c>
      <c r="FY10" s="72">
        <v>95</v>
      </c>
      <c r="FZ10" s="244"/>
      <c r="GA10" s="71">
        <v>42</v>
      </c>
      <c r="GB10" s="71">
        <v>87</v>
      </c>
      <c r="GC10" s="71">
        <v>43</v>
      </c>
      <c r="GD10" s="71">
        <v>48</v>
      </c>
      <c r="GE10" s="71">
        <v>53</v>
      </c>
      <c r="GF10" s="72">
        <v>273</v>
      </c>
      <c r="GG10" s="73">
        <v>368</v>
      </c>
      <c r="GH10" s="70">
        <v>2828</v>
      </c>
      <c r="GI10" s="71">
        <v>4119</v>
      </c>
      <c r="GJ10" s="72">
        <v>6947</v>
      </c>
      <c r="GK10" s="244"/>
      <c r="GL10" s="71">
        <v>3694</v>
      </c>
      <c r="GM10" s="71">
        <v>4192</v>
      </c>
      <c r="GN10" s="71">
        <v>3166</v>
      </c>
      <c r="GO10" s="71">
        <v>3063</v>
      </c>
      <c r="GP10" s="71">
        <v>1930</v>
      </c>
      <c r="GQ10" s="72">
        <v>16045</v>
      </c>
      <c r="GR10" s="73">
        <v>22992</v>
      </c>
      <c r="GS10" s="123">
        <v>4313</v>
      </c>
      <c r="GT10" s="82">
        <v>5878</v>
      </c>
      <c r="GU10" s="83">
        <v>10191</v>
      </c>
      <c r="GV10" s="241"/>
      <c r="GW10" s="82">
        <v>5885</v>
      </c>
      <c r="GX10" s="82">
        <v>6556</v>
      </c>
      <c r="GY10" s="82">
        <v>4991</v>
      </c>
      <c r="GZ10" s="82">
        <v>4438</v>
      </c>
      <c r="HA10" s="82">
        <v>2736</v>
      </c>
      <c r="HB10" s="84">
        <v>24606</v>
      </c>
      <c r="HC10" s="85">
        <v>34797</v>
      </c>
      <c r="HD10" s="70">
        <v>145</v>
      </c>
      <c r="HE10" s="71">
        <v>196</v>
      </c>
      <c r="HF10" s="72">
        <v>341</v>
      </c>
      <c r="HG10" s="244"/>
      <c r="HH10" s="71">
        <v>151</v>
      </c>
      <c r="HI10" s="71">
        <v>217</v>
      </c>
      <c r="HJ10" s="71">
        <v>157</v>
      </c>
      <c r="HK10" s="71">
        <v>121</v>
      </c>
      <c r="HL10" s="71">
        <v>117</v>
      </c>
      <c r="HM10" s="72">
        <v>763</v>
      </c>
      <c r="HN10" s="73">
        <v>1104</v>
      </c>
      <c r="HO10" s="70">
        <v>385</v>
      </c>
      <c r="HP10" s="71">
        <v>643</v>
      </c>
      <c r="HQ10" s="72">
        <v>1028</v>
      </c>
      <c r="HR10" s="244"/>
      <c r="HS10" s="71">
        <v>404</v>
      </c>
      <c r="HT10" s="71">
        <v>567</v>
      </c>
      <c r="HU10" s="71">
        <v>393</v>
      </c>
      <c r="HV10" s="71">
        <v>343</v>
      </c>
      <c r="HW10" s="71">
        <v>238</v>
      </c>
      <c r="HX10" s="72">
        <v>1945</v>
      </c>
      <c r="HY10" s="73">
        <v>2973</v>
      </c>
      <c r="HZ10" s="70">
        <v>799</v>
      </c>
      <c r="IA10" s="71">
        <v>996</v>
      </c>
      <c r="IB10" s="72">
        <v>1795</v>
      </c>
      <c r="IC10" s="244"/>
      <c r="ID10" s="71">
        <v>879</v>
      </c>
      <c r="IE10" s="71">
        <v>968</v>
      </c>
      <c r="IF10" s="71">
        <v>652</v>
      </c>
      <c r="IG10" s="71">
        <v>569</v>
      </c>
      <c r="IH10" s="71">
        <v>409</v>
      </c>
      <c r="II10" s="72">
        <v>3477</v>
      </c>
      <c r="IJ10" s="73">
        <v>5272</v>
      </c>
      <c r="IK10" s="70">
        <v>1286</v>
      </c>
      <c r="IL10" s="71">
        <v>1641</v>
      </c>
      <c r="IM10" s="72">
        <v>2927</v>
      </c>
      <c r="IN10" s="244"/>
      <c r="IO10" s="71">
        <v>1632</v>
      </c>
      <c r="IP10" s="71">
        <v>1570</v>
      </c>
      <c r="IQ10" s="71">
        <v>1111</v>
      </c>
      <c r="IR10" s="71">
        <v>881</v>
      </c>
      <c r="IS10" s="71">
        <v>570</v>
      </c>
      <c r="IT10" s="72">
        <v>5764</v>
      </c>
      <c r="IU10" s="73">
        <v>8691</v>
      </c>
      <c r="IV10" s="70">
        <v>1144</v>
      </c>
      <c r="IW10" s="71">
        <v>1549</v>
      </c>
      <c r="IX10" s="72">
        <v>2693</v>
      </c>
      <c r="IY10" s="244"/>
      <c r="IZ10" s="71">
        <v>1659</v>
      </c>
      <c r="JA10" s="71">
        <v>1724</v>
      </c>
      <c r="JB10" s="71">
        <v>1258</v>
      </c>
      <c r="JC10" s="71">
        <v>1106</v>
      </c>
      <c r="JD10" s="71">
        <v>650</v>
      </c>
      <c r="JE10" s="72">
        <v>6397</v>
      </c>
      <c r="JF10" s="73">
        <v>9090</v>
      </c>
      <c r="JG10" s="70">
        <v>554</v>
      </c>
      <c r="JH10" s="71">
        <v>853</v>
      </c>
      <c r="JI10" s="72">
        <v>1407</v>
      </c>
      <c r="JJ10" s="244"/>
      <c r="JK10" s="71">
        <v>1160</v>
      </c>
      <c r="JL10" s="71">
        <v>1510</v>
      </c>
      <c r="JM10" s="71">
        <v>1420</v>
      </c>
      <c r="JN10" s="71">
        <v>1418</v>
      </c>
      <c r="JO10" s="71">
        <v>752</v>
      </c>
      <c r="JP10" s="72">
        <v>6260</v>
      </c>
      <c r="JQ10" s="73">
        <v>7667</v>
      </c>
      <c r="JR10" s="70">
        <v>56</v>
      </c>
      <c r="JS10" s="71">
        <v>166</v>
      </c>
      <c r="JT10" s="72">
        <v>222</v>
      </c>
      <c r="JU10" s="244"/>
      <c r="JV10" s="71">
        <v>85</v>
      </c>
      <c r="JW10" s="71">
        <v>196</v>
      </c>
      <c r="JX10" s="71">
        <v>105</v>
      </c>
      <c r="JY10" s="71">
        <v>122</v>
      </c>
      <c r="JZ10" s="71">
        <v>106</v>
      </c>
      <c r="KA10" s="72">
        <v>614</v>
      </c>
      <c r="KB10" s="73">
        <v>836</v>
      </c>
      <c r="KC10" s="70">
        <v>4369</v>
      </c>
      <c r="KD10" s="71">
        <v>6044</v>
      </c>
      <c r="KE10" s="72">
        <v>10413</v>
      </c>
      <c r="KF10" s="244"/>
      <c r="KG10" s="71">
        <v>5970</v>
      </c>
      <c r="KH10" s="71">
        <v>6752</v>
      </c>
      <c r="KI10" s="71">
        <v>5096</v>
      </c>
      <c r="KJ10" s="71">
        <v>4560</v>
      </c>
      <c r="KK10" s="71">
        <v>2842</v>
      </c>
      <c r="KL10" s="72">
        <v>25220</v>
      </c>
      <c r="KM10" s="73">
        <v>35633</v>
      </c>
    </row>
    <row r="11" spans="2:299" ht="21" customHeight="1" x14ac:dyDescent="0.2">
      <c r="B11" s="126" t="s">
        <v>7</v>
      </c>
      <c r="C11" s="315">
        <v>958</v>
      </c>
      <c r="D11" s="82">
        <v>722</v>
      </c>
      <c r="E11" s="83">
        <v>1680</v>
      </c>
      <c r="F11" s="241"/>
      <c r="G11" s="82">
        <v>2280</v>
      </c>
      <c r="H11" s="82">
        <v>1498</v>
      </c>
      <c r="I11" s="82">
        <v>957</v>
      </c>
      <c r="J11" s="82">
        <v>813</v>
      </c>
      <c r="K11" s="82">
        <v>432</v>
      </c>
      <c r="L11" s="84">
        <v>5980</v>
      </c>
      <c r="M11" s="85">
        <v>7660</v>
      </c>
      <c r="N11" s="70">
        <v>36</v>
      </c>
      <c r="O11" s="71">
        <v>22</v>
      </c>
      <c r="P11" s="72">
        <v>58</v>
      </c>
      <c r="Q11" s="244"/>
      <c r="R11" s="71">
        <v>94</v>
      </c>
      <c r="S11" s="71">
        <v>68</v>
      </c>
      <c r="T11" s="71">
        <v>48</v>
      </c>
      <c r="U11" s="71">
        <v>44</v>
      </c>
      <c r="V11" s="71">
        <v>29</v>
      </c>
      <c r="W11" s="72">
        <v>283</v>
      </c>
      <c r="X11" s="73">
        <v>341</v>
      </c>
      <c r="Y11" s="70">
        <v>91</v>
      </c>
      <c r="Z11" s="71">
        <v>81</v>
      </c>
      <c r="AA11" s="72">
        <v>172</v>
      </c>
      <c r="AB11" s="244"/>
      <c r="AC11" s="71">
        <v>239</v>
      </c>
      <c r="AD11" s="71">
        <v>169</v>
      </c>
      <c r="AE11" s="71">
        <v>107</v>
      </c>
      <c r="AF11" s="71">
        <v>79</v>
      </c>
      <c r="AG11" s="71">
        <v>63</v>
      </c>
      <c r="AH11" s="72">
        <v>657</v>
      </c>
      <c r="AI11" s="73">
        <v>829</v>
      </c>
      <c r="AJ11" s="70">
        <v>142</v>
      </c>
      <c r="AK11" s="71">
        <v>120</v>
      </c>
      <c r="AL11" s="72">
        <v>262</v>
      </c>
      <c r="AM11" s="244"/>
      <c r="AN11" s="71">
        <v>380</v>
      </c>
      <c r="AO11" s="71">
        <v>229</v>
      </c>
      <c r="AP11" s="71">
        <v>172</v>
      </c>
      <c r="AQ11" s="71">
        <v>129</v>
      </c>
      <c r="AR11" s="71">
        <v>79</v>
      </c>
      <c r="AS11" s="72">
        <v>989</v>
      </c>
      <c r="AT11" s="73">
        <v>1251</v>
      </c>
      <c r="AU11" s="70">
        <v>239</v>
      </c>
      <c r="AV11" s="71">
        <v>157</v>
      </c>
      <c r="AW11" s="72">
        <v>396</v>
      </c>
      <c r="AX11" s="244"/>
      <c r="AY11" s="71">
        <v>562</v>
      </c>
      <c r="AZ11" s="71">
        <v>389</v>
      </c>
      <c r="BA11" s="71">
        <v>223</v>
      </c>
      <c r="BB11" s="71">
        <v>189</v>
      </c>
      <c r="BC11" s="71">
        <v>102</v>
      </c>
      <c r="BD11" s="72">
        <v>1465</v>
      </c>
      <c r="BE11" s="73">
        <v>1861</v>
      </c>
      <c r="BF11" s="70">
        <v>288</v>
      </c>
      <c r="BG11" s="71">
        <v>224</v>
      </c>
      <c r="BH11" s="72">
        <v>512</v>
      </c>
      <c r="BI11" s="244"/>
      <c r="BJ11" s="71">
        <v>590</v>
      </c>
      <c r="BK11" s="71">
        <v>362</v>
      </c>
      <c r="BL11" s="71">
        <v>246</v>
      </c>
      <c r="BM11" s="71">
        <v>201</v>
      </c>
      <c r="BN11" s="71">
        <v>91</v>
      </c>
      <c r="BO11" s="72">
        <v>1490</v>
      </c>
      <c r="BP11" s="73">
        <v>2002</v>
      </c>
      <c r="BQ11" s="70">
        <v>162</v>
      </c>
      <c r="BR11" s="71">
        <v>118</v>
      </c>
      <c r="BS11" s="72">
        <v>280</v>
      </c>
      <c r="BT11" s="244"/>
      <c r="BU11" s="71">
        <v>415</v>
      </c>
      <c r="BV11" s="71">
        <v>281</v>
      </c>
      <c r="BW11" s="71">
        <v>161</v>
      </c>
      <c r="BX11" s="71">
        <v>171</v>
      </c>
      <c r="BY11" s="71">
        <v>68</v>
      </c>
      <c r="BZ11" s="72">
        <v>1096</v>
      </c>
      <c r="CA11" s="73">
        <v>1376</v>
      </c>
      <c r="CB11" s="70">
        <v>15</v>
      </c>
      <c r="CC11" s="71">
        <v>15</v>
      </c>
      <c r="CD11" s="72">
        <v>30</v>
      </c>
      <c r="CE11" s="244"/>
      <c r="CF11" s="71">
        <v>61</v>
      </c>
      <c r="CG11" s="71">
        <v>54</v>
      </c>
      <c r="CH11" s="71">
        <v>33</v>
      </c>
      <c r="CI11" s="71">
        <v>38</v>
      </c>
      <c r="CJ11" s="71">
        <v>26</v>
      </c>
      <c r="CK11" s="72">
        <v>212</v>
      </c>
      <c r="CL11" s="73">
        <v>242</v>
      </c>
      <c r="CM11" s="70">
        <v>973</v>
      </c>
      <c r="CN11" s="71">
        <v>737</v>
      </c>
      <c r="CO11" s="72">
        <v>1710</v>
      </c>
      <c r="CP11" s="244"/>
      <c r="CQ11" s="71">
        <v>2341</v>
      </c>
      <c r="CR11" s="71">
        <v>1552</v>
      </c>
      <c r="CS11" s="71">
        <v>990</v>
      </c>
      <c r="CT11" s="71">
        <v>851</v>
      </c>
      <c r="CU11" s="71">
        <v>458</v>
      </c>
      <c r="CV11" s="72">
        <v>6192</v>
      </c>
      <c r="CW11" s="73">
        <v>7902</v>
      </c>
      <c r="CX11" s="123">
        <v>1832</v>
      </c>
      <c r="CY11" s="82">
        <v>1951</v>
      </c>
      <c r="CZ11" s="83">
        <v>3783</v>
      </c>
      <c r="DA11" s="241"/>
      <c r="DB11" s="82">
        <v>4319</v>
      </c>
      <c r="DC11" s="82">
        <v>2602</v>
      </c>
      <c r="DD11" s="82">
        <v>1981</v>
      </c>
      <c r="DE11" s="82">
        <v>2036</v>
      </c>
      <c r="DF11" s="82">
        <v>1148</v>
      </c>
      <c r="DG11" s="84">
        <v>12086</v>
      </c>
      <c r="DH11" s="85">
        <v>15869</v>
      </c>
      <c r="DI11" s="70">
        <v>38</v>
      </c>
      <c r="DJ11" s="71">
        <v>40</v>
      </c>
      <c r="DK11" s="72">
        <v>78</v>
      </c>
      <c r="DL11" s="244"/>
      <c r="DM11" s="71">
        <v>79</v>
      </c>
      <c r="DN11" s="71">
        <v>42</v>
      </c>
      <c r="DO11" s="71">
        <v>37</v>
      </c>
      <c r="DP11" s="71">
        <v>38</v>
      </c>
      <c r="DQ11" s="71">
        <v>39</v>
      </c>
      <c r="DR11" s="72">
        <v>235</v>
      </c>
      <c r="DS11" s="73">
        <v>313</v>
      </c>
      <c r="DT11" s="70">
        <v>118</v>
      </c>
      <c r="DU11" s="71">
        <v>110</v>
      </c>
      <c r="DV11" s="72">
        <v>228</v>
      </c>
      <c r="DW11" s="244"/>
      <c r="DX11" s="71">
        <v>274</v>
      </c>
      <c r="DY11" s="71">
        <v>171</v>
      </c>
      <c r="DZ11" s="71">
        <v>91</v>
      </c>
      <c r="EA11" s="71">
        <v>103</v>
      </c>
      <c r="EB11" s="71">
        <v>49</v>
      </c>
      <c r="EC11" s="72">
        <v>688</v>
      </c>
      <c r="ED11" s="73">
        <v>916</v>
      </c>
      <c r="EE11" s="70">
        <v>276</v>
      </c>
      <c r="EF11" s="71">
        <v>265</v>
      </c>
      <c r="EG11" s="72">
        <v>541</v>
      </c>
      <c r="EH11" s="244"/>
      <c r="EI11" s="71">
        <v>553</v>
      </c>
      <c r="EJ11" s="71">
        <v>297</v>
      </c>
      <c r="EK11" s="71">
        <v>186</v>
      </c>
      <c r="EL11" s="71">
        <v>201</v>
      </c>
      <c r="EM11" s="71">
        <v>133</v>
      </c>
      <c r="EN11" s="72">
        <v>1370</v>
      </c>
      <c r="EO11" s="73">
        <v>1911</v>
      </c>
      <c r="EP11" s="70">
        <v>549</v>
      </c>
      <c r="EQ11" s="71">
        <v>518</v>
      </c>
      <c r="ER11" s="72">
        <v>1067</v>
      </c>
      <c r="ES11" s="244"/>
      <c r="ET11" s="71">
        <v>993</v>
      </c>
      <c r="EU11" s="71">
        <v>510</v>
      </c>
      <c r="EV11" s="71">
        <v>340</v>
      </c>
      <c r="EW11" s="71">
        <v>349</v>
      </c>
      <c r="EX11" s="71">
        <v>211</v>
      </c>
      <c r="EY11" s="72">
        <v>2403</v>
      </c>
      <c r="EZ11" s="73">
        <v>3470</v>
      </c>
      <c r="FA11" s="70">
        <v>547</v>
      </c>
      <c r="FB11" s="71">
        <v>608</v>
      </c>
      <c r="FC11" s="72">
        <v>1155</v>
      </c>
      <c r="FD11" s="244"/>
      <c r="FE11" s="71">
        <v>1292</v>
      </c>
      <c r="FF11" s="71">
        <v>731</v>
      </c>
      <c r="FG11" s="71">
        <v>540</v>
      </c>
      <c r="FH11" s="71">
        <v>514</v>
      </c>
      <c r="FI11" s="71">
        <v>294</v>
      </c>
      <c r="FJ11" s="72">
        <v>3371</v>
      </c>
      <c r="FK11" s="73">
        <v>4526</v>
      </c>
      <c r="FL11" s="70">
        <v>304</v>
      </c>
      <c r="FM11" s="71">
        <v>410</v>
      </c>
      <c r="FN11" s="72">
        <v>714</v>
      </c>
      <c r="FO11" s="244"/>
      <c r="FP11" s="71">
        <v>1128</v>
      </c>
      <c r="FQ11" s="71">
        <v>851</v>
      </c>
      <c r="FR11" s="71">
        <v>787</v>
      </c>
      <c r="FS11" s="71">
        <v>831</v>
      </c>
      <c r="FT11" s="71">
        <v>422</v>
      </c>
      <c r="FU11" s="72">
        <v>4019</v>
      </c>
      <c r="FV11" s="73">
        <v>4733</v>
      </c>
      <c r="FW11" s="70">
        <v>11</v>
      </c>
      <c r="FX11" s="71">
        <v>14</v>
      </c>
      <c r="FY11" s="72">
        <v>25</v>
      </c>
      <c r="FZ11" s="244"/>
      <c r="GA11" s="71">
        <v>65</v>
      </c>
      <c r="GB11" s="71">
        <v>56</v>
      </c>
      <c r="GC11" s="71">
        <v>32</v>
      </c>
      <c r="GD11" s="71">
        <v>23</v>
      </c>
      <c r="GE11" s="71">
        <v>29</v>
      </c>
      <c r="GF11" s="72">
        <v>205</v>
      </c>
      <c r="GG11" s="73">
        <v>230</v>
      </c>
      <c r="GH11" s="70">
        <v>1843</v>
      </c>
      <c r="GI11" s="71">
        <v>1965</v>
      </c>
      <c r="GJ11" s="72">
        <v>3808</v>
      </c>
      <c r="GK11" s="244"/>
      <c r="GL11" s="71">
        <v>4384</v>
      </c>
      <c r="GM11" s="71">
        <v>2658</v>
      </c>
      <c r="GN11" s="71">
        <v>2013</v>
      </c>
      <c r="GO11" s="71">
        <v>2059</v>
      </c>
      <c r="GP11" s="71">
        <v>1177</v>
      </c>
      <c r="GQ11" s="72">
        <v>12291</v>
      </c>
      <c r="GR11" s="73">
        <v>16099</v>
      </c>
      <c r="GS11" s="123">
        <v>2790</v>
      </c>
      <c r="GT11" s="82">
        <v>2673</v>
      </c>
      <c r="GU11" s="83">
        <v>5463</v>
      </c>
      <c r="GV11" s="241"/>
      <c r="GW11" s="82">
        <v>6599</v>
      </c>
      <c r="GX11" s="82">
        <v>4100</v>
      </c>
      <c r="GY11" s="82">
        <v>2938</v>
      </c>
      <c r="GZ11" s="82">
        <v>2849</v>
      </c>
      <c r="HA11" s="82">
        <v>1580</v>
      </c>
      <c r="HB11" s="84">
        <v>18066</v>
      </c>
      <c r="HC11" s="85">
        <v>23529</v>
      </c>
      <c r="HD11" s="70">
        <v>74</v>
      </c>
      <c r="HE11" s="71">
        <v>62</v>
      </c>
      <c r="HF11" s="72">
        <v>136</v>
      </c>
      <c r="HG11" s="244"/>
      <c r="HH11" s="71">
        <v>173</v>
      </c>
      <c r="HI11" s="71">
        <v>110</v>
      </c>
      <c r="HJ11" s="71">
        <v>85</v>
      </c>
      <c r="HK11" s="71">
        <v>82</v>
      </c>
      <c r="HL11" s="71">
        <v>68</v>
      </c>
      <c r="HM11" s="72">
        <v>518</v>
      </c>
      <c r="HN11" s="73">
        <v>654</v>
      </c>
      <c r="HO11" s="70">
        <v>209</v>
      </c>
      <c r="HP11" s="71">
        <v>191</v>
      </c>
      <c r="HQ11" s="72">
        <v>400</v>
      </c>
      <c r="HR11" s="244"/>
      <c r="HS11" s="71">
        <v>513</v>
      </c>
      <c r="HT11" s="71">
        <v>340</v>
      </c>
      <c r="HU11" s="71">
        <v>198</v>
      </c>
      <c r="HV11" s="71">
        <v>182</v>
      </c>
      <c r="HW11" s="71">
        <v>112</v>
      </c>
      <c r="HX11" s="72">
        <v>1345</v>
      </c>
      <c r="HY11" s="73">
        <v>1745</v>
      </c>
      <c r="HZ11" s="70">
        <v>418</v>
      </c>
      <c r="IA11" s="71">
        <v>385</v>
      </c>
      <c r="IB11" s="72">
        <v>803</v>
      </c>
      <c r="IC11" s="244"/>
      <c r="ID11" s="71">
        <v>933</v>
      </c>
      <c r="IE11" s="71">
        <v>526</v>
      </c>
      <c r="IF11" s="71">
        <v>358</v>
      </c>
      <c r="IG11" s="71">
        <v>330</v>
      </c>
      <c r="IH11" s="71">
        <v>212</v>
      </c>
      <c r="II11" s="72">
        <v>2359</v>
      </c>
      <c r="IJ11" s="73">
        <v>3162</v>
      </c>
      <c r="IK11" s="70">
        <v>788</v>
      </c>
      <c r="IL11" s="71">
        <v>675</v>
      </c>
      <c r="IM11" s="72">
        <v>1463</v>
      </c>
      <c r="IN11" s="244"/>
      <c r="IO11" s="71">
        <v>1555</v>
      </c>
      <c r="IP11" s="71">
        <v>899</v>
      </c>
      <c r="IQ11" s="71">
        <v>563</v>
      </c>
      <c r="IR11" s="71">
        <v>538</v>
      </c>
      <c r="IS11" s="71">
        <v>313</v>
      </c>
      <c r="IT11" s="72">
        <v>3868</v>
      </c>
      <c r="IU11" s="73">
        <v>5331</v>
      </c>
      <c r="IV11" s="70">
        <v>835</v>
      </c>
      <c r="IW11" s="71">
        <v>832</v>
      </c>
      <c r="IX11" s="72">
        <v>1667</v>
      </c>
      <c r="IY11" s="244"/>
      <c r="IZ11" s="71">
        <v>1882</v>
      </c>
      <c r="JA11" s="71">
        <v>1093</v>
      </c>
      <c r="JB11" s="71">
        <v>786</v>
      </c>
      <c r="JC11" s="71">
        <v>715</v>
      </c>
      <c r="JD11" s="71">
        <v>385</v>
      </c>
      <c r="JE11" s="72">
        <v>4861</v>
      </c>
      <c r="JF11" s="73">
        <v>6528</v>
      </c>
      <c r="JG11" s="70">
        <v>466</v>
      </c>
      <c r="JH11" s="71">
        <v>528</v>
      </c>
      <c r="JI11" s="72">
        <v>994</v>
      </c>
      <c r="JJ11" s="244"/>
      <c r="JK11" s="71">
        <v>1543</v>
      </c>
      <c r="JL11" s="71">
        <v>1132</v>
      </c>
      <c r="JM11" s="71">
        <v>948</v>
      </c>
      <c r="JN11" s="71">
        <v>1002</v>
      </c>
      <c r="JO11" s="71">
        <v>490</v>
      </c>
      <c r="JP11" s="72">
        <v>5115</v>
      </c>
      <c r="JQ11" s="73">
        <v>6109</v>
      </c>
      <c r="JR11" s="70">
        <v>26</v>
      </c>
      <c r="JS11" s="71">
        <v>29</v>
      </c>
      <c r="JT11" s="72">
        <v>55</v>
      </c>
      <c r="JU11" s="244"/>
      <c r="JV11" s="71">
        <v>126</v>
      </c>
      <c r="JW11" s="71">
        <v>110</v>
      </c>
      <c r="JX11" s="71">
        <v>65</v>
      </c>
      <c r="JY11" s="71">
        <v>61</v>
      </c>
      <c r="JZ11" s="71">
        <v>55</v>
      </c>
      <c r="KA11" s="72">
        <v>417</v>
      </c>
      <c r="KB11" s="73">
        <v>472</v>
      </c>
      <c r="KC11" s="70">
        <v>2816</v>
      </c>
      <c r="KD11" s="71">
        <v>2702</v>
      </c>
      <c r="KE11" s="72">
        <v>5518</v>
      </c>
      <c r="KF11" s="244"/>
      <c r="KG11" s="71">
        <v>6725</v>
      </c>
      <c r="KH11" s="71">
        <v>4210</v>
      </c>
      <c r="KI11" s="71">
        <v>3003</v>
      </c>
      <c r="KJ11" s="71">
        <v>2910</v>
      </c>
      <c r="KK11" s="71">
        <v>1635</v>
      </c>
      <c r="KL11" s="72">
        <v>18483</v>
      </c>
      <c r="KM11" s="73">
        <v>24001</v>
      </c>
    </row>
    <row r="12" spans="2:299" ht="21" customHeight="1" x14ac:dyDescent="0.2">
      <c r="B12" s="126" t="s">
        <v>8</v>
      </c>
      <c r="C12" s="315">
        <v>542</v>
      </c>
      <c r="D12" s="82">
        <v>348</v>
      </c>
      <c r="E12" s="83">
        <v>890</v>
      </c>
      <c r="F12" s="241"/>
      <c r="G12" s="82">
        <v>968</v>
      </c>
      <c r="H12" s="82">
        <v>894</v>
      </c>
      <c r="I12" s="82">
        <v>627</v>
      </c>
      <c r="J12" s="82">
        <v>484</v>
      </c>
      <c r="K12" s="82">
        <v>268</v>
      </c>
      <c r="L12" s="84">
        <v>3241</v>
      </c>
      <c r="M12" s="85">
        <v>4131</v>
      </c>
      <c r="N12" s="70">
        <v>26</v>
      </c>
      <c r="O12" s="71">
        <v>26</v>
      </c>
      <c r="P12" s="72">
        <v>52</v>
      </c>
      <c r="Q12" s="244"/>
      <c r="R12" s="71">
        <v>43</v>
      </c>
      <c r="S12" s="71">
        <v>48</v>
      </c>
      <c r="T12" s="71">
        <v>26</v>
      </c>
      <c r="U12" s="71">
        <v>26</v>
      </c>
      <c r="V12" s="71">
        <v>18</v>
      </c>
      <c r="W12" s="72">
        <v>161</v>
      </c>
      <c r="X12" s="73">
        <v>213</v>
      </c>
      <c r="Y12" s="70">
        <v>57</v>
      </c>
      <c r="Z12" s="71">
        <v>42</v>
      </c>
      <c r="AA12" s="72">
        <v>99</v>
      </c>
      <c r="AB12" s="244"/>
      <c r="AC12" s="71">
        <v>99</v>
      </c>
      <c r="AD12" s="71">
        <v>124</v>
      </c>
      <c r="AE12" s="71">
        <v>69</v>
      </c>
      <c r="AF12" s="71">
        <v>74</v>
      </c>
      <c r="AG12" s="71">
        <v>41</v>
      </c>
      <c r="AH12" s="72">
        <v>407</v>
      </c>
      <c r="AI12" s="73">
        <v>506</v>
      </c>
      <c r="AJ12" s="70">
        <v>91</v>
      </c>
      <c r="AK12" s="71">
        <v>61</v>
      </c>
      <c r="AL12" s="72">
        <v>152</v>
      </c>
      <c r="AM12" s="244"/>
      <c r="AN12" s="71">
        <v>166</v>
      </c>
      <c r="AO12" s="71">
        <v>147</v>
      </c>
      <c r="AP12" s="71">
        <v>111</v>
      </c>
      <c r="AQ12" s="71">
        <v>83</v>
      </c>
      <c r="AR12" s="71">
        <v>53</v>
      </c>
      <c r="AS12" s="72">
        <v>560</v>
      </c>
      <c r="AT12" s="73">
        <v>712</v>
      </c>
      <c r="AU12" s="70">
        <v>139</v>
      </c>
      <c r="AV12" s="71">
        <v>74</v>
      </c>
      <c r="AW12" s="72">
        <v>213</v>
      </c>
      <c r="AX12" s="244"/>
      <c r="AY12" s="71">
        <v>242</v>
      </c>
      <c r="AZ12" s="71">
        <v>219</v>
      </c>
      <c r="BA12" s="71">
        <v>133</v>
      </c>
      <c r="BB12" s="71">
        <v>109</v>
      </c>
      <c r="BC12" s="71">
        <v>54</v>
      </c>
      <c r="BD12" s="72">
        <v>757</v>
      </c>
      <c r="BE12" s="73">
        <v>970</v>
      </c>
      <c r="BF12" s="70">
        <v>143</v>
      </c>
      <c r="BG12" s="71">
        <v>82</v>
      </c>
      <c r="BH12" s="72">
        <v>225</v>
      </c>
      <c r="BI12" s="244"/>
      <c r="BJ12" s="71">
        <v>255</v>
      </c>
      <c r="BK12" s="71">
        <v>205</v>
      </c>
      <c r="BL12" s="71">
        <v>154</v>
      </c>
      <c r="BM12" s="71">
        <v>99</v>
      </c>
      <c r="BN12" s="71">
        <v>59</v>
      </c>
      <c r="BO12" s="72">
        <v>772</v>
      </c>
      <c r="BP12" s="73">
        <v>997</v>
      </c>
      <c r="BQ12" s="70">
        <v>86</v>
      </c>
      <c r="BR12" s="71">
        <v>63</v>
      </c>
      <c r="BS12" s="72">
        <v>149</v>
      </c>
      <c r="BT12" s="244"/>
      <c r="BU12" s="71">
        <v>163</v>
      </c>
      <c r="BV12" s="71">
        <v>151</v>
      </c>
      <c r="BW12" s="71">
        <v>134</v>
      </c>
      <c r="BX12" s="71">
        <v>93</v>
      </c>
      <c r="BY12" s="71">
        <v>43</v>
      </c>
      <c r="BZ12" s="72">
        <v>584</v>
      </c>
      <c r="CA12" s="73">
        <v>733</v>
      </c>
      <c r="CB12" s="70">
        <v>16</v>
      </c>
      <c r="CC12" s="71">
        <v>13</v>
      </c>
      <c r="CD12" s="72">
        <v>29</v>
      </c>
      <c r="CE12" s="244"/>
      <c r="CF12" s="71">
        <v>24</v>
      </c>
      <c r="CG12" s="71">
        <v>47</v>
      </c>
      <c r="CH12" s="71">
        <v>24</v>
      </c>
      <c r="CI12" s="71">
        <v>25</v>
      </c>
      <c r="CJ12" s="71">
        <v>11</v>
      </c>
      <c r="CK12" s="72">
        <v>131</v>
      </c>
      <c r="CL12" s="73">
        <v>160</v>
      </c>
      <c r="CM12" s="70">
        <v>558</v>
      </c>
      <c r="CN12" s="71">
        <v>361</v>
      </c>
      <c r="CO12" s="72">
        <v>919</v>
      </c>
      <c r="CP12" s="244"/>
      <c r="CQ12" s="71">
        <v>992</v>
      </c>
      <c r="CR12" s="71">
        <v>941</v>
      </c>
      <c r="CS12" s="71">
        <v>651</v>
      </c>
      <c r="CT12" s="71">
        <v>509</v>
      </c>
      <c r="CU12" s="71">
        <v>279</v>
      </c>
      <c r="CV12" s="72">
        <v>3372</v>
      </c>
      <c r="CW12" s="73">
        <v>4291</v>
      </c>
      <c r="CX12" s="123">
        <v>1029</v>
      </c>
      <c r="CY12" s="82">
        <v>911</v>
      </c>
      <c r="CZ12" s="83">
        <v>1940</v>
      </c>
      <c r="DA12" s="241"/>
      <c r="DB12" s="82">
        <v>1680</v>
      </c>
      <c r="DC12" s="82">
        <v>1580</v>
      </c>
      <c r="DD12" s="82">
        <v>1291</v>
      </c>
      <c r="DE12" s="82">
        <v>1031</v>
      </c>
      <c r="DF12" s="82">
        <v>631</v>
      </c>
      <c r="DG12" s="84">
        <v>6213</v>
      </c>
      <c r="DH12" s="85">
        <v>8153</v>
      </c>
      <c r="DI12" s="70">
        <v>26</v>
      </c>
      <c r="DJ12" s="71">
        <v>21</v>
      </c>
      <c r="DK12" s="72">
        <v>47</v>
      </c>
      <c r="DL12" s="244"/>
      <c r="DM12" s="71">
        <v>44</v>
      </c>
      <c r="DN12" s="71">
        <v>34</v>
      </c>
      <c r="DO12" s="71">
        <v>21</v>
      </c>
      <c r="DP12" s="71">
        <v>19</v>
      </c>
      <c r="DQ12" s="71">
        <v>11</v>
      </c>
      <c r="DR12" s="72">
        <v>129</v>
      </c>
      <c r="DS12" s="73">
        <v>176</v>
      </c>
      <c r="DT12" s="70">
        <v>76</v>
      </c>
      <c r="DU12" s="71">
        <v>68</v>
      </c>
      <c r="DV12" s="72">
        <v>144</v>
      </c>
      <c r="DW12" s="244"/>
      <c r="DX12" s="71">
        <v>95</v>
      </c>
      <c r="DY12" s="71">
        <v>86</v>
      </c>
      <c r="DZ12" s="71">
        <v>60</v>
      </c>
      <c r="EA12" s="71">
        <v>52</v>
      </c>
      <c r="EB12" s="71">
        <v>37</v>
      </c>
      <c r="EC12" s="72">
        <v>330</v>
      </c>
      <c r="ED12" s="73">
        <v>474</v>
      </c>
      <c r="EE12" s="70">
        <v>160</v>
      </c>
      <c r="EF12" s="71">
        <v>138</v>
      </c>
      <c r="EG12" s="72">
        <v>298</v>
      </c>
      <c r="EH12" s="244"/>
      <c r="EI12" s="71">
        <v>219</v>
      </c>
      <c r="EJ12" s="71">
        <v>161</v>
      </c>
      <c r="EK12" s="71">
        <v>132</v>
      </c>
      <c r="EL12" s="71">
        <v>98</v>
      </c>
      <c r="EM12" s="71">
        <v>61</v>
      </c>
      <c r="EN12" s="72">
        <v>671</v>
      </c>
      <c r="EO12" s="73">
        <v>969</v>
      </c>
      <c r="EP12" s="70">
        <v>327</v>
      </c>
      <c r="EQ12" s="71">
        <v>259</v>
      </c>
      <c r="ER12" s="72">
        <v>586</v>
      </c>
      <c r="ES12" s="244"/>
      <c r="ET12" s="71">
        <v>407</v>
      </c>
      <c r="EU12" s="71">
        <v>329</v>
      </c>
      <c r="EV12" s="71">
        <v>245</v>
      </c>
      <c r="EW12" s="71">
        <v>171</v>
      </c>
      <c r="EX12" s="71">
        <v>122</v>
      </c>
      <c r="EY12" s="72">
        <v>1274</v>
      </c>
      <c r="EZ12" s="73">
        <v>1860</v>
      </c>
      <c r="FA12" s="70">
        <v>287</v>
      </c>
      <c r="FB12" s="71">
        <v>261</v>
      </c>
      <c r="FC12" s="72">
        <v>548</v>
      </c>
      <c r="FD12" s="244"/>
      <c r="FE12" s="71">
        <v>492</v>
      </c>
      <c r="FF12" s="71">
        <v>443</v>
      </c>
      <c r="FG12" s="71">
        <v>353</v>
      </c>
      <c r="FH12" s="71">
        <v>249</v>
      </c>
      <c r="FI12" s="71">
        <v>149</v>
      </c>
      <c r="FJ12" s="72">
        <v>1686</v>
      </c>
      <c r="FK12" s="73">
        <v>2234</v>
      </c>
      <c r="FL12" s="70">
        <v>153</v>
      </c>
      <c r="FM12" s="71">
        <v>164</v>
      </c>
      <c r="FN12" s="72">
        <v>317</v>
      </c>
      <c r="FO12" s="244"/>
      <c r="FP12" s="71">
        <v>423</v>
      </c>
      <c r="FQ12" s="71">
        <v>527</v>
      </c>
      <c r="FR12" s="71">
        <v>480</v>
      </c>
      <c r="FS12" s="71">
        <v>442</v>
      </c>
      <c r="FT12" s="71">
        <v>251</v>
      </c>
      <c r="FU12" s="72">
        <v>2123</v>
      </c>
      <c r="FV12" s="73">
        <v>2440</v>
      </c>
      <c r="FW12" s="70">
        <v>6</v>
      </c>
      <c r="FX12" s="71">
        <v>21</v>
      </c>
      <c r="FY12" s="72">
        <v>27</v>
      </c>
      <c r="FZ12" s="244"/>
      <c r="GA12" s="71">
        <v>18</v>
      </c>
      <c r="GB12" s="71">
        <v>38</v>
      </c>
      <c r="GC12" s="71">
        <v>14</v>
      </c>
      <c r="GD12" s="71">
        <v>19</v>
      </c>
      <c r="GE12" s="71">
        <v>12</v>
      </c>
      <c r="GF12" s="72">
        <v>101</v>
      </c>
      <c r="GG12" s="73">
        <v>128</v>
      </c>
      <c r="GH12" s="70">
        <v>1035</v>
      </c>
      <c r="GI12" s="71">
        <v>932</v>
      </c>
      <c r="GJ12" s="72">
        <v>1967</v>
      </c>
      <c r="GK12" s="244"/>
      <c r="GL12" s="71">
        <v>1698</v>
      </c>
      <c r="GM12" s="71">
        <v>1618</v>
      </c>
      <c r="GN12" s="71">
        <v>1305</v>
      </c>
      <c r="GO12" s="71">
        <v>1050</v>
      </c>
      <c r="GP12" s="71">
        <v>643</v>
      </c>
      <c r="GQ12" s="72">
        <v>6314</v>
      </c>
      <c r="GR12" s="73">
        <v>8281</v>
      </c>
      <c r="GS12" s="123">
        <v>1571</v>
      </c>
      <c r="GT12" s="82">
        <v>1259</v>
      </c>
      <c r="GU12" s="83">
        <v>2830</v>
      </c>
      <c r="GV12" s="241"/>
      <c r="GW12" s="82">
        <v>2648</v>
      </c>
      <c r="GX12" s="82">
        <v>2474</v>
      </c>
      <c r="GY12" s="82">
        <v>1918</v>
      </c>
      <c r="GZ12" s="82">
        <v>1515</v>
      </c>
      <c r="HA12" s="82">
        <v>899</v>
      </c>
      <c r="HB12" s="84">
        <v>9454</v>
      </c>
      <c r="HC12" s="85">
        <v>12284</v>
      </c>
      <c r="HD12" s="70">
        <v>52</v>
      </c>
      <c r="HE12" s="71">
        <v>47</v>
      </c>
      <c r="HF12" s="72">
        <v>99</v>
      </c>
      <c r="HG12" s="244"/>
      <c r="HH12" s="71">
        <v>87</v>
      </c>
      <c r="HI12" s="71">
        <v>82</v>
      </c>
      <c r="HJ12" s="71">
        <v>47</v>
      </c>
      <c r="HK12" s="71">
        <v>45</v>
      </c>
      <c r="HL12" s="71">
        <v>29</v>
      </c>
      <c r="HM12" s="72">
        <v>290</v>
      </c>
      <c r="HN12" s="73">
        <v>389</v>
      </c>
      <c r="HO12" s="70">
        <v>133</v>
      </c>
      <c r="HP12" s="71">
        <v>110</v>
      </c>
      <c r="HQ12" s="72">
        <v>243</v>
      </c>
      <c r="HR12" s="244"/>
      <c r="HS12" s="71">
        <v>194</v>
      </c>
      <c r="HT12" s="71">
        <v>210</v>
      </c>
      <c r="HU12" s="71">
        <v>129</v>
      </c>
      <c r="HV12" s="71">
        <v>126</v>
      </c>
      <c r="HW12" s="71">
        <v>78</v>
      </c>
      <c r="HX12" s="72">
        <v>737</v>
      </c>
      <c r="HY12" s="73">
        <v>980</v>
      </c>
      <c r="HZ12" s="70">
        <v>251</v>
      </c>
      <c r="IA12" s="71">
        <v>199</v>
      </c>
      <c r="IB12" s="72">
        <v>450</v>
      </c>
      <c r="IC12" s="244"/>
      <c r="ID12" s="71">
        <v>385</v>
      </c>
      <c r="IE12" s="71">
        <v>308</v>
      </c>
      <c r="IF12" s="71">
        <v>243</v>
      </c>
      <c r="IG12" s="71">
        <v>181</v>
      </c>
      <c r="IH12" s="71">
        <v>114</v>
      </c>
      <c r="II12" s="72">
        <v>1231</v>
      </c>
      <c r="IJ12" s="73">
        <v>1681</v>
      </c>
      <c r="IK12" s="70">
        <v>466</v>
      </c>
      <c r="IL12" s="71">
        <v>333</v>
      </c>
      <c r="IM12" s="72">
        <v>799</v>
      </c>
      <c r="IN12" s="244"/>
      <c r="IO12" s="71">
        <v>649</v>
      </c>
      <c r="IP12" s="71">
        <v>548</v>
      </c>
      <c r="IQ12" s="71">
        <v>378</v>
      </c>
      <c r="IR12" s="71">
        <v>280</v>
      </c>
      <c r="IS12" s="71">
        <v>176</v>
      </c>
      <c r="IT12" s="72">
        <v>2031</v>
      </c>
      <c r="IU12" s="73">
        <v>2830</v>
      </c>
      <c r="IV12" s="70">
        <v>430</v>
      </c>
      <c r="IW12" s="71">
        <v>343</v>
      </c>
      <c r="IX12" s="72">
        <v>773</v>
      </c>
      <c r="IY12" s="244"/>
      <c r="IZ12" s="71">
        <v>747</v>
      </c>
      <c r="JA12" s="71">
        <v>648</v>
      </c>
      <c r="JB12" s="71">
        <v>507</v>
      </c>
      <c r="JC12" s="71">
        <v>348</v>
      </c>
      <c r="JD12" s="71">
        <v>208</v>
      </c>
      <c r="JE12" s="72">
        <v>2458</v>
      </c>
      <c r="JF12" s="73">
        <v>3231</v>
      </c>
      <c r="JG12" s="70">
        <v>239</v>
      </c>
      <c r="JH12" s="71">
        <v>227</v>
      </c>
      <c r="JI12" s="72">
        <v>466</v>
      </c>
      <c r="JJ12" s="244"/>
      <c r="JK12" s="71">
        <v>586</v>
      </c>
      <c r="JL12" s="71">
        <v>678</v>
      </c>
      <c r="JM12" s="71">
        <v>614</v>
      </c>
      <c r="JN12" s="71">
        <v>535</v>
      </c>
      <c r="JO12" s="71">
        <v>294</v>
      </c>
      <c r="JP12" s="72">
        <v>2707</v>
      </c>
      <c r="JQ12" s="73">
        <v>3173</v>
      </c>
      <c r="JR12" s="70">
        <v>22</v>
      </c>
      <c r="JS12" s="71">
        <v>34</v>
      </c>
      <c r="JT12" s="72">
        <v>56</v>
      </c>
      <c r="JU12" s="244"/>
      <c r="JV12" s="71">
        <v>42</v>
      </c>
      <c r="JW12" s="71">
        <v>85</v>
      </c>
      <c r="JX12" s="71">
        <v>38</v>
      </c>
      <c r="JY12" s="71">
        <v>44</v>
      </c>
      <c r="JZ12" s="71">
        <v>23</v>
      </c>
      <c r="KA12" s="72">
        <v>232</v>
      </c>
      <c r="KB12" s="73">
        <v>288</v>
      </c>
      <c r="KC12" s="70">
        <v>1593</v>
      </c>
      <c r="KD12" s="71">
        <v>1293</v>
      </c>
      <c r="KE12" s="72">
        <v>2886</v>
      </c>
      <c r="KF12" s="244"/>
      <c r="KG12" s="71">
        <v>2690</v>
      </c>
      <c r="KH12" s="71">
        <v>2559</v>
      </c>
      <c r="KI12" s="71">
        <v>1956</v>
      </c>
      <c r="KJ12" s="71">
        <v>1559</v>
      </c>
      <c r="KK12" s="71">
        <v>922</v>
      </c>
      <c r="KL12" s="72">
        <v>9686</v>
      </c>
      <c r="KM12" s="73">
        <v>12572</v>
      </c>
    </row>
    <row r="13" spans="2:299" ht="21" customHeight="1" x14ac:dyDescent="0.2">
      <c r="B13" s="126" t="s">
        <v>9</v>
      </c>
      <c r="C13" s="315">
        <v>676</v>
      </c>
      <c r="D13" s="82">
        <v>398</v>
      </c>
      <c r="E13" s="83">
        <v>1074</v>
      </c>
      <c r="F13" s="241"/>
      <c r="G13" s="82">
        <v>779</v>
      </c>
      <c r="H13" s="82">
        <v>596</v>
      </c>
      <c r="I13" s="82">
        <v>405</v>
      </c>
      <c r="J13" s="82">
        <v>370</v>
      </c>
      <c r="K13" s="82">
        <v>223</v>
      </c>
      <c r="L13" s="84">
        <v>2373</v>
      </c>
      <c r="M13" s="85">
        <v>3447</v>
      </c>
      <c r="N13" s="70">
        <v>20</v>
      </c>
      <c r="O13" s="71">
        <v>12</v>
      </c>
      <c r="P13" s="72">
        <v>32</v>
      </c>
      <c r="Q13" s="244"/>
      <c r="R13" s="71">
        <v>20</v>
      </c>
      <c r="S13" s="71">
        <v>28</v>
      </c>
      <c r="T13" s="71">
        <v>15</v>
      </c>
      <c r="U13" s="71">
        <v>16</v>
      </c>
      <c r="V13" s="71">
        <v>9</v>
      </c>
      <c r="W13" s="72">
        <v>88</v>
      </c>
      <c r="X13" s="73">
        <v>120</v>
      </c>
      <c r="Y13" s="70">
        <v>38</v>
      </c>
      <c r="Z13" s="71">
        <v>34</v>
      </c>
      <c r="AA13" s="72">
        <v>72</v>
      </c>
      <c r="AB13" s="244"/>
      <c r="AC13" s="71">
        <v>47</v>
      </c>
      <c r="AD13" s="71">
        <v>45</v>
      </c>
      <c r="AE13" s="71">
        <v>24</v>
      </c>
      <c r="AF13" s="71">
        <v>26</v>
      </c>
      <c r="AG13" s="71">
        <v>27</v>
      </c>
      <c r="AH13" s="72">
        <v>169</v>
      </c>
      <c r="AI13" s="73">
        <v>241</v>
      </c>
      <c r="AJ13" s="70">
        <v>82</v>
      </c>
      <c r="AK13" s="71">
        <v>45</v>
      </c>
      <c r="AL13" s="72">
        <v>127</v>
      </c>
      <c r="AM13" s="244"/>
      <c r="AN13" s="71">
        <v>99</v>
      </c>
      <c r="AO13" s="71">
        <v>75</v>
      </c>
      <c r="AP13" s="71">
        <v>65</v>
      </c>
      <c r="AQ13" s="71">
        <v>59</v>
      </c>
      <c r="AR13" s="71">
        <v>38</v>
      </c>
      <c r="AS13" s="72">
        <v>336</v>
      </c>
      <c r="AT13" s="73">
        <v>463</v>
      </c>
      <c r="AU13" s="70">
        <v>170</v>
      </c>
      <c r="AV13" s="71">
        <v>83</v>
      </c>
      <c r="AW13" s="72">
        <v>253</v>
      </c>
      <c r="AX13" s="244"/>
      <c r="AY13" s="71">
        <v>185</v>
      </c>
      <c r="AZ13" s="71">
        <v>116</v>
      </c>
      <c r="BA13" s="71">
        <v>65</v>
      </c>
      <c r="BB13" s="71">
        <v>61</v>
      </c>
      <c r="BC13" s="71">
        <v>47</v>
      </c>
      <c r="BD13" s="72">
        <v>474</v>
      </c>
      <c r="BE13" s="73">
        <v>727</v>
      </c>
      <c r="BF13" s="70">
        <v>215</v>
      </c>
      <c r="BG13" s="71">
        <v>130</v>
      </c>
      <c r="BH13" s="72">
        <v>345</v>
      </c>
      <c r="BI13" s="244"/>
      <c r="BJ13" s="71">
        <v>228</v>
      </c>
      <c r="BK13" s="71">
        <v>174</v>
      </c>
      <c r="BL13" s="71">
        <v>114</v>
      </c>
      <c r="BM13" s="71">
        <v>105</v>
      </c>
      <c r="BN13" s="71">
        <v>48</v>
      </c>
      <c r="BO13" s="72">
        <v>669</v>
      </c>
      <c r="BP13" s="73">
        <v>1014</v>
      </c>
      <c r="BQ13" s="70">
        <v>151</v>
      </c>
      <c r="BR13" s="71">
        <v>94</v>
      </c>
      <c r="BS13" s="72">
        <v>245</v>
      </c>
      <c r="BT13" s="244"/>
      <c r="BU13" s="71">
        <v>200</v>
      </c>
      <c r="BV13" s="71">
        <v>158</v>
      </c>
      <c r="BW13" s="71">
        <v>122</v>
      </c>
      <c r="BX13" s="71">
        <v>103</v>
      </c>
      <c r="BY13" s="71">
        <v>54</v>
      </c>
      <c r="BZ13" s="72">
        <v>637</v>
      </c>
      <c r="CA13" s="73">
        <v>882</v>
      </c>
      <c r="CB13" s="70">
        <v>6</v>
      </c>
      <c r="CC13" s="71">
        <v>14</v>
      </c>
      <c r="CD13" s="72">
        <v>20</v>
      </c>
      <c r="CE13" s="244"/>
      <c r="CF13" s="71">
        <v>30</v>
      </c>
      <c r="CG13" s="71">
        <v>22</v>
      </c>
      <c r="CH13" s="71">
        <v>12</v>
      </c>
      <c r="CI13" s="71">
        <v>14</v>
      </c>
      <c r="CJ13" s="71">
        <v>8</v>
      </c>
      <c r="CK13" s="72">
        <v>86</v>
      </c>
      <c r="CL13" s="73">
        <v>106</v>
      </c>
      <c r="CM13" s="70">
        <v>682</v>
      </c>
      <c r="CN13" s="71">
        <v>412</v>
      </c>
      <c r="CO13" s="72">
        <v>1094</v>
      </c>
      <c r="CP13" s="244"/>
      <c r="CQ13" s="71">
        <v>809</v>
      </c>
      <c r="CR13" s="71">
        <v>618</v>
      </c>
      <c r="CS13" s="71">
        <v>417</v>
      </c>
      <c r="CT13" s="71">
        <v>384</v>
      </c>
      <c r="CU13" s="71">
        <v>231</v>
      </c>
      <c r="CV13" s="72">
        <v>2459</v>
      </c>
      <c r="CW13" s="73">
        <v>3553</v>
      </c>
      <c r="CX13" s="123">
        <v>1392</v>
      </c>
      <c r="CY13" s="82">
        <v>976</v>
      </c>
      <c r="CZ13" s="83">
        <v>2368</v>
      </c>
      <c r="DA13" s="241"/>
      <c r="DB13" s="82">
        <v>1691</v>
      </c>
      <c r="DC13" s="82">
        <v>1148</v>
      </c>
      <c r="DD13" s="82">
        <v>948</v>
      </c>
      <c r="DE13" s="82">
        <v>997</v>
      </c>
      <c r="DF13" s="82">
        <v>695</v>
      </c>
      <c r="DG13" s="84">
        <v>5479</v>
      </c>
      <c r="DH13" s="85">
        <v>7847</v>
      </c>
      <c r="DI13" s="70">
        <v>23</v>
      </c>
      <c r="DJ13" s="71">
        <v>12</v>
      </c>
      <c r="DK13" s="72">
        <v>35</v>
      </c>
      <c r="DL13" s="244"/>
      <c r="DM13" s="71">
        <v>8</v>
      </c>
      <c r="DN13" s="71">
        <v>16</v>
      </c>
      <c r="DO13" s="71">
        <v>12</v>
      </c>
      <c r="DP13" s="71">
        <v>7</v>
      </c>
      <c r="DQ13" s="71">
        <v>14</v>
      </c>
      <c r="DR13" s="72">
        <v>57</v>
      </c>
      <c r="DS13" s="73">
        <v>92</v>
      </c>
      <c r="DT13" s="70">
        <v>72</v>
      </c>
      <c r="DU13" s="71">
        <v>51</v>
      </c>
      <c r="DV13" s="72">
        <v>123</v>
      </c>
      <c r="DW13" s="244"/>
      <c r="DX13" s="71">
        <v>70</v>
      </c>
      <c r="DY13" s="71">
        <v>40</v>
      </c>
      <c r="DZ13" s="71">
        <v>29</v>
      </c>
      <c r="EA13" s="71">
        <v>36</v>
      </c>
      <c r="EB13" s="71">
        <v>25</v>
      </c>
      <c r="EC13" s="72">
        <v>200</v>
      </c>
      <c r="ED13" s="73">
        <v>323</v>
      </c>
      <c r="EE13" s="70">
        <v>198</v>
      </c>
      <c r="EF13" s="71">
        <v>139</v>
      </c>
      <c r="EG13" s="72">
        <v>337</v>
      </c>
      <c r="EH13" s="244"/>
      <c r="EI13" s="71">
        <v>177</v>
      </c>
      <c r="EJ13" s="71">
        <v>98</v>
      </c>
      <c r="EK13" s="71">
        <v>67</v>
      </c>
      <c r="EL13" s="71">
        <v>53</v>
      </c>
      <c r="EM13" s="71">
        <v>68</v>
      </c>
      <c r="EN13" s="72">
        <v>463</v>
      </c>
      <c r="EO13" s="73">
        <v>800</v>
      </c>
      <c r="EP13" s="70">
        <v>389</v>
      </c>
      <c r="EQ13" s="71">
        <v>242</v>
      </c>
      <c r="ER13" s="72">
        <v>631</v>
      </c>
      <c r="ES13" s="244"/>
      <c r="ET13" s="71">
        <v>337</v>
      </c>
      <c r="EU13" s="71">
        <v>202</v>
      </c>
      <c r="EV13" s="71">
        <v>134</v>
      </c>
      <c r="EW13" s="71">
        <v>158</v>
      </c>
      <c r="EX13" s="71">
        <v>102</v>
      </c>
      <c r="EY13" s="72">
        <v>933</v>
      </c>
      <c r="EZ13" s="73">
        <v>1564</v>
      </c>
      <c r="FA13" s="70">
        <v>442</v>
      </c>
      <c r="FB13" s="71">
        <v>298</v>
      </c>
      <c r="FC13" s="72">
        <v>740</v>
      </c>
      <c r="FD13" s="244"/>
      <c r="FE13" s="71">
        <v>516</v>
      </c>
      <c r="FF13" s="71">
        <v>346</v>
      </c>
      <c r="FG13" s="71">
        <v>259</v>
      </c>
      <c r="FH13" s="71">
        <v>241</v>
      </c>
      <c r="FI13" s="71">
        <v>174</v>
      </c>
      <c r="FJ13" s="72">
        <v>1536</v>
      </c>
      <c r="FK13" s="73">
        <v>2276</v>
      </c>
      <c r="FL13" s="70">
        <v>268</v>
      </c>
      <c r="FM13" s="71">
        <v>234</v>
      </c>
      <c r="FN13" s="72">
        <v>502</v>
      </c>
      <c r="FO13" s="244"/>
      <c r="FP13" s="71">
        <v>583</v>
      </c>
      <c r="FQ13" s="71">
        <v>446</v>
      </c>
      <c r="FR13" s="71">
        <v>447</v>
      </c>
      <c r="FS13" s="71">
        <v>502</v>
      </c>
      <c r="FT13" s="71">
        <v>312</v>
      </c>
      <c r="FU13" s="72">
        <v>2290</v>
      </c>
      <c r="FV13" s="73">
        <v>2792</v>
      </c>
      <c r="FW13" s="70">
        <v>5</v>
      </c>
      <c r="FX13" s="71">
        <v>15</v>
      </c>
      <c r="FY13" s="72">
        <v>20</v>
      </c>
      <c r="FZ13" s="244"/>
      <c r="GA13" s="71">
        <v>9</v>
      </c>
      <c r="GB13" s="71">
        <v>16</v>
      </c>
      <c r="GC13" s="71">
        <v>15</v>
      </c>
      <c r="GD13" s="71">
        <v>12</v>
      </c>
      <c r="GE13" s="71">
        <v>10</v>
      </c>
      <c r="GF13" s="72">
        <v>62</v>
      </c>
      <c r="GG13" s="73">
        <v>82</v>
      </c>
      <c r="GH13" s="70">
        <v>1397</v>
      </c>
      <c r="GI13" s="71">
        <v>991</v>
      </c>
      <c r="GJ13" s="72">
        <v>2388</v>
      </c>
      <c r="GK13" s="244"/>
      <c r="GL13" s="71">
        <v>1700</v>
      </c>
      <c r="GM13" s="71">
        <v>1164</v>
      </c>
      <c r="GN13" s="71">
        <v>963</v>
      </c>
      <c r="GO13" s="71">
        <v>1009</v>
      </c>
      <c r="GP13" s="71">
        <v>705</v>
      </c>
      <c r="GQ13" s="72">
        <v>5541</v>
      </c>
      <c r="GR13" s="73">
        <v>7929</v>
      </c>
      <c r="GS13" s="123">
        <v>2068</v>
      </c>
      <c r="GT13" s="82">
        <v>1374</v>
      </c>
      <c r="GU13" s="83">
        <v>3442</v>
      </c>
      <c r="GV13" s="241"/>
      <c r="GW13" s="82">
        <v>2470</v>
      </c>
      <c r="GX13" s="82">
        <v>1744</v>
      </c>
      <c r="GY13" s="82">
        <v>1353</v>
      </c>
      <c r="GZ13" s="82">
        <v>1367</v>
      </c>
      <c r="HA13" s="82">
        <v>918</v>
      </c>
      <c r="HB13" s="84">
        <v>7852</v>
      </c>
      <c r="HC13" s="85">
        <v>11294</v>
      </c>
      <c r="HD13" s="70">
        <v>43</v>
      </c>
      <c r="HE13" s="71">
        <v>24</v>
      </c>
      <c r="HF13" s="72">
        <v>67</v>
      </c>
      <c r="HG13" s="244"/>
      <c r="HH13" s="71">
        <v>28</v>
      </c>
      <c r="HI13" s="71">
        <v>44</v>
      </c>
      <c r="HJ13" s="71">
        <v>27</v>
      </c>
      <c r="HK13" s="71">
        <v>23</v>
      </c>
      <c r="HL13" s="71">
        <v>23</v>
      </c>
      <c r="HM13" s="72">
        <v>145</v>
      </c>
      <c r="HN13" s="73">
        <v>212</v>
      </c>
      <c r="HO13" s="70">
        <v>110</v>
      </c>
      <c r="HP13" s="71">
        <v>85</v>
      </c>
      <c r="HQ13" s="72">
        <v>195</v>
      </c>
      <c r="HR13" s="244"/>
      <c r="HS13" s="71">
        <v>117</v>
      </c>
      <c r="HT13" s="71">
        <v>85</v>
      </c>
      <c r="HU13" s="71">
        <v>53</v>
      </c>
      <c r="HV13" s="71">
        <v>62</v>
      </c>
      <c r="HW13" s="71">
        <v>52</v>
      </c>
      <c r="HX13" s="72">
        <v>369</v>
      </c>
      <c r="HY13" s="73">
        <v>564</v>
      </c>
      <c r="HZ13" s="70">
        <v>280</v>
      </c>
      <c r="IA13" s="71">
        <v>184</v>
      </c>
      <c r="IB13" s="72">
        <v>464</v>
      </c>
      <c r="IC13" s="244"/>
      <c r="ID13" s="71">
        <v>276</v>
      </c>
      <c r="IE13" s="71">
        <v>173</v>
      </c>
      <c r="IF13" s="71">
        <v>132</v>
      </c>
      <c r="IG13" s="71">
        <v>112</v>
      </c>
      <c r="IH13" s="71">
        <v>106</v>
      </c>
      <c r="II13" s="72">
        <v>799</v>
      </c>
      <c r="IJ13" s="73">
        <v>1263</v>
      </c>
      <c r="IK13" s="70">
        <v>559</v>
      </c>
      <c r="IL13" s="71">
        <v>325</v>
      </c>
      <c r="IM13" s="72">
        <v>884</v>
      </c>
      <c r="IN13" s="244"/>
      <c r="IO13" s="71">
        <v>522</v>
      </c>
      <c r="IP13" s="71">
        <v>318</v>
      </c>
      <c r="IQ13" s="71">
        <v>199</v>
      </c>
      <c r="IR13" s="71">
        <v>219</v>
      </c>
      <c r="IS13" s="71">
        <v>149</v>
      </c>
      <c r="IT13" s="72">
        <v>1407</v>
      </c>
      <c r="IU13" s="73">
        <v>2291</v>
      </c>
      <c r="IV13" s="70">
        <v>657</v>
      </c>
      <c r="IW13" s="71">
        <v>428</v>
      </c>
      <c r="IX13" s="72">
        <v>1085</v>
      </c>
      <c r="IY13" s="244"/>
      <c r="IZ13" s="71">
        <v>744</v>
      </c>
      <c r="JA13" s="71">
        <v>520</v>
      </c>
      <c r="JB13" s="71">
        <v>373</v>
      </c>
      <c r="JC13" s="71">
        <v>346</v>
      </c>
      <c r="JD13" s="71">
        <v>222</v>
      </c>
      <c r="JE13" s="72">
        <v>2205</v>
      </c>
      <c r="JF13" s="73">
        <v>3290</v>
      </c>
      <c r="JG13" s="70">
        <v>419</v>
      </c>
      <c r="JH13" s="71">
        <v>328</v>
      </c>
      <c r="JI13" s="72">
        <v>747</v>
      </c>
      <c r="JJ13" s="244"/>
      <c r="JK13" s="71">
        <v>783</v>
      </c>
      <c r="JL13" s="71">
        <v>604</v>
      </c>
      <c r="JM13" s="71">
        <v>569</v>
      </c>
      <c r="JN13" s="71">
        <v>605</v>
      </c>
      <c r="JO13" s="71">
        <v>366</v>
      </c>
      <c r="JP13" s="72">
        <v>2927</v>
      </c>
      <c r="JQ13" s="73">
        <v>3674</v>
      </c>
      <c r="JR13" s="70">
        <v>11</v>
      </c>
      <c r="JS13" s="71">
        <v>29</v>
      </c>
      <c r="JT13" s="72">
        <v>40</v>
      </c>
      <c r="JU13" s="244"/>
      <c r="JV13" s="71">
        <v>39</v>
      </c>
      <c r="JW13" s="71">
        <v>38</v>
      </c>
      <c r="JX13" s="71">
        <v>27</v>
      </c>
      <c r="JY13" s="71">
        <v>26</v>
      </c>
      <c r="JZ13" s="71">
        <v>18</v>
      </c>
      <c r="KA13" s="72">
        <v>148</v>
      </c>
      <c r="KB13" s="73">
        <v>188</v>
      </c>
      <c r="KC13" s="70">
        <v>2079</v>
      </c>
      <c r="KD13" s="71">
        <v>1403</v>
      </c>
      <c r="KE13" s="72">
        <v>3482</v>
      </c>
      <c r="KF13" s="244"/>
      <c r="KG13" s="71">
        <v>2509</v>
      </c>
      <c r="KH13" s="71">
        <v>1782</v>
      </c>
      <c r="KI13" s="71">
        <v>1380</v>
      </c>
      <c r="KJ13" s="71">
        <v>1393</v>
      </c>
      <c r="KK13" s="71">
        <v>936</v>
      </c>
      <c r="KL13" s="72">
        <v>8000</v>
      </c>
      <c r="KM13" s="73">
        <v>11482</v>
      </c>
    </row>
    <row r="14" spans="2:299" ht="21" customHeight="1" x14ac:dyDescent="0.2">
      <c r="B14" s="126" t="s">
        <v>10</v>
      </c>
      <c r="C14" s="315">
        <v>1426</v>
      </c>
      <c r="D14" s="82">
        <v>977</v>
      </c>
      <c r="E14" s="83">
        <v>2403</v>
      </c>
      <c r="F14" s="241"/>
      <c r="G14" s="82">
        <v>1706</v>
      </c>
      <c r="H14" s="82">
        <v>1007</v>
      </c>
      <c r="I14" s="82">
        <v>672</v>
      </c>
      <c r="J14" s="82">
        <v>612</v>
      </c>
      <c r="K14" s="82">
        <v>418</v>
      </c>
      <c r="L14" s="84">
        <v>4415</v>
      </c>
      <c r="M14" s="85">
        <v>6818</v>
      </c>
      <c r="N14" s="70">
        <v>57</v>
      </c>
      <c r="O14" s="71">
        <v>53</v>
      </c>
      <c r="P14" s="72">
        <v>110</v>
      </c>
      <c r="Q14" s="244"/>
      <c r="R14" s="71">
        <v>74</v>
      </c>
      <c r="S14" s="71">
        <v>50</v>
      </c>
      <c r="T14" s="71">
        <v>28</v>
      </c>
      <c r="U14" s="71">
        <v>28</v>
      </c>
      <c r="V14" s="71">
        <v>31</v>
      </c>
      <c r="W14" s="72">
        <v>211</v>
      </c>
      <c r="X14" s="73">
        <v>321</v>
      </c>
      <c r="Y14" s="70">
        <v>138</v>
      </c>
      <c r="Z14" s="71">
        <v>108</v>
      </c>
      <c r="AA14" s="72">
        <v>246</v>
      </c>
      <c r="AB14" s="244"/>
      <c r="AC14" s="71">
        <v>180</v>
      </c>
      <c r="AD14" s="71">
        <v>114</v>
      </c>
      <c r="AE14" s="71">
        <v>66</v>
      </c>
      <c r="AF14" s="71">
        <v>63</v>
      </c>
      <c r="AG14" s="71">
        <v>63</v>
      </c>
      <c r="AH14" s="72">
        <v>486</v>
      </c>
      <c r="AI14" s="73">
        <v>732</v>
      </c>
      <c r="AJ14" s="70">
        <v>202</v>
      </c>
      <c r="AK14" s="71">
        <v>161</v>
      </c>
      <c r="AL14" s="72">
        <v>363</v>
      </c>
      <c r="AM14" s="244"/>
      <c r="AN14" s="71">
        <v>273</v>
      </c>
      <c r="AO14" s="71">
        <v>167</v>
      </c>
      <c r="AP14" s="71">
        <v>102</v>
      </c>
      <c r="AQ14" s="71">
        <v>97</v>
      </c>
      <c r="AR14" s="71">
        <v>65</v>
      </c>
      <c r="AS14" s="72">
        <v>704</v>
      </c>
      <c r="AT14" s="73">
        <v>1067</v>
      </c>
      <c r="AU14" s="70">
        <v>366</v>
      </c>
      <c r="AV14" s="71">
        <v>230</v>
      </c>
      <c r="AW14" s="72">
        <v>596</v>
      </c>
      <c r="AX14" s="244"/>
      <c r="AY14" s="71">
        <v>406</v>
      </c>
      <c r="AZ14" s="71">
        <v>221</v>
      </c>
      <c r="BA14" s="71">
        <v>140</v>
      </c>
      <c r="BB14" s="71">
        <v>129</v>
      </c>
      <c r="BC14" s="71">
        <v>100</v>
      </c>
      <c r="BD14" s="72">
        <v>996</v>
      </c>
      <c r="BE14" s="73">
        <v>1592</v>
      </c>
      <c r="BF14" s="70">
        <v>415</v>
      </c>
      <c r="BG14" s="71">
        <v>260</v>
      </c>
      <c r="BH14" s="72">
        <v>675</v>
      </c>
      <c r="BI14" s="244"/>
      <c r="BJ14" s="71">
        <v>461</v>
      </c>
      <c r="BK14" s="71">
        <v>237</v>
      </c>
      <c r="BL14" s="71">
        <v>179</v>
      </c>
      <c r="BM14" s="71">
        <v>145</v>
      </c>
      <c r="BN14" s="71">
        <v>83</v>
      </c>
      <c r="BO14" s="72">
        <v>1105</v>
      </c>
      <c r="BP14" s="73">
        <v>1780</v>
      </c>
      <c r="BQ14" s="70">
        <v>248</v>
      </c>
      <c r="BR14" s="71">
        <v>165</v>
      </c>
      <c r="BS14" s="72">
        <v>413</v>
      </c>
      <c r="BT14" s="244"/>
      <c r="BU14" s="71">
        <v>312</v>
      </c>
      <c r="BV14" s="71">
        <v>218</v>
      </c>
      <c r="BW14" s="71">
        <v>157</v>
      </c>
      <c r="BX14" s="71">
        <v>150</v>
      </c>
      <c r="BY14" s="71">
        <v>76</v>
      </c>
      <c r="BZ14" s="72">
        <v>913</v>
      </c>
      <c r="CA14" s="73">
        <v>1326</v>
      </c>
      <c r="CB14" s="70">
        <v>47</v>
      </c>
      <c r="CC14" s="71">
        <v>32</v>
      </c>
      <c r="CD14" s="72">
        <v>79</v>
      </c>
      <c r="CE14" s="244"/>
      <c r="CF14" s="71">
        <v>69</v>
      </c>
      <c r="CG14" s="71">
        <v>43</v>
      </c>
      <c r="CH14" s="71">
        <v>26</v>
      </c>
      <c r="CI14" s="71">
        <v>22</v>
      </c>
      <c r="CJ14" s="71">
        <v>33</v>
      </c>
      <c r="CK14" s="72">
        <v>193</v>
      </c>
      <c r="CL14" s="73">
        <v>272</v>
      </c>
      <c r="CM14" s="70">
        <v>1473</v>
      </c>
      <c r="CN14" s="71">
        <v>1009</v>
      </c>
      <c r="CO14" s="72">
        <v>2482</v>
      </c>
      <c r="CP14" s="244"/>
      <c r="CQ14" s="71">
        <v>1775</v>
      </c>
      <c r="CR14" s="71">
        <v>1050</v>
      </c>
      <c r="CS14" s="71">
        <v>698</v>
      </c>
      <c r="CT14" s="71">
        <v>634</v>
      </c>
      <c r="CU14" s="71">
        <v>451</v>
      </c>
      <c r="CV14" s="72">
        <v>4608</v>
      </c>
      <c r="CW14" s="73">
        <v>7090</v>
      </c>
      <c r="CX14" s="123">
        <v>2941</v>
      </c>
      <c r="CY14" s="82">
        <v>2179</v>
      </c>
      <c r="CZ14" s="83">
        <v>5120</v>
      </c>
      <c r="DA14" s="241"/>
      <c r="DB14" s="82">
        <v>3155</v>
      </c>
      <c r="DC14" s="82">
        <v>1722</v>
      </c>
      <c r="DD14" s="82">
        <v>1528</v>
      </c>
      <c r="DE14" s="82">
        <v>1449</v>
      </c>
      <c r="DF14" s="82">
        <v>1215</v>
      </c>
      <c r="DG14" s="84">
        <v>9069</v>
      </c>
      <c r="DH14" s="85">
        <v>14189</v>
      </c>
      <c r="DI14" s="70">
        <v>52</v>
      </c>
      <c r="DJ14" s="71">
        <v>56</v>
      </c>
      <c r="DK14" s="72">
        <v>108</v>
      </c>
      <c r="DL14" s="244"/>
      <c r="DM14" s="71">
        <v>68</v>
      </c>
      <c r="DN14" s="71">
        <v>24</v>
      </c>
      <c r="DO14" s="71">
        <v>25</v>
      </c>
      <c r="DP14" s="71">
        <v>21</v>
      </c>
      <c r="DQ14" s="71">
        <v>27</v>
      </c>
      <c r="DR14" s="72">
        <v>165</v>
      </c>
      <c r="DS14" s="73">
        <v>273</v>
      </c>
      <c r="DT14" s="70">
        <v>202</v>
      </c>
      <c r="DU14" s="71">
        <v>146</v>
      </c>
      <c r="DV14" s="72">
        <v>348</v>
      </c>
      <c r="DW14" s="244"/>
      <c r="DX14" s="71">
        <v>174</v>
      </c>
      <c r="DY14" s="71">
        <v>91</v>
      </c>
      <c r="DZ14" s="71">
        <v>54</v>
      </c>
      <c r="EA14" s="71">
        <v>53</v>
      </c>
      <c r="EB14" s="71">
        <v>66</v>
      </c>
      <c r="EC14" s="72">
        <v>438</v>
      </c>
      <c r="ED14" s="73">
        <v>786</v>
      </c>
      <c r="EE14" s="70">
        <v>435</v>
      </c>
      <c r="EF14" s="71">
        <v>297</v>
      </c>
      <c r="EG14" s="72">
        <v>732</v>
      </c>
      <c r="EH14" s="244"/>
      <c r="EI14" s="71">
        <v>374</v>
      </c>
      <c r="EJ14" s="71">
        <v>182</v>
      </c>
      <c r="EK14" s="71">
        <v>142</v>
      </c>
      <c r="EL14" s="71">
        <v>117</v>
      </c>
      <c r="EM14" s="71">
        <v>102</v>
      </c>
      <c r="EN14" s="72">
        <v>917</v>
      </c>
      <c r="EO14" s="73">
        <v>1649</v>
      </c>
      <c r="EP14" s="70">
        <v>847</v>
      </c>
      <c r="EQ14" s="71">
        <v>554</v>
      </c>
      <c r="ER14" s="72">
        <v>1401</v>
      </c>
      <c r="ES14" s="244"/>
      <c r="ET14" s="71">
        <v>654</v>
      </c>
      <c r="EU14" s="71">
        <v>317</v>
      </c>
      <c r="EV14" s="71">
        <v>260</v>
      </c>
      <c r="EW14" s="71">
        <v>236</v>
      </c>
      <c r="EX14" s="71">
        <v>200</v>
      </c>
      <c r="EY14" s="72">
        <v>1667</v>
      </c>
      <c r="EZ14" s="73">
        <v>3068</v>
      </c>
      <c r="FA14" s="70">
        <v>914</v>
      </c>
      <c r="FB14" s="71">
        <v>625</v>
      </c>
      <c r="FC14" s="72">
        <v>1539</v>
      </c>
      <c r="FD14" s="244"/>
      <c r="FE14" s="71">
        <v>1003</v>
      </c>
      <c r="FF14" s="71">
        <v>484</v>
      </c>
      <c r="FG14" s="71">
        <v>430</v>
      </c>
      <c r="FH14" s="71">
        <v>333</v>
      </c>
      <c r="FI14" s="71">
        <v>320</v>
      </c>
      <c r="FJ14" s="72">
        <v>2570</v>
      </c>
      <c r="FK14" s="73">
        <v>4109</v>
      </c>
      <c r="FL14" s="70">
        <v>491</v>
      </c>
      <c r="FM14" s="71">
        <v>501</v>
      </c>
      <c r="FN14" s="72">
        <v>992</v>
      </c>
      <c r="FO14" s="244"/>
      <c r="FP14" s="71">
        <v>882</v>
      </c>
      <c r="FQ14" s="71">
        <v>624</v>
      </c>
      <c r="FR14" s="71">
        <v>617</v>
      </c>
      <c r="FS14" s="71">
        <v>689</v>
      </c>
      <c r="FT14" s="71">
        <v>500</v>
      </c>
      <c r="FU14" s="72">
        <v>3312</v>
      </c>
      <c r="FV14" s="73">
        <v>4304</v>
      </c>
      <c r="FW14" s="70">
        <v>34</v>
      </c>
      <c r="FX14" s="71">
        <v>36</v>
      </c>
      <c r="FY14" s="72">
        <v>70</v>
      </c>
      <c r="FZ14" s="244"/>
      <c r="GA14" s="71">
        <v>59</v>
      </c>
      <c r="GB14" s="71">
        <v>27</v>
      </c>
      <c r="GC14" s="71">
        <v>22</v>
      </c>
      <c r="GD14" s="71">
        <v>21</v>
      </c>
      <c r="GE14" s="71">
        <v>31</v>
      </c>
      <c r="GF14" s="72">
        <v>160</v>
      </c>
      <c r="GG14" s="73">
        <v>230</v>
      </c>
      <c r="GH14" s="70">
        <v>2975</v>
      </c>
      <c r="GI14" s="71">
        <v>2215</v>
      </c>
      <c r="GJ14" s="72">
        <v>5190</v>
      </c>
      <c r="GK14" s="244"/>
      <c r="GL14" s="71">
        <v>3214</v>
      </c>
      <c r="GM14" s="71">
        <v>1749</v>
      </c>
      <c r="GN14" s="71">
        <v>1550</v>
      </c>
      <c r="GO14" s="71">
        <v>1470</v>
      </c>
      <c r="GP14" s="71">
        <v>1246</v>
      </c>
      <c r="GQ14" s="72">
        <v>9229</v>
      </c>
      <c r="GR14" s="73">
        <v>14419</v>
      </c>
      <c r="GS14" s="123">
        <v>4367</v>
      </c>
      <c r="GT14" s="82">
        <v>3156</v>
      </c>
      <c r="GU14" s="83">
        <v>7523</v>
      </c>
      <c r="GV14" s="241"/>
      <c r="GW14" s="82">
        <v>4861</v>
      </c>
      <c r="GX14" s="82">
        <v>2729</v>
      </c>
      <c r="GY14" s="82">
        <v>2200</v>
      </c>
      <c r="GZ14" s="82">
        <v>2061</v>
      </c>
      <c r="HA14" s="82">
        <v>1633</v>
      </c>
      <c r="HB14" s="84">
        <v>13484</v>
      </c>
      <c r="HC14" s="85">
        <v>21007</v>
      </c>
      <c r="HD14" s="70">
        <v>109</v>
      </c>
      <c r="HE14" s="71">
        <v>109</v>
      </c>
      <c r="HF14" s="72">
        <v>218</v>
      </c>
      <c r="HG14" s="244"/>
      <c r="HH14" s="71">
        <v>142</v>
      </c>
      <c r="HI14" s="71">
        <v>74</v>
      </c>
      <c r="HJ14" s="71">
        <v>53</v>
      </c>
      <c r="HK14" s="71">
        <v>49</v>
      </c>
      <c r="HL14" s="71">
        <v>58</v>
      </c>
      <c r="HM14" s="72">
        <v>376</v>
      </c>
      <c r="HN14" s="73">
        <v>594</v>
      </c>
      <c r="HO14" s="70">
        <v>340</v>
      </c>
      <c r="HP14" s="71">
        <v>254</v>
      </c>
      <c r="HQ14" s="72">
        <v>594</v>
      </c>
      <c r="HR14" s="244"/>
      <c r="HS14" s="71">
        <v>354</v>
      </c>
      <c r="HT14" s="71">
        <v>205</v>
      </c>
      <c r="HU14" s="71">
        <v>120</v>
      </c>
      <c r="HV14" s="71">
        <v>116</v>
      </c>
      <c r="HW14" s="71">
        <v>129</v>
      </c>
      <c r="HX14" s="72">
        <v>924</v>
      </c>
      <c r="HY14" s="73">
        <v>1518</v>
      </c>
      <c r="HZ14" s="70">
        <v>637</v>
      </c>
      <c r="IA14" s="71">
        <v>458</v>
      </c>
      <c r="IB14" s="72">
        <v>1095</v>
      </c>
      <c r="IC14" s="244"/>
      <c r="ID14" s="71">
        <v>647</v>
      </c>
      <c r="IE14" s="71">
        <v>349</v>
      </c>
      <c r="IF14" s="71">
        <v>244</v>
      </c>
      <c r="IG14" s="71">
        <v>214</v>
      </c>
      <c r="IH14" s="71">
        <v>167</v>
      </c>
      <c r="II14" s="72">
        <v>1621</v>
      </c>
      <c r="IJ14" s="73">
        <v>2716</v>
      </c>
      <c r="IK14" s="70">
        <v>1213</v>
      </c>
      <c r="IL14" s="71">
        <v>784</v>
      </c>
      <c r="IM14" s="72">
        <v>1997</v>
      </c>
      <c r="IN14" s="244"/>
      <c r="IO14" s="71">
        <v>1060</v>
      </c>
      <c r="IP14" s="71">
        <v>538</v>
      </c>
      <c r="IQ14" s="71">
        <v>400</v>
      </c>
      <c r="IR14" s="71">
        <v>365</v>
      </c>
      <c r="IS14" s="71">
        <v>300</v>
      </c>
      <c r="IT14" s="72">
        <v>2663</v>
      </c>
      <c r="IU14" s="73">
        <v>4660</v>
      </c>
      <c r="IV14" s="70">
        <v>1329</v>
      </c>
      <c r="IW14" s="71">
        <v>885</v>
      </c>
      <c r="IX14" s="72">
        <v>2214</v>
      </c>
      <c r="IY14" s="244"/>
      <c r="IZ14" s="71">
        <v>1464</v>
      </c>
      <c r="JA14" s="71">
        <v>721</v>
      </c>
      <c r="JB14" s="71">
        <v>609</v>
      </c>
      <c r="JC14" s="71">
        <v>478</v>
      </c>
      <c r="JD14" s="71">
        <v>403</v>
      </c>
      <c r="JE14" s="72">
        <v>3675</v>
      </c>
      <c r="JF14" s="73">
        <v>5889</v>
      </c>
      <c r="JG14" s="70">
        <v>739</v>
      </c>
      <c r="JH14" s="71">
        <v>666</v>
      </c>
      <c r="JI14" s="72">
        <v>1405</v>
      </c>
      <c r="JJ14" s="244"/>
      <c r="JK14" s="71">
        <v>1194</v>
      </c>
      <c r="JL14" s="71">
        <v>842</v>
      </c>
      <c r="JM14" s="71">
        <v>774</v>
      </c>
      <c r="JN14" s="71">
        <v>839</v>
      </c>
      <c r="JO14" s="71">
        <v>576</v>
      </c>
      <c r="JP14" s="72">
        <v>4225</v>
      </c>
      <c r="JQ14" s="73">
        <v>5630</v>
      </c>
      <c r="JR14" s="70">
        <v>81</v>
      </c>
      <c r="JS14" s="71">
        <v>68</v>
      </c>
      <c r="JT14" s="72">
        <v>149</v>
      </c>
      <c r="JU14" s="244"/>
      <c r="JV14" s="71">
        <v>128</v>
      </c>
      <c r="JW14" s="71">
        <v>70</v>
      </c>
      <c r="JX14" s="71">
        <v>48</v>
      </c>
      <c r="JY14" s="71">
        <v>43</v>
      </c>
      <c r="JZ14" s="71">
        <v>64</v>
      </c>
      <c r="KA14" s="72">
        <v>353</v>
      </c>
      <c r="KB14" s="73">
        <v>502</v>
      </c>
      <c r="KC14" s="70">
        <v>4448</v>
      </c>
      <c r="KD14" s="71">
        <v>3224</v>
      </c>
      <c r="KE14" s="72">
        <v>7672</v>
      </c>
      <c r="KF14" s="244"/>
      <c r="KG14" s="71">
        <v>4989</v>
      </c>
      <c r="KH14" s="71">
        <v>2799</v>
      </c>
      <c r="KI14" s="71">
        <v>2248</v>
      </c>
      <c r="KJ14" s="71">
        <v>2104</v>
      </c>
      <c r="KK14" s="71">
        <v>1697</v>
      </c>
      <c r="KL14" s="72">
        <v>13837</v>
      </c>
      <c r="KM14" s="73">
        <v>21509</v>
      </c>
    </row>
    <row r="15" spans="2:299" ht="21" customHeight="1" x14ac:dyDescent="0.2">
      <c r="B15" s="126" t="s">
        <v>11</v>
      </c>
      <c r="C15" s="315">
        <v>440</v>
      </c>
      <c r="D15" s="82">
        <v>349</v>
      </c>
      <c r="E15" s="83">
        <v>789</v>
      </c>
      <c r="F15" s="241"/>
      <c r="G15" s="82">
        <v>830</v>
      </c>
      <c r="H15" s="82">
        <v>552</v>
      </c>
      <c r="I15" s="82">
        <v>467</v>
      </c>
      <c r="J15" s="82">
        <v>390</v>
      </c>
      <c r="K15" s="82">
        <v>200</v>
      </c>
      <c r="L15" s="84">
        <v>2439</v>
      </c>
      <c r="M15" s="85">
        <v>3228</v>
      </c>
      <c r="N15" s="70">
        <v>16</v>
      </c>
      <c r="O15" s="71">
        <v>17</v>
      </c>
      <c r="P15" s="72">
        <v>33</v>
      </c>
      <c r="Q15" s="244"/>
      <c r="R15" s="71">
        <v>42</v>
      </c>
      <c r="S15" s="71">
        <v>24</v>
      </c>
      <c r="T15" s="71">
        <v>23</v>
      </c>
      <c r="U15" s="71">
        <v>17</v>
      </c>
      <c r="V15" s="71">
        <v>13</v>
      </c>
      <c r="W15" s="72">
        <v>119</v>
      </c>
      <c r="X15" s="73">
        <v>152</v>
      </c>
      <c r="Y15" s="70">
        <v>56</v>
      </c>
      <c r="Z15" s="71">
        <v>40</v>
      </c>
      <c r="AA15" s="72">
        <v>96</v>
      </c>
      <c r="AB15" s="244"/>
      <c r="AC15" s="71">
        <v>92</v>
      </c>
      <c r="AD15" s="71">
        <v>57</v>
      </c>
      <c r="AE15" s="71">
        <v>63</v>
      </c>
      <c r="AF15" s="71">
        <v>37</v>
      </c>
      <c r="AG15" s="71">
        <v>29</v>
      </c>
      <c r="AH15" s="72">
        <v>278</v>
      </c>
      <c r="AI15" s="73">
        <v>374</v>
      </c>
      <c r="AJ15" s="70">
        <v>60</v>
      </c>
      <c r="AK15" s="71">
        <v>61</v>
      </c>
      <c r="AL15" s="72">
        <v>121</v>
      </c>
      <c r="AM15" s="244"/>
      <c r="AN15" s="71">
        <v>148</v>
      </c>
      <c r="AO15" s="71">
        <v>105</v>
      </c>
      <c r="AP15" s="71">
        <v>74</v>
      </c>
      <c r="AQ15" s="71">
        <v>65</v>
      </c>
      <c r="AR15" s="71">
        <v>36</v>
      </c>
      <c r="AS15" s="72">
        <v>428</v>
      </c>
      <c r="AT15" s="73">
        <v>549</v>
      </c>
      <c r="AU15" s="70">
        <v>120</v>
      </c>
      <c r="AV15" s="71">
        <v>83</v>
      </c>
      <c r="AW15" s="72">
        <v>203</v>
      </c>
      <c r="AX15" s="244"/>
      <c r="AY15" s="71">
        <v>200</v>
      </c>
      <c r="AZ15" s="71">
        <v>132</v>
      </c>
      <c r="BA15" s="71">
        <v>104</v>
      </c>
      <c r="BB15" s="71">
        <v>90</v>
      </c>
      <c r="BC15" s="71">
        <v>45</v>
      </c>
      <c r="BD15" s="72">
        <v>571</v>
      </c>
      <c r="BE15" s="73">
        <v>774</v>
      </c>
      <c r="BF15" s="70">
        <v>114</v>
      </c>
      <c r="BG15" s="71">
        <v>102</v>
      </c>
      <c r="BH15" s="72">
        <v>216</v>
      </c>
      <c r="BI15" s="244"/>
      <c r="BJ15" s="71">
        <v>194</v>
      </c>
      <c r="BK15" s="71">
        <v>124</v>
      </c>
      <c r="BL15" s="71">
        <v>110</v>
      </c>
      <c r="BM15" s="71">
        <v>107</v>
      </c>
      <c r="BN15" s="71">
        <v>40</v>
      </c>
      <c r="BO15" s="72">
        <v>575</v>
      </c>
      <c r="BP15" s="73">
        <v>791</v>
      </c>
      <c r="BQ15" s="70">
        <v>74</v>
      </c>
      <c r="BR15" s="71">
        <v>46</v>
      </c>
      <c r="BS15" s="72">
        <v>120</v>
      </c>
      <c r="BT15" s="244"/>
      <c r="BU15" s="71">
        <v>154</v>
      </c>
      <c r="BV15" s="71">
        <v>110</v>
      </c>
      <c r="BW15" s="71">
        <v>93</v>
      </c>
      <c r="BX15" s="71">
        <v>74</v>
      </c>
      <c r="BY15" s="71">
        <v>37</v>
      </c>
      <c r="BZ15" s="72">
        <v>468</v>
      </c>
      <c r="CA15" s="73">
        <v>588</v>
      </c>
      <c r="CB15" s="70">
        <v>12</v>
      </c>
      <c r="CC15" s="71">
        <v>10</v>
      </c>
      <c r="CD15" s="72">
        <v>22</v>
      </c>
      <c r="CE15" s="244"/>
      <c r="CF15" s="71">
        <v>34</v>
      </c>
      <c r="CG15" s="71">
        <v>20</v>
      </c>
      <c r="CH15" s="71">
        <v>13</v>
      </c>
      <c r="CI15" s="71">
        <v>15</v>
      </c>
      <c r="CJ15" s="71">
        <v>13</v>
      </c>
      <c r="CK15" s="72">
        <v>95</v>
      </c>
      <c r="CL15" s="73">
        <v>117</v>
      </c>
      <c r="CM15" s="70">
        <v>452</v>
      </c>
      <c r="CN15" s="71">
        <v>359</v>
      </c>
      <c r="CO15" s="72">
        <v>811</v>
      </c>
      <c r="CP15" s="244"/>
      <c r="CQ15" s="71">
        <v>864</v>
      </c>
      <c r="CR15" s="71">
        <v>572</v>
      </c>
      <c r="CS15" s="71">
        <v>480</v>
      </c>
      <c r="CT15" s="71">
        <v>405</v>
      </c>
      <c r="CU15" s="71">
        <v>213</v>
      </c>
      <c r="CV15" s="72">
        <v>2534</v>
      </c>
      <c r="CW15" s="73">
        <v>3345</v>
      </c>
      <c r="CX15" s="123">
        <v>945</v>
      </c>
      <c r="CY15" s="82">
        <v>767</v>
      </c>
      <c r="CZ15" s="83">
        <v>1712</v>
      </c>
      <c r="DA15" s="241"/>
      <c r="DB15" s="82">
        <v>1775</v>
      </c>
      <c r="DC15" s="82">
        <v>1028</v>
      </c>
      <c r="DD15" s="82">
        <v>904</v>
      </c>
      <c r="DE15" s="82">
        <v>958</v>
      </c>
      <c r="DF15" s="82">
        <v>503</v>
      </c>
      <c r="DG15" s="84">
        <v>5168</v>
      </c>
      <c r="DH15" s="85">
        <v>6880</v>
      </c>
      <c r="DI15" s="70">
        <v>23</v>
      </c>
      <c r="DJ15" s="71">
        <v>12</v>
      </c>
      <c r="DK15" s="72">
        <v>35</v>
      </c>
      <c r="DL15" s="244"/>
      <c r="DM15" s="71">
        <v>47</v>
      </c>
      <c r="DN15" s="71">
        <v>19</v>
      </c>
      <c r="DO15" s="71">
        <v>13</v>
      </c>
      <c r="DP15" s="71">
        <v>19</v>
      </c>
      <c r="DQ15" s="71">
        <v>12</v>
      </c>
      <c r="DR15" s="72">
        <v>110</v>
      </c>
      <c r="DS15" s="73">
        <v>145</v>
      </c>
      <c r="DT15" s="70">
        <v>62</v>
      </c>
      <c r="DU15" s="71">
        <v>60</v>
      </c>
      <c r="DV15" s="72">
        <v>122</v>
      </c>
      <c r="DW15" s="244"/>
      <c r="DX15" s="71">
        <v>101</v>
      </c>
      <c r="DY15" s="71">
        <v>48</v>
      </c>
      <c r="DZ15" s="71">
        <v>49</v>
      </c>
      <c r="EA15" s="71">
        <v>42</v>
      </c>
      <c r="EB15" s="71">
        <v>31</v>
      </c>
      <c r="EC15" s="72">
        <v>271</v>
      </c>
      <c r="ED15" s="73">
        <v>393</v>
      </c>
      <c r="EE15" s="70">
        <v>118</v>
      </c>
      <c r="EF15" s="71">
        <v>102</v>
      </c>
      <c r="EG15" s="72">
        <v>220</v>
      </c>
      <c r="EH15" s="244"/>
      <c r="EI15" s="71">
        <v>168</v>
      </c>
      <c r="EJ15" s="71">
        <v>111</v>
      </c>
      <c r="EK15" s="71">
        <v>103</v>
      </c>
      <c r="EL15" s="71">
        <v>79</v>
      </c>
      <c r="EM15" s="71">
        <v>44</v>
      </c>
      <c r="EN15" s="72">
        <v>505</v>
      </c>
      <c r="EO15" s="73">
        <v>725</v>
      </c>
      <c r="EP15" s="70">
        <v>292</v>
      </c>
      <c r="EQ15" s="71">
        <v>217</v>
      </c>
      <c r="ER15" s="72">
        <v>509</v>
      </c>
      <c r="ES15" s="244"/>
      <c r="ET15" s="71">
        <v>410</v>
      </c>
      <c r="EU15" s="71">
        <v>190</v>
      </c>
      <c r="EV15" s="71">
        <v>140</v>
      </c>
      <c r="EW15" s="71">
        <v>156</v>
      </c>
      <c r="EX15" s="71">
        <v>77</v>
      </c>
      <c r="EY15" s="72">
        <v>973</v>
      </c>
      <c r="EZ15" s="73">
        <v>1482</v>
      </c>
      <c r="FA15" s="70">
        <v>283</v>
      </c>
      <c r="FB15" s="71">
        <v>214</v>
      </c>
      <c r="FC15" s="72">
        <v>497</v>
      </c>
      <c r="FD15" s="244"/>
      <c r="FE15" s="71">
        <v>558</v>
      </c>
      <c r="FF15" s="71">
        <v>299</v>
      </c>
      <c r="FG15" s="71">
        <v>242</v>
      </c>
      <c r="FH15" s="71">
        <v>246</v>
      </c>
      <c r="FI15" s="71">
        <v>138</v>
      </c>
      <c r="FJ15" s="72">
        <v>1483</v>
      </c>
      <c r="FK15" s="73">
        <v>1980</v>
      </c>
      <c r="FL15" s="70">
        <v>167</v>
      </c>
      <c r="FM15" s="71">
        <v>162</v>
      </c>
      <c r="FN15" s="72">
        <v>329</v>
      </c>
      <c r="FO15" s="244"/>
      <c r="FP15" s="71">
        <v>491</v>
      </c>
      <c r="FQ15" s="71">
        <v>361</v>
      </c>
      <c r="FR15" s="71">
        <v>357</v>
      </c>
      <c r="FS15" s="71">
        <v>416</v>
      </c>
      <c r="FT15" s="71">
        <v>201</v>
      </c>
      <c r="FU15" s="72">
        <v>1826</v>
      </c>
      <c r="FV15" s="73">
        <v>2155</v>
      </c>
      <c r="FW15" s="70">
        <v>10</v>
      </c>
      <c r="FX15" s="71">
        <v>9</v>
      </c>
      <c r="FY15" s="72">
        <v>19</v>
      </c>
      <c r="FZ15" s="244"/>
      <c r="GA15" s="71">
        <v>24</v>
      </c>
      <c r="GB15" s="71">
        <v>16</v>
      </c>
      <c r="GC15" s="71">
        <v>16</v>
      </c>
      <c r="GD15" s="71">
        <v>10</v>
      </c>
      <c r="GE15" s="71">
        <v>11</v>
      </c>
      <c r="GF15" s="72">
        <v>77</v>
      </c>
      <c r="GG15" s="73">
        <v>96</v>
      </c>
      <c r="GH15" s="70">
        <v>955</v>
      </c>
      <c r="GI15" s="71">
        <v>776</v>
      </c>
      <c r="GJ15" s="72">
        <v>1731</v>
      </c>
      <c r="GK15" s="244"/>
      <c r="GL15" s="71">
        <v>1799</v>
      </c>
      <c r="GM15" s="71">
        <v>1044</v>
      </c>
      <c r="GN15" s="71">
        <v>920</v>
      </c>
      <c r="GO15" s="71">
        <v>968</v>
      </c>
      <c r="GP15" s="71">
        <v>514</v>
      </c>
      <c r="GQ15" s="72">
        <v>5245</v>
      </c>
      <c r="GR15" s="73">
        <v>6976</v>
      </c>
      <c r="GS15" s="123">
        <v>1385</v>
      </c>
      <c r="GT15" s="82">
        <v>1116</v>
      </c>
      <c r="GU15" s="83">
        <v>2501</v>
      </c>
      <c r="GV15" s="241"/>
      <c r="GW15" s="82">
        <v>2605</v>
      </c>
      <c r="GX15" s="82">
        <v>1580</v>
      </c>
      <c r="GY15" s="82">
        <v>1371</v>
      </c>
      <c r="GZ15" s="82">
        <v>1348</v>
      </c>
      <c r="HA15" s="82">
        <v>703</v>
      </c>
      <c r="HB15" s="84">
        <v>7607</v>
      </c>
      <c r="HC15" s="85">
        <v>10108</v>
      </c>
      <c r="HD15" s="70">
        <v>39</v>
      </c>
      <c r="HE15" s="71">
        <v>29</v>
      </c>
      <c r="HF15" s="72">
        <v>68</v>
      </c>
      <c r="HG15" s="244"/>
      <c r="HH15" s="71">
        <v>89</v>
      </c>
      <c r="HI15" s="71">
        <v>43</v>
      </c>
      <c r="HJ15" s="71">
        <v>36</v>
      </c>
      <c r="HK15" s="71">
        <v>36</v>
      </c>
      <c r="HL15" s="71">
        <v>25</v>
      </c>
      <c r="HM15" s="72">
        <v>229</v>
      </c>
      <c r="HN15" s="73">
        <v>297</v>
      </c>
      <c r="HO15" s="70">
        <v>118</v>
      </c>
      <c r="HP15" s="71">
        <v>100</v>
      </c>
      <c r="HQ15" s="72">
        <v>218</v>
      </c>
      <c r="HR15" s="244"/>
      <c r="HS15" s="71">
        <v>193</v>
      </c>
      <c r="HT15" s="71">
        <v>105</v>
      </c>
      <c r="HU15" s="71">
        <v>112</v>
      </c>
      <c r="HV15" s="71">
        <v>79</v>
      </c>
      <c r="HW15" s="71">
        <v>60</v>
      </c>
      <c r="HX15" s="72">
        <v>549</v>
      </c>
      <c r="HY15" s="73">
        <v>767</v>
      </c>
      <c r="HZ15" s="70">
        <v>178</v>
      </c>
      <c r="IA15" s="71">
        <v>163</v>
      </c>
      <c r="IB15" s="72">
        <v>341</v>
      </c>
      <c r="IC15" s="244"/>
      <c r="ID15" s="71">
        <v>316</v>
      </c>
      <c r="IE15" s="71">
        <v>216</v>
      </c>
      <c r="IF15" s="71">
        <v>177</v>
      </c>
      <c r="IG15" s="71">
        <v>144</v>
      </c>
      <c r="IH15" s="71">
        <v>80</v>
      </c>
      <c r="II15" s="72">
        <v>933</v>
      </c>
      <c r="IJ15" s="73">
        <v>1274</v>
      </c>
      <c r="IK15" s="70">
        <v>412</v>
      </c>
      <c r="IL15" s="71">
        <v>300</v>
      </c>
      <c r="IM15" s="72">
        <v>712</v>
      </c>
      <c r="IN15" s="244"/>
      <c r="IO15" s="71">
        <v>610</v>
      </c>
      <c r="IP15" s="71">
        <v>322</v>
      </c>
      <c r="IQ15" s="71">
        <v>244</v>
      </c>
      <c r="IR15" s="71">
        <v>246</v>
      </c>
      <c r="IS15" s="71">
        <v>122</v>
      </c>
      <c r="IT15" s="72">
        <v>1544</v>
      </c>
      <c r="IU15" s="73">
        <v>2256</v>
      </c>
      <c r="IV15" s="70">
        <v>397</v>
      </c>
      <c r="IW15" s="71">
        <v>316</v>
      </c>
      <c r="IX15" s="72">
        <v>713</v>
      </c>
      <c r="IY15" s="244"/>
      <c r="IZ15" s="71">
        <v>752</v>
      </c>
      <c r="JA15" s="71">
        <v>423</v>
      </c>
      <c r="JB15" s="71">
        <v>352</v>
      </c>
      <c r="JC15" s="71">
        <v>353</v>
      </c>
      <c r="JD15" s="71">
        <v>178</v>
      </c>
      <c r="JE15" s="72">
        <v>2058</v>
      </c>
      <c r="JF15" s="73">
        <v>2771</v>
      </c>
      <c r="JG15" s="70">
        <v>241</v>
      </c>
      <c r="JH15" s="71">
        <v>208</v>
      </c>
      <c r="JI15" s="72">
        <v>449</v>
      </c>
      <c r="JJ15" s="244"/>
      <c r="JK15" s="71">
        <v>645</v>
      </c>
      <c r="JL15" s="71">
        <v>471</v>
      </c>
      <c r="JM15" s="71">
        <v>450</v>
      </c>
      <c r="JN15" s="71">
        <v>490</v>
      </c>
      <c r="JO15" s="71">
        <v>238</v>
      </c>
      <c r="JP15" s="72">
        <v>2294</v>
      </c>
      <c r="JQ15" s="73">
        <v>2743</v>
      </c>
      <c r="JR15" s="70">
        <v>22</v>
      </c>
      <c r="JS15" s="71">
        <v>19</v>
      </c>
      <c r="JT15" s="72">
        <v>41</v>
      </c>
      <c r="JU15" s="244"/>
      <c r="JV15" s="71">
        <v>58</v>
      </c>
      <c r="JW15" s="71">
        <v>36</v>
      </c>
      <c r="JX15" s="71">
        <v>29</v>
      </c>
      <c r="JY15" s="71">
        <v>25</v>
      </c>
      <c r="JZ15" s="71">
        <v>24</v>
      </c>
      <c r="KA15" s="72">
        <v>172</v>
      </c>
      <c r="KB15" s="73">
        <v>213</v>
      </c>
      <c r="KC15" s="70">
        <v>1407</v>
      </c>
      <c r="KD15" s="71">
        <v>1135</v>
      </c>
      <c r="KE15" s="72">
        <v>2542</v>
      </c>
      <c r="KF15" s="244"/>
      <c r="KG15" s="71">
        <v>2663</v>
      </c>
      <c r="KH15" s="71">
        <v>1616</v>
      </c>
      <c r="KI15" s="71">
        <v>1400</v>
      </c>
      <c r="KJ15" s="71">
        <v>1373</v>
      </c>
      <c r="KK15" s="71">
        <v>727</v>
      </c>
      <c r="KL15" s="72">
        <v>7779</v>
      </c>
      <c r="KM15" s="73">
        <v>10321</v>
      </c>
    </row>
    <row r="16" spans="2:299" ht="21" customHeight="1" x14ac:dyDescent="0.2">
      <c r="B16" s="126" t="s">
        <v>12</v>
      </c>
      <c r="C16" s="315">
        <v>682</v>
      </c>
      <c r="D16" s="82">
        <v>603</v>
      </c>
      <c r="E16" s="83">
        <v>1285</v>
      </c>
      <c r="F16" s="241"/>
      <c r="G16" s="82">
        <v>675</v>
      </c>
      <c r="H16" s="82">
        <v>627</v>
      </c>
      <c r="I16" s="82">
        <v>457</v>
      </c>
      <c r="J16" s="82">
        <v>437</v>
      </c>
      <c r="K16" s="82">
        <v>209</v>
      </c>
      <c r="L16" s="84">
        <v>2405</v>
      </c>
      <c r="M16" s="85">
        <v>3690</v>
      </c>
      <c r="N16" s="86">
        <v>23</v>
      </c>
      <c r="O16" s="71">
        <v>29</v>
      </c>
      <c r="P16" s="72">
        <v>52</v>
      </c>
      <c r="Q16" s="244"/>
      <c r="R16" s="71">
        <v>16</v>
      </c>
      <c r="S16" s="71">
        <v>32</v>
      </c>
      <c r="T16" s="71">
        <v>19</v>
      </c>
      <c r="U16" s="71">
        <v>24</v>
      </c>
      <c r="V16" s="71">
        <v>11</v>
      </c>
      <c r="W16" s="72">
        <v>102</v>
      </c>
      <c r="X16" s="73">
        <v>154</v>
      </c>
      <c r="Y16" s="70">
        <v>58</v>
      </c>
      <c r="Z16" s="71">
        <v>71</v>
      </c>
      <c r="AA16" s="72">
        <v>129</v>
      </c>
      <c r="AB16" s="244"/>
      <c r="AC16" s="71">
        <v>55</v>
      </c>
      <c r="AD16" s="71">
        <v>51</v>
      </c>
      <c r="AE16" s="71">
        <v>38</v>
      </c>
      <c r="AF16" s="71">
        <v>32</v>
      </c>
      <c r="AG16" s="71">
        <v>21</v>
      </c>
      <c r="AH16" s="72">
        <v>197</v>
      </c>
      <c r="AI16" s="73">
        <v>326</v>
      </c>
      <c r="AJ16" s="86">
        <v>89</v>
      </c>
      <c r="AK16" s="71">
        <v>101</v>
      </c>
      <c r="AL16" s="72">
        <v>190</v>
      </c>
      <c r="AM16" s="244"/>
      <c r="AN16" s="71">
        <v>83</v>
      </c>
      <c r="AO16" s="71">
        <v>94</v>
      </c>
      <c r="AP16" s="71">
        <v>78</v>
      </c>
      <c r="AQ16" s="71">
        <v>56</v>
      </c>
      <c r="AR16" s="71">
        <v>46</v>
      </c>
      <c r="AS16" s="72">
        <v>357</v>
      </c>
      <c r="AT16" s="73">
        <v>547</v>
      </c>
      <c r="AU16" s="70">
        <v>172</v>
      </c>
      <c r="AV16" s="71">
        <v>139</v>
      </c>
      <c r="AW16" s="72">
        <v>311</v>
      </c>
      <c r="AX16" s="244"/>
      <c r="AY16" s="71">
        <v>167</v>
      </c>
      <c r="AZ16" s="71">
        <v>159</v>
      </c>
      <c r="BA16" s="71">
        <v>104</v>
      </c>
      <c r="BB16" s="71">
        <v>94</v>
      </c>
      <c r="BC16" s="71">
        <v>53</v>
      </c>
      <c r="BD16" s="72">
        <v>577</v>
      </c>
      <c r="BE16" s="73">
        <v>888</v>
      </c>
      <c r="BF16" s="86">
        <v>199</v>
      </c>
      <c r="BG16" s="71">
        <v>146</v>
      </c>
      <c r="BH16" s="72">
        <v>345</v>
      </c>
      <c r="BI16" s="244"/>
      <c r="BJ16" s="71">
        <v>202</v>
      </c>
      <c r="BK16" s="71">
        <v>159</v>
      </c>
      <c r="BL16" s="71">
        <v>130</v>
      </c>
      <c r="BM16" s="71">
        <v>128</v>
      </c>
      <c r="BN16" s="71">
        <v>48</v>
      </c>
      <c r="BO16" s="72">
        <v>667</v>
      </c>
      <c r="BP16" s="73">
        <v>1012</v>
      </c>
      <c r="BQ16" s="70">
        <v>141</v>
      </c>
      <c r="BR16" s="71">
        <v>117</v>
      </c>
      <c r="BS16" s="72">
        <v>258</v>
      </c>
      <c r="BT16" s="244"/>
      <c r="BU16" s="71">
        <v>152</v>
      </c>
      <c r="BV16" s="71">
        <v>132</v>
      </c>
      <c r="BW16" s="71">
        <v>88</v>
      </c>
      <c r="BX16" s="71">
        <v>103</v>
      </c>
      <c r="BY16" s="71">
        <v>30</v>
      </c>
      <c r="BZ16" s="72">
        <v>505</v>
      </c>
      <c r="CA16" s="73">
        <v>763</v>
      </c>
      <c r="CB16" s="70">
        <v>18</v>
      </c>
      <c r="CC16" s="71">
        <v>27</v>
      </c>
      <c r="CD16" s="72">
        <v>45</v>
      </c>
      <c r="CE16" s="244"/>
      <c r="CF16" s="71">
        <v>13</v>
      </c>
      <c r="CG16" s="71">
        <v>19</v>
      </c>
      <c r="CH16" s="71">
        <v>17</v>
      </c>
      <c r="CI16" s="71">
        <v>13</v>
      </c>
      <c r="CJ16" s="71">
        <v>12</v>
      </c>
      <c r="CK16" s="72">
        <v>74</v>
      </c>
      <c r="CL16" s="73">
        <v>119</v>
      </c>
      <c r="CM16" s="70">
        <v>700</v>
      </c>
      <c r="CN16" s="71">
        <v>630</v>
      </c>
      <c r="CO16" s="72">
        <v>1330</v>
      </c>
      <c r="CP16" s="244"/>
      <c r="CQ16" s="71">
        <v>688</v>
      </c>
      <c r="CR16" s="71">
        <v>646</v>
      </c>
      <c r="CS16" s="71">
        <v>474</v>
      </c>
      <c r="CT16" s="71">
        <v>450</v>
      </c>
      <c r="CU16" s="71">
        <v>221</v>
      </c>
      <c r="CV16" s="72">
        <v>2479</v>
      </c>
      <c r="CW16" s="73">
        <v>3809</v>
      </c>
      <c r="CX16" s="123">
        <v>1344</v>
      </c>
      <c r="CY16" s="82">
        <v>1285</v>
      </c>
      <c r="CZ16" s="83">
        <v>2629</v>
      </c>
      <c r="DA16" s="241"/>
      <c r="DB16" s="82">
        <v>1386</v>
      </c>
      <c r="DC16" s="82">
        <v>1091</v>
      </c>
      <c r="DD16" s="82">
        <v>927</v>
      </c>
      <c r="DE16" s="82">
        <v>1014</v>
      </c>
      <c r="DF16" s="82">
        <v>689</v>
      </c>
      <c r="DG16" s="84">
        <v>5107</v>
      </c>
      <c r="DH16" s="85">
        <v>7736</v>
      </c>
      <c r="DI16" s="86">
        <v>34</v>
      </c>
      <c r="DJ16" s="71">
        <v>36</v>
      </c>
      <c r="DK16" s="72">
        <v>70</v>
      </c>
      <c r="DL16" s="244"/>
      <c r="DM16" s="71">
        <v>21</v>
      </c>
      <c r="DN16" s="71">
        <v>18</v>
      </c>
      <c r="DO16" s="71">
        <v>13</v>
      </c>
      <c r="DP16" s="71">
        <v>12</v>
      </c>
      <c r="DQ16" s="71">
        <v>10</v>
      </c>
      <c r="DR16" s="72">
        <v>74</v>
      </c>
      <c r="DS16" s="73">
        <v>144</v>
      </c>
      <c r="DT16" s="70">
        <v>80</v>
      </c>
      <c r="DU16" s="71">
        <v>76</v>
      </c>
      <c r="DV16" s="72">
        <v>156</v>
      </c>
      <c r="DW16" s="244"/>
      <c r="DX16" s="71">
        <v>52</v>
      </c>
      <c r="DY16" s="71">
        <v>52</v>
      </c>
      <c r="DZ16" s="71">
        <v>38</v>
      </c>
      <c r="EA16" s="71">
        <v>48</v>
      </c>
      <c r="EB16" s="71">
        <v>40</v>
      </c>
      <c r="EC16" s="72">
        <v>230</v>
      </c>
      <c r="ED16" s="73">
        <v>386</v>
      </c>
      <c r="EE16" s="86">
        <v>200</v>
      </c>
      <c r="EF16" s="71">
        <v>206</v>
      </c>
      <c r="EG16" s="72">
        <v>406</v>
      </c>
      <c r="EH16" s="244"/>
      <c r="EI16" s="71">
        <v>131</v>
      </c>
      <c r="EJ16" s="71">
        <v>107</v>
      </c>
      <c r="EK16" s="71">
        <v>95</v>
      </c>
      <c r="EL16" s="71">
        <v>80</v>
      </c>
      <c r="EM16" s="71">
        <v>67</v>
      </c>
      <c r="EN16" s="72">
        <v>480</v>
      </c>
      <c r="EO16" s="73">
        <v>886</v>
      </c>
      <c r="EP16" s="70">
        <v>369</v>
      </c>
      <c r="EQ16" s="71">
        <v>316</v>
      </c>
      <c r="ER16" s="72">
        <v>685</v>
      </c>
      <c r="ES16" s="244"/>
      <c r="ET16" s="71">
        <v>319</v>
      </c>
      <c r="EU16" s="71">
        <v>213</v>
      </c>
      <c r="EV16" s="71">
        <v>153</v>
      </c>
      <c r="EW16" s="71">
        <v>160</v>
      </c>
      <c r="EX16" s="71">
        <v>123</v>
      </c>
      <c r="EY16" s="72">
        <v>968</v>
      </c>
      <c r="EZ16" s="73">
        <v>1653</v>
      </c>
      <c r="FA16" s="86">
        <v>420</v>
      </c>
      <c r="FB16" s="71">
        <v>363</v>
      </c>
      <c r="FC16" s="72">
        <v>783</v>
      </c>
      <c r="FD16" s="244"/>
      <c r="FE16" s="71">
        <v>417</v>
      </c>
      <c r="FF16" s="71">
        <v>335</v>
      </c>
      <c r="FG16" s="71">
        <v>271</v>
      </c>
      <c r="FH16" s="71">
        <v>283</v>
      </c>
      <c r="FI16" s="71">
        <v>157</v>
      </c>
      <c r="FJ16" s="72">
        <v>1463</v>
      </c>
      <c r="FK16" s="73">
        <v>2246</v>
      </c>
      <c r="FL16" s="70">
        <v>241</v>
      </c>
      <c r="FM16" s="71">
        <v>288</v>
      </c>
      <c r="FN16" s="72">
        <v>529</v>
      </c>
      <c r="FO16" s="244"/>
      <c r="FP16" s="71">
        <v>446</v>
      </c>
      <c r="FQ16" s="71">
        <v>366</v>
      </c>
      <c r="FR16" s="71">
        <v>357</v>
      </c>
      <c r="FS16" s="71">
        <v>431</v>
      </c>
      <c r="FT16" s="71">
        <v>292</v>
      </c>
      <c r="FU16" s="72">
        <v>1892</v>
      </c>
      <c r="FV16" s="73">
        <v>2421</v>
      </c>
      <c r="FW16" s="70">
        <v>18</v>
      </c>
      <c r="FX16" s="71">
        <v>22</v>
      </c>
      <c r="FY16" s="72">
        <v>40</v>
      </c>
      <c r="FZ16" s="244"/>
      <c r="GA16" s="71">
        <v>19</v>
      </c>
      <c r="GB16" s="71">
        <v>15</v>
      </c>
      <c r="GC16" s="71">
        <v>13</v>
      </c>
      <c r="GD16" s="71">
        <v>19</v>
      </c>
      <c r="GE16" s="71">
        <v>8</v>
      </c>
      <c r="GF16" s="72">
        <v>74</v>
      </c>
      <c r="GG16" s="73">
        <v>114</v>
      </c>
      <c r="GH16" s="70">
        <v>1362</v>
      </c>
      <c r="GI16" s="71">
        <v>1307</v>
      </c>
      <c r="GJ16" s="72">
        <v>2669</v>
      </c>
      <c r="GK16" s="244"/>
      <c r="GL16" s="71">
        <v>1405</v>
      </c>
      <c r="GM16" s="71">
        <v>1106</v>
      </c>
      <c r="GN16" s="71">
        <v>940</v>
      </c>
      <c r="GO16" s="71">
        <v>1033</v>
      </c>
      <c r="GP16" s="71">
        <v>697</v>
      </c>
      <c r="GQ16" s="72">
        <v>5181</v>
      </c>
      <c r="GR16" s="73">
        <v>7850</v>
      </c>
      <c r="GS16" s="123">
        <v>2026</v>
      </c>
      <c r="GT16" s="82">
        <v>1888</v>
      </c>
      <c r="GU16" s="83">
        <v>3914</v>
      </c>
      <c r="GV16" s="241"/>
      <c r="GW16" s="82">
        <v>2061</v>
      </c>
      <c r="GX16" s="82">
        <v>1718</v>
      </c>
      <c r="GY16" s="82">
        <v>1384</v>
      </c>
      <c r="GZ16" s="82">
        <v>1451</v>
      </c>
      <c r="HA16" s="82">
        <v>898</v>
      </c>
      <c r="HB16" s="84">
        <v>7512</v>
      </c>
      <c r="HC16" s="85">
        <v>11426</v>
      </c>
      <c r="HD16" s="86">
        <v>57</v>
      </c>
      <c r="HE16" s="71">
        <v>65</v>
      </c>
      <c r="HF16" s="72">
        <v>122</v>
      </c>
      <c r="HG16" s="244"/>
      <c r="HH16" s="71">
        <v>37</v>
      </c>
      <c r="HI16" s="71">
        <v>50</v>
      </c>
      <c r="HJ16" s="71">
        <v>32</v>
      </c>
      <c r="HK16" s="71">
        <v>36</v>
      </c>
      <c r="HL16" s="71">
        <v>21</v>
      </c>
      <c r="HM16" s="72">
        <v>176</v>
      </c>
      <c r="HN16" s="73">
        <v>298</v>
      </c>
      <c r="HO16" s="70">
        <v>138</v>
      </c>
      <c r="HP16" s="71">
        <v>147</v>
      </c>
      <c r="HQ16" s="72">
        <v>285</v>
      </c>
      <c r="HR16" s="244"/>
      <c r="HS16" s="71">
        <v>107</v>
      </c>
      <c r="HT16" s="71">
        <v>103</v>
      </c>
      <c r="HU16" s="71">
        <v>76</v>
      </c>
      <c r="HV16" s="71">
        <v>80</v>
      </c>
      <c r="HW16" s="71">
        <v>61</v>
      </c>
      <c r="HX16" s="72">
        <v>427</v>
      </c>
      <c r="HY16" s="73">
        <v>712</v>
      </c>
      <c r="HZ16" s="86">
        <v>289</v>
      </c>
      <c r="IA16" s="71">
        <v>307</v>
      </c>
      <c r="IB16" s="72">
        <v>596</v>
      </c>
      <c r="IC16" s="244"/>
      <c r="ID16" s="71">
        <v>214</v>
      </c>
      <c r="IE16" s="71">
        <v>201</v>
      </c>
      <c r="IF16" s="71">
        <v>173</v>
      </c>
      <c r="IG16" s="71">
        <v>136</v>
      </c>
      <c r="IH16" s="71">
        <v>113</v>
      </c>
      <c r="II16" s="72">
        <v>837</v>
      </c>
      <c r="IJ16" s="73">
        <v>1433</v>
      </c>
      <c r="IK16" s="70">
        <v>541</v>
      </c>
      <c r="IL16" s="71">
        <v>455</v>
      </c>
      <c r="IM16" s="72">
        <v>996</v>
      </c>
      <c r="IN16" s="244"/>
      <c r="IO16" s="71">
        <v>486</v>
      </c>
      <c r="IP16" s="71">
        <v>372</v>
      </c>
      <c r="IQ16" s="71">
        <v>257</v>
      </c>
      <c r="IR16" s="71">
        <v>254</v>
      </c>
      <c r="IS16" s="71">
        <v>176</v>
      </c>
      <c r="IT16" s="72">
        <v>1545</v>
      </c>
      <c r="IU16" s="73">
        <v>2541</v>
      </c>
      <c r="IV16" s="86">
        <v>619</v>
      </c>
      <c r="IW16" s="71">
        <v>509</v>
      </c>
      <c r="IX16" s="72">
        <v>1128</v>
      </c>
      <c r="IY16" s="244"/>
      <c r="IZ16" s="71">
        <v>619</v>
      </c>
      <c r="JA16" s="71">
        <v>494</v>
      </c>
      <c r="JB16" s="71">
        <v>401</v>
      </c>
      <c r="JC16" s="71">
        <v>411</v>
      </c>
      <c r="JD16" s="71">
        <v>205</v>
      </c>
      <c r="JE16" s="72">
        <v>2130</v>
      </c>
      <c r="JF16" s="73">
        <v>3258</v>
      </c>
      <c r="JG16" s="70">
        <v>382</v>
      </c>
      <c r="JH16" s="71">
        <v>405</v>
      </c>
      <c r="JI16" s="72">
        <v>787</v>
      </c>
      <c r="JJ16" s="244"/>
      <c r="JK16" s="71">
        <v>598</v>
      </c>
      <c r="JL16" s="71">
        <v>498</v>
      </c>
      <c r="JM16" s="71">
        <v>445</v>
      </c>
      <c r="JN16" s="71">
        <v>534</v>
      </c>
      <c r="JO16" s="71">
        <v>322</v>
      </c>
      <c r="JP16" s="72">
        <v>2397</v>
      </c>
      <c r="JQ16" s="73">
        <v>3184</v>
      </c>
      <c r="JR16" s="70">
        <v>36</v>
      </c>
      <c r="JS16" s="71">
        <v>49</v>
      </c>
      <c r="JT16" s="72">
        <v>85</v>
      </c>
      <c r="JU16" s="244"/>
      <c r="JV16" s="71">
        <v>32</v>
      </c>
      <c r="JW16" s="71">
        <v>34</v>
      </c>
      <c r="JX16" s="71">
        <v>30</v>
      </c>
      <c r="JY16" s="71">
        <v>32</v>
      </c>
      <c r="JZ16" s="71">
        <v>20</v>
      </c>
      <c r="KA16" s="72">
        <v>148</v>
      </c>
      <c r="KB16" s="73">
        <v>233</v>
      </c>
      <c r="KC16" s="70">
        <v>2062</v>
      </c>
      <c r="KD16" s="71">
        <v>1937</v>
      </c>
      <c r="KE16" s="72">
        <v>3999</v>
      </c>
      <c r="KF16" s="244"/>
      <c r="KG16" s="71">
        <v>2093</v>
      </c>
      <c r="KH16" s="71">
        <v>1752</v>
      </c>
      <c r="KI16" s="71">
        <v>1414</v>
      </c>
      <c r="KJ16" s="71">
        <v>1483</v>
      </c>
      <c r="KK16" s="71">
        <v>918</v>
      </c>
      <c r="KL16" s="72">
        <v>7660</v>
      </c>
      <c r="KM16" s="73">
        <v>11659</v>
      </c>
    </row>
    <row r="17" spans="2:299" ht="21" customHeight="1" x14ac:dyDescent="0.2">
      <c r="B17" s="126" t="s">
        <v>13</v>
      </c>
      <c r="C17" s="315">
        <v>157</v>
      </c>
      <c r="D17" s="82">
        <v>183</v>
      </c>
      <c r="E17" s="83">
        <v>340</v>
      </c>
      <c r="F17" s="241"/>
      <c r="G17" s="82">
        <v>312</v>
      </c>
      <c r="H17" s="82">
        <v>252</v>
      </c>
      <c r="I17" s="82">
        <v>173</v>
      </c>
      <c r="J17" s="82">
        <v>157</v>
      </c>
      <c r="K17" s="82">
        <v>98</v>
      </c>
      <c r="L17" s="84">
        <v>992</v>
      </c>
      <c r="M17" s="85">
        <v>1332</v>
      </c>
      <c r="N17" s="70">
        <v>4</v>
      </c>
      <c r="O17" s="71">
        <v>3</v>
      </c>
      <c r="P17" s="72">
        <v>7</v>
      </c>
      <c r="Q17" s="244"/>
      <c r="R17" s="71">
        <v>17</v>
      </c>
      <c r="S17" s="71">
        <v>5</v>
      </c>
      <c r="T17" s="71">
        <v>7</v>
      </c>
      <c r="U17" s="71">
        <v>8</v>
      </c>
      <c r="V17" s="71">
        <v>4</v>
      </c>
      <c r="W17" s="72">
        <v>41</v>
      </c>
      <c r="X17" s="73">
        <v>48</v>
      </c>
      <c r="Y17" s="70">
        <v>10</v>
      </c>
      <c r="Z17" s="71">
        <v>11</v>
      </c>
      <c r="AA17" s="72">
        <v>21</v>
      </c>
      <c r="AB17" s="244"/>
      <c r="AC17" s="71">
        <v>24</v>
      </c>
      <c r="AD17" s="71">
        <v>18</v>
      </c>
      <c r="AE17" s="71">
        <v>10</v>
      </c>
      <c r="AF17" s="71">
        <v>14</v>
      </c>
      <c r="AG17" s="71">
        <v>13</v>
      </c>
      <c r="AH17" s="72">
        <v>79</v>
      </c>
      <c r="AI17" s="73">
        <v>100</v>
      </c>
      <c r="AJ17" s="70">
        <v>18</v>
      </c>
      <c r="AK17" s="71">
        <v>19</v>
      </c>
      <c r="AL17" s="72">
        <v>37</v>
      </c>
      <c r="AM17" s="244"/>
      <c r="AN17" s="71">
        <v>39</v>
      </c>
      <c r="AO17" s="71">
        <v>34</v>
      </c>
      <c r="AP17" s="71">
        <v>21</v>
      </c>
      <c r="AQ17" s="71">
        <v>16</v>
      </c>
      <c r="AR17" s="71">
        <v>8</v>
      </c>
      <c r="AS17" s="72">
        <v>118</v>
      </c>
      <c r="AT17" s="73">
        <v>155</v>
      </c>
      <c r="AU17" s="70">
        <v>34</v>
      </c>
      <c r="AV17" s="71">
        <v>60</v>
      </c>
      <c r="AW17" s="72">
        <v>94</v>
      </c>
      <c r="AX17" s="244"/>
      <c r="AY17" s="71">
        <v>69</v>
      </c>
      <c r="AZ17" s="71">
        <v>42</v>
      </c>
      <c r="BA17" s="71">
        <v>39</v>
      </c>
      <c r="BB17" s="71">
        <v>33</v>
      </c>
      <c r="BC17" s="71">
        <v>28</v>
      </c>
      <c r="BD17" s="72">
        <v>211</v>
      </c>
      <c r="BE17" s="73">
        <v>305</v>
      </c>
      <c r="BF17" s="70">
        <v>51</v>
      </c>
      <c r="BG17" s="71">
        <v>57</v>
      </c>
      <c r="BH17" s="72">
        <v>108</v>
      </c>
      <c r="BI17" s="244"/>
      <c r="BJ17" s="71">
        <v>92</v>
      </c>
      <c r="BK17" s="71">
        <v>77</v>
      </c>
      <c r="BL17" s="71">
        <v>55</v>
      </c>
      <c r="BM17" s="71">
        <v>48</v>
      </c>
      <c r="BN17" s="71">
        <v>24</v>
      </c>
      <c r="BO17" s="72">
        <v>296</v>
      </c>
      <c r="BP17" s="73">
        <v>404</v>
      </c>
      <c r="BQ17" s="70">
        <v>40</v>
      </c>
      <c r="BR17" s="71">
        <v>33</v>
      </c>
      <c r="BS17" s="72">
        <v>73</v>
      </c>
      <c r="BT17" s="244"/>
      <c r="BU17" s="71">
        <v>71</v>
      </c>
      <c r="BV17" s="71">
        <v>76</v>
      </c>
      <c r="BW17" s="71">
        <v>41</v>
      </c>
      <c r="BX17" s="71">
        <v>38</v>
      </c>
      <c r="BY17" s="71">
        <v>21</v>
      </c>
      <c r="BZ17" s="72">
        <v>247</v>
      </c>
      <c r="CA17" s="73">
        <v>320</v>
      </c>
      <c r="CB17" s="70">
        <v>3</v>
      </c>
      <c r="CC17" s="71">
        <v>5</v>
      </c>
      <c r="CD17" s="72">
        <v>8</v>
      </c>
      <c r="CE17" s="244"/>
      <c r="CF17" s="71">
        <v>7</v>
      </c>
      <c r="CG17" s="71">
        <v>6</v>
      </c>
      <c r="CH17" s="71">
        <v>7</v>
      </c>
      <c r="CI17" s="71">
        <v>4</v>
      </c>
      <c r="CJ17" s="71">
        <v>7</v>
      </c>
      <c r="CK17" s="72">
        <v>31</v>
      </c>
      <c r="CL17" s="73">
        <v>39</v>
      </c>
      <c r="CM17" s="70">
        <v>160</v>
      </c>
      <c r="CN17" s="71">
        <v>188</v>
      </c>
      <c r="CO17" s="72">
        <v>348</v>
      </c>
      <c r="CP17" s="244"/>
      <c r="CQ17" s="71">
        <v>319</v>
      </c>
      <c r="CR17" s="71">
        <v>258</v>
      </c>
      <c r="CS17" s="71">
        <v>180</v>
      </c>
      <c r="CT17" s="71">
        <v>161</v>
      </c>
      <c r="CU17" s="71">
        <v>105</v>
      </c>
      <c r="CV17" s="72">
        <v>1023</v>
      </c>
      <c r="CW17" s="73">
        <v>1371</v>
      </c>
      <c r="CX17" s="123">
        <v>365</v>
      </c>
      <c r="CY17" s="82">
        <v>418</v>
      </c>
      <c r="CZ17" s="83">
        <v>783</v>
      </c>
      <c r="DA17" s="241"/>
      <c r="DB17" s="82">
        <v>593</v>
      </c>
      <c r="DC17" s="82">
        <v>469</v>
      </c>
      <c r="DD17" s="82">
        <v>357</v>
      </c>
      <c r="DE17" s="82">
        <v>380</v>
      </c>
      <c r="DF17" s="82">
        <v>283</v>
      </c>
      <c r="DG17" s="84">
        <v>2082</v>
      </c>
      <c r="DH17" s="85">
        <v>2865</v>
      </c>
      <c r="DI17" s="70">
        <v>5</v>
      </c>
      <c r="DJ17" s="71">
        <v>8</v>
      </c>
      <c r="DK17" s="72">
        <v>13</v>
      </c>
      <c r="DL17" s="244"/>
      <c r="DM17" s="71">
        <v>7</v>
      </c>
      <c r="DN17" s="71">
        <v>8</v>
      </c>
      <c r="DO17" s="71">
        <v>4</v>
      </c>
      <c r="DP17" s="71">
        <v>5</v>
      </c>
      <c r="DQ17" s="71">
        <v>3</v>
      </c>
      <c r="DR17" s="72">
        <v>27</v>
      </c>
      <c r="DS17" s="73">
        <v>40</v>
      </c>
      <c r="DT17" s="70">
        <v>16</v>
      </c>
      <c r="DU17" s="71">
        <v>26</v>
      </c>
      <c r="DV17" s="72">
        <v>42</v>
      </c>
      <c r="DW17" s="244"/>
      <c r="DX17" s="71">
        <v>27</v>
      </c>
      <c r="DY17" s="71">
        <v>20</v>
      </c>
      <c r="DZ17" s="71">
        <v>13</v>
      </c>
      <c r="EA17" s="71">
        <v>9</v>
      </c>
      <c r="EB17" s="71">
        <v>11</v>
      </c>
      <c r="EC17" s="72">
        <v>80</v>
      </c>
      <c r="ED17" s="73">
        <v>122</v>
      </c>
      <c r="EE17" s="70">
        <v>34</v>
      </c>
      <c r="EF17" s="71">
        <v>38</v>
      </c>
      <c r="EG17" s="72">
        <v>72</v>
      </c>
      <c r="EH17" s="244"/>
      <c r="EI17" s="71">
        <v>76</v>
      </c>
      <c r="EJ17" s="71">
        <v>41</v>
      </c>
      <c r="EK17" s="71">
        <v>28</v>
      </c>
      <c r="EL17" s="71">
        <v>23</v>
      </c>
      <c r="EM17" s="71">
        <v>28</v>
      </c>
      <c r="EN17" s="72">
        <v>196</v>
      </c>
      <c r="EO17" s="73">
        <v>268</v>
      </c>
      <c r="EP17" s="70">
        <v>110</v>
      </c>
      <c r="EQ17" s="71">
        <v>112</v>
      </c>
      <c r="ER17" s="72">
        <v>222</v>
      </c>
      <c r="ES17" s="244"/>
      <c r="ET17" s="71">
        <v>137</v>
      </c>
      <c r="EU17" s="71">
        <v>78</v>
      </c>
      <c r="EV17" s="71">
        <v>53</v>
      </c>
      <c r="EW17" s="71">
        <v>57</v>
      </c>
      <c r="EX17" s="71">
        <v>48</v>
      </c>
      <c r="EY17" s="72">
        <v>373</v>
      </c>
      <c r="EZ17" s="73">
        <v>595</v>
      </c>
      <c r="FA17" s="70">
        <v>120</v>
      </c>
      <c r="FB17" s="71">
        <v>129</v>
      </c>
      <c r="FC17" s="72">
        <v>249</v>
      </c>
      <c r="FD17" s="244"/>
      <c r="FE17" s="71">
        <v>187</v>
      </c>
      <c r="FF17" s="71">
        <v>142</v>
      </c>
      <c r="FG17" s="71">
        <v>94</v>
      </c>
      <c r="FH17" s="71">
        <v>100</v>
      </c>
      <c r="FI17" s="71">
        <v>73</v>
      </c>
      <c r="FJ17" s="72">
        <v>596</v>
      </c>
      <c r="FK17" s="73">
        <v>845</v>
      </c>
      <c r="FL17" s="70">
        <v>80</v>
      </c>
      <c r="FM17" s="71">
        <v>105</v>
      </c>
      <c r="FN17" s="72">
        <v>185</v>
      </c>
      <c r="FO17" s="244"/>
      <c r="FP17" s="71">
        <v>159</v>
      </c>
      <c r="FQ17" s="71">
        <v>180</v>
      </c>
      <c r="FR17" s="71">
        <v>165</v>
      </c>
      <c r="FS17" s="71">
        <v>186</v>
      </c>
      <c r="FT17" s="71">
        <v>120</v>
      </c>
      <c r="FU17" s="72">
        <v>810</v>
      </c>
      <c r="FV17" s="73">
        <v>995</v>
      </c>
      <c r="FW17" s="70">
        <v>1</v>
      </c>
      <c r="FX17" s="71">
        <v>2</v>
      </c>
      <c r="FY17" s="72">
        <v>3</v>
      </c>
      <c r="FZ17" s="244"/>
      <c r="GA17" s="71">
        <v>6</v>
      </c>
      <c r="GB17" s="71">
        <v>6</v>
      </c>
      <c r="GC17" s="71">
        <v>6</v>
      </c>
      <c r="GD17" s="71">
        <v>4</v>
      </c>
      <c r="GE17" s="71">
        <v>4</v>
      </c>
      <c r="GF17" s="72">
        <v>26</v>
      </c>
      <c r="GG17" s="73">
        <v>29</v>
      </c>
      <c r="GH17" s="70">
        <v>366</v>
      </c>
      <c r="GI17" s="71">
        <v>420</v>
      </c>
      <c r="GJ17" s="72">
        <v>786</v>
      </c>
      <c r="GK17" s="244"/>
      <c r="GL17" s="71">
        <v>599</v>
      </c>
      <c r="GM17" s="71">
        <v>475</v>
      </c>
      <c r="GN17" s="71">
        <v>363</v>
      </c>
      <c r="GO17" s="71">
        <v>384</v>
      </c>
      <c r="GP17" s="71">
        <v>287</v>
      </c>
      <c r="GQ17" s="72">
        <v>2108</v>
      </c>
      <c r="GR17" s="73">
        <v>2894</v>
      </c>
      <c r="GS17" s="123">
        <v>522</v>
      </c>
      <c r="GT17" s="82">
        <v>601</v>
      </c>
      <c r="GU17" s="83">
        <v>1123</v>
      </c>
      <c r="GV17" s="241"/>
      <c r="GW17" s="82">
        <v>905</v>
      </c>
      <c r="GX17" s="82">
        <v>721</v>
      </c>
      <c r="GY17" s="82">
        <v>530</v>
      </c>
      <c r="GZ17" s="82">
        <v>537</v>
      </c>
      <c r="HA17" s="82">
        <v>381</v>
      </c>
      <c r="HB17" s="84">
        <v>3074</v>
      </c>
      <c r="HC17" s="85">
        <v>4197</v>
      </c>
      <c r="HD17" s="70">
        <v>9</v>
      </c>
      <c r="HE17" s="71">
        <v>11</v>
      </c>
      <c r="HF17" s="72">
        <v>20</v>
      </c>
      <c r="HG17" s="244"/>
      <c r="HH17" s="71">
        <v>24</v>
      </c>
      <c r="HI17" s="71">
        <v>13</v>
      </c>
      <c r="HJ17" s="71">
        <v>11</v>
      </c>
      <c r="HK17" s="71">
        <v>13</v>
      </c>
      <c r="HL17" s="71">
        <v>7</v>
      </c>
      <c r="HM17" s="72">
        <v>68</v>
      </c>
      <c r="HN17" s="73">
        <v>88</v>
      </c>
      <c r="HO17" s="70">
        <v>26</v>
      </c>
      <c r="HP17" s="71">
        <v>37</v>
      </c>
      <c r="HQ17" s="72">
        <v>63</v>
      </c>
      <c r="HR17" s="244"/>
      <c r="HS17" s="71">
        <v>51</v>
      </c>
      <c r="HT17" s="71">
        <v>38</v>
      </c>
      <c r="HU17" s="71">
        <v>23</v>
      </c>
      <c r="HV17" s="71">
        <v>23</v>
      </c>
      <c r="HW17" s="71">
        <v>24</v>
      </c>
      <c r="HX17" s="72">
        <v>159</v>
      </c>
      <c r="HY17" s="73">
        <v>222</v>
      </c>
      <c r="HZ17" s="70">
        <v>52</v>
      </c>
      <c r="IA17" s="71">
        <v>57</v>
      </c>
      <c r="IB17" s="72">
        <v>109</v>
      </c>
      <c r="IC17" s="244"/>
      <c r="ID17" s="71">
        <v>115</v>
      </c>
      <c r="IE17" s="71">
        <v>75</v>
      </c>
      <c r="IF17" s="71">
        <v>49</v>
      </c>
      <c r="IG17" s="71">
        <v>39</v>
      </c>
      <c r="IH17" s="71">
        <v>36</v>
      </c>
      <c r="II17" s="72">
        <v>314</v>
      </c>
      <c r="IJ17" s="73">
        <v>423</v>
      </c>
      <c r="IK17" s="70">
        <v>144</v>
      </c>
      <c r="IL17" s="71">
        <v>172</v>
      </c>
      <c r="IM17" s="72">
        <v>316</v>
      </c>
      <c r="IN17" s="244"/>
      <c r="IO17" s="71">
        <v>206</v>
      </c>
      <c r="IP17" s="71">
        <v>120</v>
      </c>
      <c r="IQ17" s="71">
        <v>92</v>
      </c>
      <c r="IR17" s="71">
        <v>90</v>
      </c>
      <c r="IS17" s="71">
        <v>76</v>
      </c>
      <c r="IT17" s="72">
        <v>584</v>
      </c>
      <c r="IU17" s="73">
        <v>900</v>
      </c>
      <c r="IV17" s="70">
        <v>171</v>
      </c>
      <c r="IW17" s="71">
        <v>186</v>
      </c>
      <c r="IX17" s="72">
        <v>357</v>
      </c>
      <c r="IY17" s="244"/>
      <c r="IZ17" s="71">
        <v>279</v>
      </c>
      <c r="JA17" s="71">
        <v>219</v>
      </c>
      <c r="JB17" s="71">
        <v>149</v>
      </c>
      <c r="JC17" s="71">
        <v>148</v>
      </c>
      <c r="JD17" s="71">
        <v>97</v>
      </c>
      <c r="JE17" s="72">
        <v>892</v>
      </c>
      <c r="JF17" s="73">
        <v>1249</v>
      </c>
      <c r="JG17" s="70">
        <v>120</v>
      </c>
      <c r="JH17" s="71">
        <v>138</v>
      </c>
      <c r="JI17" s="72">
        <v>258</v>
      </c>
      <c r="JJ17" s="244"/>
      <c r="JK17" s="71">
        <v>230</v>
      </c>
      <c r="JL17" s="71">
        <v>256</v>
      </c>
      <c r="JM17" s="71">
        <v>206</v>
      </c>
      <c r="JN17" s="71">
        <v>224</v>
      </c>
      <c r="JO17" s="71">
        <v>141</v>
      </c>
      <c r="JP17" s="72">
        <v>1057</v>
      </c>
      <c r="JQ17" s="73">
        <v>1315</v>
      </c>
      <c r="JR17" s="70">
        <v>4</v>
      </c>
      <c r="JS17" s="71">
        <v>7</v>
      </c>
      <c r="JT17" s="72">
        <v>11</v>
      </c>
      <c r="JU17" s="244"/>
      <c r="JV17" s="71">
        <v>13</v>
      </c>
      <c r="JW17" s="71">
        <v>12</v>
      </c>
      <c r="JX17" s="71">
        <v>13</v>
      </c>
      <c r="JY17" s="71">
        <v>8</v>
      </c>
      <c r="JZ17" s="71">
        <v>11</v>
      </c>
      <c r="KA17" s="72">
        <v>57</v>
      </c>
      <c r="KB17" s="73">
        <v>68</v>
      </c>
      <c r="KC17" s="70">
        <v>526</v>
      </c>
      <c r="KD17" s="71">
        <v>608</v>
      </c>
      <c r="KE17" s="72">
        <v>1134</v>
      </c>
      <c r="KF17" s="244"/>
      <c r="KG17" s="71">
        <v>918</v>
      </c>
      <c r="KH17" s="71">
        <v>733</v>
      </c>
      <c r="KI17" s="71">
        <v>543</v>
      </c>
      <c r="KJ17" s="71">
        <v>545</v>
      </c>
      <c r="KK17" s="71">
        <v>392</v>
      </c>
      <c r="KL17" s="72">
        <v>3131</v>
      </c>
      <c r="KM17" s="73">
        <v>4265</v>
      </c>
    </row>
    <row r="18" spans="2:299" ht="21" customHeight="1" x14ac:dyDescent="0.2">
      <c r="B18" s="126" t="s">
        <v>15</v>
      </c>
      <c r="C18" s="315">
        <v>113</v>
      </c>
      <c r="D18" s="82">
        <v>138</v>
      </c>
      <c r="E18" s="83">
        <v>251</v>
      </c>
      <c r="F18" s="241"/>
      <c r="G18" s="82">
        <v>252</v>
      </c>
      <c r="H18" s="82">
        <v>225</v>
      </c>
      <c r="I18" s="82">
        <v>155</v>
      </c>
      <c r="J18" s="82">
        <v>126</v>
      </c>
      <c r="K18" s="82">
        <v>75</v>
      </c>
      <c r="L18" s="84">
        <v>833</v>
      </c>
      <c r="M18" s="85">
        <v>1084</v>
      </c>
      <c r="N18" s="70">
        <v>4</v>
      </c>
      <c r="O18" s="71">
        <v>3</v>
      </c>
      <c r="P18" s="72">
        <v>7</v>
      </c>
      <c r="Q18" s="244"/>
      <c r="R18" s="71">
        <v>15</v>
      </c>
      <c r="S18" s="71">
        <v>12</v>
      </c>
      <c r="T18" s="71">
        <v>9</v>
      </c>
      <c r="U18" s="71">
        <v>7</v>
      </c>
      <c r="V18" s="71">
        <v>6</v>
      </c>
      <c r="W18" s="72">
        <v>49</v>
      </c>
      <c r="X18" s="73">
        <v>56</v>
      </c>
      <c r="Y18" s="70">
        <v>9</v>
      </c>
      <c r="Z18" s="71">
        <v>10</v>
      </c>
      <c r="AA18" s="72">
        <v>19</v>
      </c>
      <c r="AB18" s="244"/>
      <c r="AC18" s="71">
        <v>29</v>
      </c>
      <c r="AD18" s="71">
        <v>29</v>
      </c>
      <c r="AE18" s="71">
        <v>20</v>
      </c>
      <c r="AF18" s="71">
        <v>16</v>
      </c>
      <c r="AG18" s="71">
        <v>7</v>
      </c>
      <c r="AH18" s="72">
        <v>101</v>
      </c>
      <c r="AI18" s="73">
        <v>120</v>
      </c>
      <c r="AJ18" s="70">
        <v>21</v>
      </c>
      <c r="AK18" s="71">
        <v>25</v>
      </c>
      <c r="AL18" s="72">
        <v>46</v>
      </c>
      <c r="AM18" s="244"/>
      <c r="AN18" s="71">
        <v>47</v>
      </c>
      <c r="AO18" s="71">
        <v>45</v>
      </c>
      <c r="AP18" s="71">
        <v>18</v>
      </c>
      <c r="AQ18" s="71">
        <v>21</v>
      </c>
      <c r="AR18" s="71">
        <v>16</v>
      </c>
      <c r="AS18" s="72">
        <v>147</v>
      </c>
      <c r="AT18" s="73">
        <v>193</v>
      </c>
      <c r="AU18" s="70">
        <v>30</v>
      </c>
      <c r="AV18" s="71">
        <v>33</v>
      </c>
      <c r="AW18" s="72">
        <v>63</v>
      </c>
      <c r="AX18" s="244"/>
      <c r="AY18" s="71">
        <v>61</v>
      </c>
      <c r="AZ18" s="71">
        <v>49</v>
      </c>
      <c r="BA18" s="71">
        <v>37</v>
      </c>
      <c r="BB18" s="71">
        <v>23</v>
      </c>
      <c r="BC18" s="71">
        <v>22</v>
      </c>
      <c r="BD18" s="72">
        <v>192</v>
      </c>
      <c r="BE18" s="73">
        <v>255</v>
      </c>
      <c r="BF18" s="70">
        <v>32</v>
      </c>
      <c r="BG18" s="71">
        <v>40</v>
      </c>
      <c r="BH18" s="72">
        <v>72</v>
      </c>
      <c r="BI18" s="244"/>
      <c r="BJ18" s="71">
        <v>56</v>
      </c>
      <c r="BK18" s="71">
        <v>50</v>
      </c>
      <c r="BL18" s="71">
        <v>36</v>
      </c>
      <c r="BM18" s="71">
        <v>32</v>
      </c>
      <c r="BN18" s="71">
        <v>16</v>
      </c>
      <c r="BO18" s="72">
        <v>190</v>
      </c>
      <c r="BP18" s="73">
        <v>262</v>
      </c>
      <c r="BQ18" s="70">
        <v>17</v>
      </c>
      <c r="BR18" s="71">
        <v>27</v>
      </c>
      <c r="BS18" s="72">
        <v>44</v>
      </c>
      <c r="BT18" s="244"/>
      <c r="BU18" s="71">
        <v>44</v>
      </c>
      <c r="BV18" s="71">
        <v>40</v>
      </c>
      <c r="BW18" s="71">
        <v>35</v>
      </c>
      <c r="BX18" s="71">
        <v>27</v>
      </c>
      <c r="BY18" s="71">
        <v>8</v>
      </c>
      <c r="BZ18" s="72">
        <v>154</v>
      </c>
      <c r="CA18" s="73">
        <v>198</v>
      </c>
      <c r="CB18" s="70">
        <v>1</v>
      </c>
      <c r="CC18" s="71">
        <v>4</v>
      </c>
      <c r="CD18" s="72">
        <v>5</v>
      </c>
      <c r="CE18" s="244"/>
      <c r="CF18" s="71">
        <v>9</v>
      </c>
      <c r="CG18" s="71">
        <v>6</v>
      </c>
      <c r="CH18" s="71">
        <v>2</v>
      </c>
      <c r="CI18" s="71">
        <v>3</v>
      </c>
      <c r="CJ18" s="71">
        <v>5</v>
      </c>
      <c r="CK18" s="72">
        <v>25</v>
      </c>
      <c r="CL18" s="73">
        <v>30</v>
      </c>
      <c r="CM18" s="70">
        <v>114</v>
      </c>
      <c r="CN18" s="71">
        <v>142</v>
      </c>
      <c r="CO18" s="72">
        <v>256</v>
      </c>
      <c r="CP18" s="244"/>
      <c r="CQ18" s="71">
        <v>261</v>
      </c>
      <c r="CR18" s="71">
        <v>231</v>
      </c>
      <c r="CS18" s="71">
        <v>157</v>
      </c>
      <c r="CT18" s="71">
        <v>129</v>
      </c>
      <c r="CU18" s="71">
        <v>80</v>
      </c>
      <c r="CV18" s="72">
        <v>858</v>
      </c>
      <c r="CW18" s="73">
        <v>1114</v>
      </c>
      <c r="CX18" s="123">
        <v>232</v>
      </c>
      <c r="CY18" s="82">
        <v>357</v>
      </c>
      <c r="CZ18" s="83">
        <v>589</v>
      </c>
      <c r="DA18" s="241"/>
      <c r="DB18" s="82">
        <v>435</v>
      </c>
      <c r="DC18" s="82">
        <v>441</v>
      </c>
      <c r="DD18" s="82">
        <v>329</v>
      </c>
      <c r="DE18" s="82">
        <v>306</v>
      </c>
      <c r="DF18" s="82">
        <v>181</v>
      </c>
      <c r="DG18" s="84">
        <v>1692</v>
      </c>
      <c r="DH18" s="85">
        <v>2281</v>
      </c>
      <c r="DI18" s="70">
        <v>4</v>
      </c>
      <c r="DJ18" s="71">
        <v>4</v>
      </c>
      <c r="DK18" s="72">
        <v>8</v>
      </c>
      <c r="DL18" s="244"/>
      <c r="DM18" s="71">
        <v>9</v>
      </c>
      <c r="DN18" s="71">
        <v>9</v>
      </c>
      <c r="DO18" s="71">
        <v>2</v>
      </c>
      <c r="DP18" s="71">
        <v>3</v>
      </c>
      <c r="DQ18" s="71">
        <v>4</v>
      </c>
      <c r="DR18" s="72">
        <v>27</v>
      </c>
      <c r="DS18" s="73">
        <v>35</v>
      </c>
      <c r="DT18" s="70">
        <v>11</v>
      </c>
      <c r="DU18" s="71">
        <v>20</v>
      </c>
      <c r="DV18" s="72">
        <v>31</v>
      </c>
      <c r="DW18" s="244"/>
      <c r="DX18" s="71">
        <v>37</v>
      </c>
      <c r="DY18" s="71">
        <v>34</v>
      </c>
      <c r="DZ18" s="71">
        <v>21</v>
      </c>
      <c r="EA18" s="71">
        <v>8</v>
      </c>
      <c r="EB18" s="71">
        <v>5</v>
      </c>
      <c r="EC18" s="72">
        <v>105</v>
      </c>
      <c r="ED18" s="73">
        <v>136</v>
      </c>
      <c r="EE18" s="70">
        <v>47</v>
      </c>
      <c r="EF18" s="71">
        <v>58</v>
      </c>
      <c r="EG18" s="72">
        <v>105</v>
      </c>
      <c r="EH18" s="244"/>
      <c r="EI18" s="71">
        <v>57</v>
      </c>
      <c r="EJ18" s="71">
        <v>51</v>
      </c>
      <c r="EK18" s="71">
        <v>28</v>
      </c>
      <c r="EL18" s="71">
        <v>18</v>
      </c>
      <c r="EM18" s="71">
        <v>20</v>
      </c>
      <c r="EN18" s="72">
        <v>174</v>
      </c>
      <c r="EO18" s="73">
        <v>279</v>
      </c>
      <c r="EP18" s="70">
        <v>75</v>
      </c>
      <c r="EQ18" s="71">
        <v>99</v>
      </c>
      <c r="ER18" s="72">
        <v>174</v>
      </c>
      <c r="ES18" s="244"/>
      <c r="ET18" s="71">
        <v>109</v>
      </c>
      <c r="EU18" s="71">
        <v>86</v>
      </c>
      <c r="EV18" s="71">
        <v>55</v>
      </c>
      <c r="EW18" s="71">
        <v>42</v>
      </c>
      <c r="EX18" s="71">
        <v>32</v>
      </c>
      <c r="EY18" s="72">
        <v>324</v>
      </c>
      <c r="EZ18" s="73">
        <v>498</v>
      </c>
      <c r="FA18" s="70">
        <v>63</v>
      </c>
      <c r="FB18" s="71">
        <v>113</v>
      </c>
      <c r="FC18" s="72">
        <v>176</v>
      </c>
      <c r="FD18" s="244"/>
      <c r="FE18" s="71">
        <v>120</v>
      </c>
      <c r="FF18" s="71">
        <v>118</v>
      </c>
      <c r="FG18" s="71">
        <v>83</v>
      </c>
      <c r="FH18" s="71">
        <v>90</v>
      </c>
      <c r="FI18" s="71">
        <v>44</v>
      </c>
      <c r="FJ18" s="72">
        <v>455</v>
      </c>
      <c r="FK18" s="73">
        <v>631</v>
      </c>
      <c r="FL18" s="70">
        <v>32</v>
      </c>
      <c r="FM18" s="71">
        <v>63</v>
      </c>
      <c r="FN18" s="72">
        <v>95</v>
      </c>
      <c r="FO18" s="244"/>
      <c r="FP18" s="71">
        <v>103</v>
      </c>
      <c r="FQ18" s="71">
        <v>143</v>
      </c>
      <c r="FR18" s="71">
        <v>140</v>
      </c>
      <c r="FS18" s="71">
        <v>145</v>
      </c>
      <c r="FT18" s="71">
        <v>76</v>
      </c>
      <c r="FU18" s="72">
        <v>607</v>
      </c>
      <c r="FV18" s="73">
        <v>702</v>
      </c>
      <c r="FW18" s="70">
        <v>1</v>
      </c>
      <c r="FX18" s="71">
        <v>5</v>
      </c>
      <c r="FY18" s="72">
        <v>6</v>
      </c>
      <c r="FZ18" s="244"/>
      <c r="GA18" s="71">
        <v>3</v>
      </c>
      <c r="GB18" s="71">
        <v>7</v>
      </c>
      <c r="GC18" s="71">
        <v>0</v>
      </c>
      <c r="GD18" s="71">
        <v>1</v>
      </c>
      <c r="GE18" s="71">
        <v>7</v>
      </c>
      <c r="GF18" s="72">
        <v>18</v>
      </c>
      <c r="GG18" s="73">
        <v>24</v>
      </c>
      <c r="GH18" s="70">
        <v>233</v>
      </c>
      <c r="GI18" s="71">
        <v>362</v>
      </c>
      <c r="GJ18" s="72">
        <v>595</v>
      </c>
      <c r="GK18" s="244"/>
      <c r="GL18" s="71">
        <v>438</v>
      </c>
      <c r="GM18" s="71">
        <v>448</v>
      </c>
      <c r="GN18" s="71">
        <v>329</v>
      </c>
      <c r="GO18" s="71">
        <v>307</v>
      </c>
      <c r="GP18" s="71">
        <v>188</v>
      </c>
      <c r="GQ18" s="72">
        <v>1710</v>
      </c>
      <c r="GR18" s="73">
        <v>2305</v>
      </c>
      <c r="GS18" s="123">
        <v>345</v>
      </c>
      <c r="GT18" s="82">
        <v>495</v>
      </c>
      <c r="GU18" s="83">
        <v>840</v>
      </c>
      <c r="GV18" s="241"/>
      <c r="GW18" s="82">
        <v>687</v>
      </c>
      <c r="GX18" s="82">
        <v>666</v>
      </c>
      <c r="GY18" s="82">
        <v>484</v>
      </c>
      <c r="GZ18" s="82">
        <v>432</v>
      </c>
      <c r="HA18" s="82">
        <v>256</v>
      </c>
      <c r="HB18" s="84">
        <v>2525</v>
      </c>
      <c r="HC18" s="85">
        <v>3365</v>
      </c>
      <c r="HD18" s="70">
        <v>8</v>
      </c>
      <c r="HE18" s="71">
        <v>7</v>
      </c>
      <c r="HF18" s="72">
        <v>15</v>
      </c>
      <c r="HG18" s="244"/>
      <c r="HH18" s="71">
        <v>24</v>
      </c>
      <c r="HI18" s="71">
        <v>21</v>
      </c>
      <c r="HJ18" s="71">
        <v>11</v>
      </c>
      <c r="HK18" s="71">
        <v>10</v>
      </c>
      <c r="HL18" s="71">
        <v>10</v>
      </c>
      <c r="HM18" s="72">
        <v>76</v>
      </c>
      <c r="HN18" s="73">
        <v>91</v>
      </c>
      <c r="HO18" s="70">
        <v>20</v>
      </c>
      <c r="HP18" s="71">
        <v>30</v>
      </c>
      <c r="HQ18" s="72">
        <v>50</v>
      </c>
      <c r="HR18" s="244"/>
      <c r="HS18" s="71">
        <v>66</v>
      </c>
      <c r="HT18" s="71">
        <v>63</v>
      </c>
      <c r="HU18" s="71">
        <v>41</v>
      </c>
      <c r="HV18" s="71">
        <v>24</v>
      </c>
      <c r="HW18" s="71">
        <v>12</v>
      </c>
      <c r="HX18" s="72">
        <v>206</v>
      </c>
      <c r="HY18" s="73">
        <v>256</v>
      </c>
      <c r="HZ18" s="70">
        <v>68</v>
      </c>
      <c r="IA18" s="71">
        <v>83</v>
      </c>
      <c r="IB18" s="72">
        <v>151</v>
      </c>
      <c r="IC18" s="244"/>
      <c r="ID18" s="71">
        <v>104</v>
      </c>
      <c r="IE18" s="71">
        <v>96</v>
      </c>
      <c r="IF18" s="71">
        <v>46</v>
      </c>
      <c r="IG18" s="71">
        <v>39</v>
      </c>
      <c r="IH18" s="71">
        <v>36</v>
      </c>
      <c r="II18" s="72">
        <v>321</v>
      </c>
      <c r="IJ18" s="73">
        <v>472</v>
      </c>
      <c r="IK18" s="70">
        <v>105</v>
      </c>
      <c r="IL18" s="71">
        <v>132</v>
      </c>
      <c r="IM18" s="72">
        <v>237</v>
      </c>
      <c r="IN18" s="244"/>
      <c r="IO18" s="71">
        <v>170</v>
      </c>
      <c r="IP18" s="71">
        <v>135</v>
      </c>
      <c r="IQ18" s="71">
        <v>92</v>
      </c>
      <c r="IR18" s="71">
        <v>65</v>
      </c>
      <c r="IS18" s="71">
        <v>54</v>
      </c>
      <c r="IT18" s="72">
        <v>516</v>
      </c>
      <c r="IU18" s="73">
        <v>753</v>
      </c>
      <c r="IV18" s="70">
        <v>95</v>
      </c>
      <c r="IW18" s="71">
        <v>153</v>
      </c>
      <c r="IX18" s="72">
        <v>248</v>
      </c>
      <c r="IY18" s="244"/>
      <c r="IZ18" s="71">
        <v>176</v>
      </c>
      <c r="JA18" s="71">
        <v>168</v>
      </c>
      <c r="JB18" s="71">
        <v>119</v>
      </c>
      <c r="JC18" s="71">
        <v>122</v>
      </c>
      <c r="JD18" s="71">
        <v>60</v>
      </c>
      <c r="JE18" s="72">
        <v>645</v>
      </c>
      <c r="JF18" s="73">
        <v>893</v>
      </c>
      <c r="JG18" s="70">
        <v>49</v>
      </c>
      <c r="JH18" s="71">
        <v>90</v>
      </c>
      <c r="JI18" s="72">
        <v>139</v>
      </c>
      <c r="JJ18" s="244"/>
      <c r="JK18" s="71">
        <v>147</v>
      </c>
      <c r="JL18" s="71">
        <v>183</v>
      </c>
      <c r="JM18" s="71">
        <v>175</v>
      </c>
      <c r="JN18" s="71">
        <v>172</v>
      </c>
      <c r="JO18" s="71">
        <v>84</v>
      </c>
      <c r="JP18" s="72">
        <v>761</v>
      </c>
      <c r="JQ18" s="73">
        <v>900</v>
      </c>
      <c r="JR18" s="70">
        <v>2</v>
      </c>
      <c r="JS18" s="71">
        <v>9</v>
      </c>
      <c r="JT18" s="72">
        <v>11</v>
      </c>
      <c r="JU18" s="244"/>
      <c r="JV18" s="71">
        <v>12</v>
      </c>
      <c r="JW18" s="71">
        <v>13</v>
      </c>
      <c r="JX18" s="71">
        <v>2</v>
      </c>
      <c r="JY18" s="71">
        <v>4</v>
      </c>
      <c r="JZ18" s="71">
        <v>12</v>
      </c>
      <c r="KA18" s="72">
        <v>43</v>
      </c>
      <c r="KB18" s="73">
        <v>54</v>
      </c>
      <c r="KC18" s="70">
        <v>347</v>
      </c>
      <c r="KD18" s="71">
        <v>504</v>
      </c>
      <c r="KE18" s="72">
        <v>851</v>
      </c>
      <c r="KF18" s="244"/>
      <c r="KG18" s="71">
        <v>699</v>
      </c>
      <c r="KH18" s="71">
        <v>679</v>
      </c>
      <c r="KI18" s="71">
        <v>486</v>
      </c>
      <c r="KJ18" s="71">
        <v>436</v>
      </c>
      <c r="KK18" s="71">
        <v>268</v>
      </c>
      <c r="KL18" s="72">
        <v>2568</v>
      </c>
      <c r="KM18" s="73">
        <v>3419</v>
      </c>
    </row>
    <row r="19" spans="2:299" ht="21" customHeight="1" x14ac:dyDescent="0.2">
      <c r="B19" s="126" t="s">
        <v>16</v>
      </c>
      <c r="C19" s="315">
        <v>215</v>
      </c>
      <c r="D19" s="82">
        <v>247</v>
      </c>
      <c r="E19" s="83">
        <v>462</v>
      </c>
      <c r="F19" s="241"/>
      <c r="G19" s="82">
        <v>494</v>
      </c>
      <c r="H19" s="82">
        <v>605</v>
      </c>
      <c r="I19" s="82">
        <v>387</v>
      </c>
      <c r="J19" s="82">
        <v>315</v>
      </c>
      <c r="K19" s="82">
        <v>207</v>
      </c>
      <c r="L19" s="84">
        <v>2008</v>
      </c>
      <c r="M19" s="85">
        <v>2470</v>
      </c>
      <c r="N19" s="70">
        <v>11</v>
      </c>
      <c r="O19" s="71">
        <v>10</v>
      </c>
      <c r="P19" s="72">
        <v>21</v>
      </c>
      <c r="Q19" s="244"/>
      <c r="R19" s="71">
        <v>26</v>
      </c>
      <c r="S19" s="71">
        <v>31</v>
      </c>
      <c r="T19" s="71">
        <v>23</v>
      </c>
      <c r="U19" s="71">
        <v>22</v>
      </c>
      <c r="V19" s="71">
        <v>23</v>
      </c>
      <c r="W19" s="72">
        <v>125</v>
      </c>
      <c r="X19" s="73">
        <v>146</v>
      </c>
      <c r="Y19" s="70">
        <v>33</v>
      </c>
      <c r="Z19" s="71">
        <v>45</v>
      </c>
      <c r="AA19" s="72">
        <v>78</v>
      </c>
      <c r="AB19" s="244"/>
      <c r="AC19" s="71">
        <v>66</v>
      </c>
      <c r="AD19" s="71">
        <v>72</v>
      </c>
      <c r="AE19" s="71">
        <v>49</v>
      </c>
      <c r="AF19" s="71">
        <v>39</v>
      </c>
      <c r="AG19" s="71">
        <v>29</v>
      </c>
      <c r="AH19" s="72">
        <v>255</v>
      </c>
      <c r="AI19" s="73">
        <v>333</v>
      </c>
      <c r="AJ19" s="70">
        <v>43</v>
      </c>
      <c r="AK19" s="71">
        <v>49</v>
      </c>
      <c r="AL19" s="72">
        <v>92</v>
      </c>
      <c r="AM19" s="244"/>
      <c r="AN19" s="71">
        <v>81</v>
      </c>
      <c r="AO19" s="71">
        <v>109</v>
      </c>
      <c r="AP19" s="71">
        <v>62</v>
      </c>
      <c r="AQ19" s="71">
        <v>54</v>
      </c>
      <c r="AR19" s="71">
        <v>40</v>
      </c>
      <c r="AS19" s="72">
        <v>346</v>
      </c>
      <c r="AT19" s="73">
        <v>438</v>
      </c>
      <c r="AU19" s="70">
        <v>48</v>
      </c>
      <c r="AV19" s="71">
        <v>58</v>
      </c>
      <c r="AW19" s="72">
        <v>106</v>
      </c>
      <c r="AX19" s="244"/>
      <c r="AY19" s="71">
        <v>130</v>
      </c>
      <c r="AZ19" s="71">
        <v>154</v>
      </c>
      <c r="BA19" s="71">
        <v>83</v>
      </c>
      <c r="BB19" s="71">
        <v>77</v>
      </c>
      <c r="BC19" s="71">
        <v>52</v>
      </c>
      <c r="BD19" s="72">
        <v>496</v>
      </c>
      <c r="BE19" s="73">
        <v>602</v>
      </c>
      <c r="BF19" s="70">
        <v>59</v>
      </c>
      <c r="BG19" s="71">
        <v>52</v>
      </c>
      <c r="BH19" s="72">
        <v>111</v>
      </c>
      <c r="BI19" s="244"/>
      <c r="BJ19" s="71">
        <v>117</v>
      </c>
      <c r="BK19" s="71">
        <v>139</v>
      </c>
      <c r="BL19" s="71">
        <v>88</v>
      </c>
      <c r="BM19" s="71">
        <v>54</v>
      </c>
      <c r="BN19" s="71">
        <v>32</v>
      </c>
      <c r="BO19" s="72">
        <v>430</v>
      </c>
      <c r="BP19" s="73">
        <v>541</v>
      </c>
      <c r="BQ19" s="70">
        <v>21</v>
      </c>
      <c r="BR19" s="71">
        <v>33</v>
      </c>
      <c r="BS19" s="72">
        <v>54</v>
      </c>
      <c r="BT19" s="244"/>
      <c r="BU19" s="71">
        <v>74</v>
      </c>
      <c r="BV19" s="71">
        <v>100</v>
      </c>
      <c r="BW19" s="71">
        <v>82</v>
      </c>
      <c r="BX19" s="71">
        <v>69</v>
      </c>
      <c r="BY19" s="71">
        <v>31</v>
      </c>
      <c r="BZ19" s="72">
        <v>356</v>
      </c>
      <c r="CA19" s="73">
        <v>410</v>
      </c>
      <c r="CB19" s="70">
        <v>13</v>
      </c>
      <c r="CC19" s="71">
        <v>11</v>
      </c>
      <c r="CD19" s="72">
        <v>24</v>
      </c>
      <c r="CE19" s="244"/>
      <c r="CF19" s="71">
        <v>14</v>
      </c>
      <c r="CG19" s="71">
        <v>27</v>
      </c>
      <c r="CH19" s="71">
        <v>20</v>
      </c>
      <c r="CI19" s="71">
        <v>11</v>
      </c>
      <c r="CJ19" s="71">
        <v>15</v>
      </c>
      <c r="CK19" s="72">
        <v>87</v>
      </c>
      <c r="CL19" s="73">
        <v>111</v>
      </c>
      <c r="CM19" s="70">
        <v>228</v>
      </c>
      <c r="CN19" s="71">
        <v>258</v>
      </c>
      <c r="CO19" s="72">
        <v>486</v>
      </c>
      <c r="CP19" s="244"/>
      <c r="CQ19" s="71">
        <v>508</v>
      </c>
      <c r="CR19" s="71">
        <v>632</v>
      </c>
      <c r="CS19" s="71">
        <v>407</v>
      </c>
      <c r="CT19" s="71">
        <v>326</v>
      </c>
      <c r="CU19" s="71">
        <v>222</v>
      </c>
      <c r="CV19" s="72">
        <v>2095</v>
      </c>
      <c r="CW19" s="73">
        <v>2581</v>
      </c>
      <c r="CX19" s="123">
        <v>410</v>
      </c>
      <c r="CY19" s="82">
        <v>535</v>
      </c>
      <c r="CZ19" s="83">
        <v>945</v>
      </c>
      <c r="DA19" s="241"/>
      <c r="DB19" s="82">
        <v>867</v>
      </c>
      <c r="DC19" s="82">
        <v>1025</v>
      </c>
      <c r="DD19" s="82">
        <v>774</v>
      </c>
      <c r="DE19" s="82">
        <v>774</v>
      </c>
      <c r="DF19" s="82">
        <v>509</v>
      </c>
      <c r="DG19" s="84">
        <v>3949</v>
      </c>
      <c r="DH19" s="85">
        <v>4894</v>
      </c>
      <c r="DI19" s="70">
        <v>15</v>
      </c>
      <c r="DJ19" s="71">
        <v>20</v>
      </c>
      <c r="DK19" s="72">
        <v>35</v>
      </c>
      <c r="DL19" s="244"/>
      <c r="DM19" s="71">
        <v>14</v>
      </c>
      <c r="DN19" s="71">
        <v>34</v>
      </c>
      <c r="DO19" s="71">
        <v>20</v>
      </c>
      <c r="DP19" s="71">
        <v>17</v>
      </c>
      <c r="DQ19" s="71">
        <v>8</v>
      </c>
      <c r="DR19" s="72">
        <v>93</v>
      </c>
      <c r="DS19" s="73">
        <v>128</v>
      </c>
      <c r="DT19" s="70">
        <v>32</v>
      </c>
      <c r="DU19" s="71">
        <v>51</v>
      </c>
      <c r="DV19" s="72">
        <v>83</v>
      </c>
      <c r="DW19" s="244"/>
      <c r="DX19" s="71">
        <v>52</v>
      </c>
      <c r="DY19" s="71">
        <v>80</v>
      </c>
      <c r="DZ19" s="71">
        <v>51</v>
      </c>
      <c r="EA19" s="71">
        <v>38</v>
      </c>
      <c r="EB19" s="71">
        <v>33</v>
      </c>
      <c r="EC19" s="72">
        <v>254</v>
      </c>
      <c r="ED19" s="73">
        <v>337</v>
      </c>
      <c r="EE19" s="70">
        <v>85</v>
      </c>
      <c r="EF19" s="71">
        <v>92</v>
      </c>
      <c r="EG19" s="72">
        <v>177</v>
      </c>
      <c r="EH19" s="244"/>
      <c r="EI19" s="71">
        <v>108</v>
      </c>
      <c r="EJ19" s="71">
        <v>142</v>
      </c>
      <c r="EK19" s="71">
        <v>78</v>
      </c>
      <c r="EL19" s="71">
        <v>76</v>
      </c>
      <c r="EM19" s="71">
        <v>53</v>
      </c>
      <c r="EN19" s="72">
        <v>457</v>
      </c>
      <c r="EO19" s="73">
        <v>634</v>
      </c>
      <c r="EP19" s="70">
        <v>116</v>
      </c>
      <c r="EQ19" s="71">
        <v>147</v>
      </c>
      <c r="ER19" s="72">
        <v>263</v>
      </c>
      <c r="ES19" s="244"/>
      <c r="ET19" s="71">
        <v>214</v>
      </c>
      <c r="EU19" s="71">
        <v>215</v>
      </c>
      <c r="EV19" s="71">
        <v>139</v>
      </c>
      <c r="EW19" s="71">
        <v>117</v>
      </c>
      <c r="EX19" s="71">
        <v>90</v>
      </c>
      <c r="EY19" s="72">
        <v>775</v>
      </c>
      <c r="EZ19" s="73">
        <v>1038</v>
      </c>
      <c r="FA19" s="70">
        <v>96</v>
      </c>
      <c r="FB19" s="71">
        <v>121</v>
      </c>
      <c r="FC19" s="72">
        <v>217</v>
      </c>
      <c r="FD19" s="244"/>
      <c r="FE19" s="71">
        <v>272</v>
      </c>
      <c r="FF19" s="71">
        <v>257</v>
      </c>
      <c r="FG19" s="71">
        <v>211</v>
      </c>
      <c r="FH19" s="71">
        <v>175</v>
      </c>
      <c r="FI19" s="71">
        <v>118</v>
      </c>
      <c r="FJ19" s="72">
        <v>1033</v>
      </c>
      <c r="FK19" s="73">
        <v>1250</v>
      </c>
      <c r="FL19" s="70">
        <v>66</v>
      </c>
      <c r="FM19" s="71">
        <v>104</v>
      </c>
      <c r="FN19" s="72">
        <v>170</v>
      </c>
      <c r="FO19" s="244"/>
      <c r="FP19" s="71">
        <v>207</v>
      </c>
      <c r="FQ19" s="71">
        <v>297</v>
      </c>
      <c r="FR19" s="71">
        <v>275</v>
      </c>
      <c r="FS19" s="71">
        <v>351</v>
      </c>
      <c r="FT19" s="71">
        <v>207</v>
      </c>
      <c r="FU19" s="72">
        <v>1337</v>
      </c>
      <c r="FV19" s="73">
        <v>1507</v>
      </c>
      <c r="FW19" s="70">
        <v>13</v>
      </c>
      <c r="FX19" s="71">
        <v>15</v>
      </c>
      <c r="FY19" s="72">
        <v>28</v>
      </c>
      <c r="FZ19" s="244"/>
      <c r="GA19" s="71">
        <v>5</v>
      </c>
      <c r="GB19" s="71">
        <v>22</v>
      </c>
      <c r="GC19" s="71">
        <v>8</v>
      </c>
      <c r="GD19" s="71">
        <v>12</v>
      </c>
      <c r="GE19" s="71">
        <v>13</v>
      </c>
      <c r="GF19" s="72">
        <v>60</v>
      </c>
      <c r="GG19" s="73">
        <v>88</v>
      </c>
      <c r="GH19" s="70">
        <v>423</v>
      </c>
      <c r="GI19" s="71">
        <v>550</v>
      </c>
      <c r="GJ19" s="72">
        <v>973</v>
      </c>
      <c r="GK19" s="244"/>
      <c r="GL19" s="71">
        <v>872</v>
      </c>
      <c r="GM19" s="71">
        <v>1047</v>
      </c>
      <c r="GN19" s="71">
        <v>782</v>
      </c>
      <c r="GO19" s="71">
        <v>786</v>
      </c>
      <c r="GP19" s="71">
        <v>522</v>
      </c>
      <c r="GQ19" s="72">
        <v>4009</v>
      </c>
      <c r="GR19" s="73">
        <v>4982</v>
      </c>
      <c r="GS19" s="123">
        <v>625</v>
      </c>
      <c r="GT19" s="82">
        <v>782</v>
      </c>
      <c r="GU19" s="83">
        <v>1407</v>
      </c>
      <c r="GV19" s="241"/>
      <c r="GW19" s="82">
        <v>1361</v>
      </c>
      <c r="GX19" s="82">
        <v>1630</v>
      </c>
      <c r="GY19" s="82">
        <v>1161</v>
      </c>
      <c r="GZ19" s="82">
        <v>1089</v>
      </c>
      <c r="HA19" s="82">
        <v>716</v>
      </c>
      <c r="HB19" s="84">
        <v>5957</v>
      </c>
      <c r="HC19" s="85">
        <v>7364</v>
      </c>
      <c r="HD19" s="70">
        <v>26</v>
      </c>
      <c r="HE19" s="71">
        <v>30</v>
      </c>
      <c r="HF19" s="72">
        <v>56</v>
      </c>
      <c r="HG19" s="244"/>
      <c r="HH19" s="71">
        <v>40</v>
      </c>
      <c r="HI19" s="71">
        <v>65</v>
      </c>
      <c r="HJ19" s="71">
        <v>43</v>
      </c>
      <c r="HK19" s="71">
        <v>39</v>
      </c>
      <c r="HL19" s="71">
        <v>31</v>
      </c>
      <c r="HM19" s="72">
        <v>218</v>
      </c>
      <c r="HN19" s="73">
        <v>274</v>
      </c>
      <c r="HO19" s="70">
        <v>65</v>
      </c>
      <c r="HP19" s="71">
        <v>96</v>
      </c>
      <c r="HQ19" s="72">
        <v>161</v>
      </c>
      <c r="HR19" s="244"/>
      <c r="HS19" s="71">
        <v>118</v>
      </c>
      <c r="HT19" s="71">
        <v>152</v>
      </c>
      <c r="HU19" s="71">
        <v>100</v>
      </c>
      <c r="HV19" s="71">
        <v>77</v>
      </c>
      <c r="HW19" s="71">
        <v>62</v>
      </c>
      <c r="HX19" s="72">
        <v>509</v>
      </c>
      <c r="HY19" s="73">
        <v>670</v>
      </c>
      <c r="HZ19" s="70">
        <v>128</v>
      </c>
      <c r="IA19" s="71">
        <v>141</v>
      </c>
      <c r="IB19" s="72">
        <v>269</v>
      </c>
      <c r="IC19" s="244"/>
      <c r="ID19" s="71">
        <v>189</v>
      </c>
      <c r="IE19" s="71">
        <v>251</v>
      </c>
      <c r="IF19" s="71">
        <v>140</v>
      </c>
      <c r="IG19" s="71">
        <v>130</v>
      </c>
      <c r="IH19" s="71">
        <v>93</v>
      </c>
      <c r="II19" s="72">
        <v>803</v>
      </c>
      <c r="IJ19" s="73">
        <v>1072</v>
      </c>
      <c r="IK19" s="70">
        <v>164</v>
      </c>
      <c r="IL19" s="71">
        <v>205</v>
      </c>
      <c r="IM19" s="72">
        <v>369</v>
      </c>
      <c r="IN19" s="244"/>
      <c r="IO19" s="71">
        <v>344</v>
      </c>
      <c r="IP19" s="71">
        <v>369</v>
      </c>
      <c r="IQ19" s="71">
        <v>222</v>
      </c>
      <c r="IR19" s="71">
        <v>194</v>
      </c>
      <c r="IS19" s="71">
        <v>142</v>
      </c>
      <c r="IT19" s="72">
        <v>1271</v>
      </c>
      <c r="IU19" s="73">
        <v>1640</v>
      </c>
      <c r="IV19" s="70">
        <v>155</v>
      </c>
      <c r="IW19" s="71">
        <v>173</v>
      </c>
      <c r="IX19" s="72">
        <v>328</v>
      </c>
      <c r="IY19" s="244"/>
      <c r="IZ19" s="71">
        <v>389</v>
      </c>
      <c r="JA19" s="71">
        <v>396</v>
      </c>
      <c r="JB19" s="71">
        <v>299</v>
      </c>
      <c r="JC19" s="71">
        <v>229</v>
      </c>
      <c r="JD19" s="71">
        <v>150</v>
      </c>
      <c r="JE19" s="72">
        <v>1463</v>
      </c>
      <c r="JF19" s="73">
        <v>1791</v>
      </c>
      <c r="JG19" s="70">
        <v>87</v>
      </c>
      <c r="JH19" s="71">
        <v>137</v>
      </c>
      <c r="JI19" s="72">
        <v>224</v>
      </c>
      <c r="JJ19" s="244"/>
      <c r="JK19" s="71">
        <v>281</v>
      </c>
      <c r="JL19" s="71">
        <v>397</v>
      </c>
      <c r="JM19" s="71">
        <v>357</v>
      </c>
      <c r="JN19" s="71">
        <v>420</v>
      </c>
      <c r="JO19" s="71">
        <v>238</v>
      </c>
      <c r="JP19" s="72">
        <v>1693</v>
      </c>
      <c r="JQ19" s="73">
        <v>1917</v>
      </c>
      <c r="JR19" s="70">
        <v>26</v>
      </c>
      <c r="JS19" s="71">
        <v>26</v>
      </c>
      <c r="JT19" s="72">
        <v>52</v>
      </c>
      <c r="JU19" s="244"/>
      <c r="JV19" s="71">
        <v>19</v>
      </c>
      <c r="JW19" s="71">
        <v>49</v>
      </c>
      <c r="JX19" s="71">
        <v>28</v>
      </c>
      <c r="JY19" s="71">
        <v>23</v>
      </c>
      <c r="JZ19" s="71">
        <v>28</v>
      </c>
      <c r="KA19" s="72">
        <v>147</v>
      </c>
      <c r="KB19" s="73">
        <v>199</v>
      </c>
      <c r="KC19" s="70">
        <v>651</v>
      </c>
      <c r="KD19" s="71">
        <v>808</v>
      </c>
      <c r="KE19" s="72">
        <v>1459</v>
      </c>
      <c r="KF19" s="244"/>
      <c r="KG19" s="71">
        <v>1380</v>
      </c>
      <c r="KH19" s="71">
        <v>1679</v>
      </c>
      <c r="KI19" s="71">
        <v>1189</v>
      </c>
      <c r="KJ19" s="71">
        <v>1112</v>
      </c>
      <c r="KK19" s="71">
        <v>744</v>
      </c>
      <c r="KL19" s="72">
        <v>6104</v>
      </c>
      <c r="KM19" s="73">
        <v>7563</v>
      </c>
    </row>
    <row r="20" spans="2:299" ht="21" customHeight="1" x14ac:dyDescent="0.2">
      <c r="B20" s="126" t="s">
        <v>17</v>
      </c>
      <c r="C20" s="315">
        <v>277</v>
      </c>
      <c r="D20" s="82">
        <v>380</v>
      </c>
      <c r="E20" s="83">
        <v>657</v>
      </c>
      <c r="F20" s="241"/>
      <c r="G20" s="82">
        <v>554</v>
      </c>
      <c r="H20" s="82">
        <v>745</v>
      </c>
      <c r="I20" s="82">
        <v>524</v>
      </c>
      <c r="J20" s="82">
        <v>415</v>
      </c>
      <c r="K20" s="82">
        <v>269</v>
      </c>
      <c r="L20" s="84">
        <v>2507</v>
      </c>
      <c r="M20" s="85">
        <v>3164</v>
      </c>
      <c r="N20" s="70">
        <v>10</v>
      </c>
      <c r="O20" s="71">
        <v>20</v>
      </c>
      <c r="P20" s="72">
        <v>30</v>
      </c>
      <c r="Q20" s="244"/>
      <c r="R20" s="71">
        <v>22</v>
      </c>
      <c r="S20" s="71">
        <v>47</v>
      </c>
      <c r="T20" s="71">
        <v>30</v>
      </c>
      <c r="U20" s="71">
        <v>23</v>
      </c>
      <c r="V20" s="71">
        <v>22</v>
      </c>
      <c r="W20" s="72">
        <v>144</v>
      </c>
      <c r="X20" s="73">
        <v>174</v>
      </c>
      <c r="Y20" s="70">
        <v>23</v>
      </c>
      <c r="Z20" s="71">
        <v>63</v>
      </c>
      <c r="AA20" s="72">
        <v>86</v>
      </c>
      <c r="AB20" s="244"/>
      <c r="AC20" s="71">
        <v>47</v>
      </c>
      <c r="AD20" s="71">
        <v>96</v>
      </c>
      <c r="AE20" s="71">
        <v>64</v>
      </c>
      <c r="AF20" s="71">
        <v>58</v>
      </c>
      <c r="AG20" s="71">
        <v>27</v>
      </c>
      <c r="AH20" s="72">
        <v>292</v>
      </c>
      <c r="AI20" s="73">
        <v>378</v>
      </c>
      <c r="AJ20" s="70">
        <v>63</v>
      </c>
      <c r="AK20" s="71">
        <v>63</v>
      </c>
      <c r="AL20" s="72">
        <v>126</v>
      </c>
      <c r="AM20" s="244"/>
      <c r="AN20" s="71">
        <v>98</v>
      </c>
      <c r="AO20" s="71">
        <v>139</v>
      </c>
      <c r="AP20" s="71">
        <v>117</v>
      </c>
      <c r="AQ20" s="71">
        <v>76</v>
      </c>
      <c r="AR20" s="71">
        <v>58</v>
      </c>
      <c r="AS20" s="72">
        <v>488</v>
      </c>
      <c r="AT20" s="73">
        <v>614</v>
      </c>
      <c r="AU20" s="70">
        <v>69</v>
      </c>
      <c r="AV20" s="71">
        <v>105</v>
      </c>
      <c r="AW20" s="72">
        <v>174</v>
      </c>
      <c r="AX20" s="244"/>
      <c r="AY20" s="71">
        <v>170</v>
      </c>
      <c r="AZ20" s="71">
        <v>183</v>
      </c>
      <c r="BA20" s="71">
        <v>129</v>
      </c>
      <c r="BB20" s="71">
        <v>91</v>
      </c>
      <c r="BC20" s="71">
        <v>61</v>
      </c>
      <c r="BD20" s="72">
        <v>634</v>
      </c>
      <c r="BE20" s="73">
        <v>808</v>
      </c>
      <c r="BF20" s="70">
        <v>70</v>
      </c>
      <c r="BG20" s="71">
        <v>81</v>
      </c>
      <c r="BH20" s="72">
        <v>151</v>
      </c>
      <c r="BI20" s="244"/>
      <c r="BJ20" s="71">
        <v>135</v>
      </c>
      <c r="BK20" s="71">
        <v>174</v>
      </c>
      <c r="BL20" s="71">
        <v>111</v>
      </c>
      <c r="BM20" s="71">
        <v>91</v>
      </c>
      <c r="BN20" s="71">
        <v>62</v>
      </c>
      <c r="BO20" s="72">
        <v>573</v>
      </c>
      <c r="BP20" s="73">
        <v>724</v>
      </c>
      <c r="BQ20" s="70">
        <v>42</v>
      </c>
      <c r="BR20" s="71">
        <v>48</v>
      </c>
      <c r="BS20" s="72">
        <v>90</v>
      </c>
      <c r="BT20" s="244"/>
      <c r="BU20" s="71">
        <v>82</v>
      </c>
      <c r="BV20" s="71">
        <v>106</v>
      </c>
      <c r="BW20" s="71">
        <v>73</v>
      </c>
      <c r="BX20" s="71">
        <v>76</v>
      </c>
      <c r="BY20" s="71">
        <v>39</v>
      </c>
      <c r="BZ20" s="72">
        <v>376</v>
      </c>
      <c r="CA20" s="73">
        <v>466</v>
      </c>
      <c r="CB20" s="70">
        <v>14</v>
      </c>
      <c r="CC20" s="71">
        <v>25</v>
      </c>
      <c r="CD20" s="72">
        <v>39</v>
      </c>
      <c r="CE20" s="244"/>
      <c r="CF20" s="71">
        <v>21</v>
      </c>
      <c r="CG20" s="71">
        <v>53</v>
      </c>
      <c r="CH20" s="71">
        <v>28</v>
      </c>
      <c r="CI20" s="71">
        <v>15</v>
      </c>
      <c r="CJ20" s="71">
        <v>11</v>
      </c>
      <c r="CK20" s="72">
        <v>128</v>
      </c>
      <c r="CL20" s="73">
        <v>167</v>
      </c>
      <c r="CM20" s="70">
        <v>291</v>
      </c>
      <c r="CN20" s="71">
        <v>405</v>
      </c>
      <c r="CO20" s="72">
        <v>696</v>
      </c>
      <c r="CP20" s="244"/>
      <c r="CQ20" s="71">
        <v>575</v>
      </c>
      <c r="CR20" s="71">
        <v>798</v>
      </c>
      <c r="CS20" s="71">
        <v>552</v>
      </c>
      <c r="CT20" s="71">
        <v>430</v>
      </c>
      <c r="CU20" s="71">
        <v>280</v>
      </c>
      <c r="CV20" s="72">
        <v>2635</v>
      </c>
      <c r="CW20" s="73">
        <v>3331</v>
      </c>
      <c r="CX20" s="123">
        <v>628</v>
      </c>
      <c r="CY20" s="82">
        <v>792</v>
      </c>
      <c r="CZ20" s="83">
        <v>1420</v>
      </c>
      <c r="DA20" s="241"/>
      <c r="DB20" s="82">
        <v>934</v>
      </c>
      <c r="DC20" s="82">
        <v>1230</v>
      </c>
      <c r="DD20" s="82">
        <v>896</v>
      </c>
      <c r="DE20" s="82">
        <v>820</v>
      </c>
      <c r="DF20" s="82">
        <v>622</v>
      </c>
      <c r="DG20" s="84">
        <v>4502</v>
      </c>
      <c r="DH20" s="85">
        <v>5922</v>
      </c>
      <c r="DI20" s="70">
        <v>14</v>
      </c>
      <c r="DJ20" s="71">
        <v>28</v>
      </c>
      <c r="DK20" s="72">
        <v>42</v>
      </c>
      <c r="DL20" s="244"/>
      <c r="DM20" s="71">
        <v>17</v>
      </c>
      <c r="DN20" s="71">
        <v>36</v>
      </c>
      <c r="DO20" s="71">
        <v>24</v>
      </c>
      <c r="DP20" s="71">
        <v>19</v>
      </c>
      <c r="DQ20" s="71">
        <v>27</v>
      </c>
      <c r="DR20" s="72">
        <v>123</v>
      </c>
      <c r="DS20" s="73">
        <v>165</v>
      </c>
      <c r="DT20" s="70">
        <v>53</v>
      </c>
      <c r="DU20" s="71">
        <v>68</v>
      </c>
      <c r="DV20" s="72">
        <v>121</v>
      </c>
      <c r="DW20" s="244"/>
      <c r="DX20" s="71">
        <v>75</v>
      </c>
      <c r="DY20" s="71">
        <v>82</v>
      </c>
      <c r="DZ20" s="71">
        <v>56</v>
      </c>
      <c r="EA20" s="71">
        <v>48</v>
      </c>
      <c r="EB20" s="71">
        <v>36</v>
      </c>
      <c r="EC20" s="72">
        <v>297</v>
      </c>
      <c r="ED20" s="73">
        <v>418</v>
      </c>
      <c r="EE20" s="70">
        <v>131</v>
      </c>
      <c r="EF20" s="71">
        <v>120</v>
      </c>
      <c r="EG20" s="72">
        <v>251</v>
      </c>
      <c r="EH20" s="244"/>
      <c r="EI20" s="71">
        <v>116</v>
      </c>
      <c r="EJ20" s="71">
        <v>177</v>
      </c>
      <c r="EK20" s="71">
        <v>105</v>
      </c>
      <c r="EL20" s="71">
        <v>94</v>
      </c>
      <c r="EM20" s="71">
        <v>68</v>
      </c>
      <c r="EN20" s="72">
        <v>560</v>
      </c>
      <c r="EO20" s="73">
        <v>811</v>
      </c>
      <c r="EP20" s="70">
        <v>194</v>
      </c>
      <c r="EQ20" s="71">
        <v>223</v>
      </c>
      <c r="ER20" s="72">
        <v>417</v>
      </c>
      <c r="ES20" s="244"/>
      <c r="ET20" s="71">
        <v>244</v>
      </c>
      <c r="EU20" s="71">
        <v>277</v>
      </c>
      <c r="EV20" s="71">
        <v>180</v>
      </c>
      <c r="EW20" s="71">
        <v>194</v>
      </c>
      <c r="EX20" s="71">
        <v>115</v>
      </c>
      <c r="EY20" s="72">
        <v>1010</v>
      </c>
      <c r="EZ20" s="73">
        <v>1427</v>
      </c>
      <c r="FA20" s="70">
        <v>160</v>
      </c>
      <c r="FB20" s="71">
        <v>222</v>
      </c>
      <c r="FC20" s="72">
        <v>382</v>
      </c>
      <c r="FD20" s="244"/>
      <c r="FE20" s="71">
        <v>268</v>
      </c>
      <c r="FF20" s="71">
        <v>324</v>
      </c>
      <c r="FG20" s="71">
        <v>261</v>
      </c>
      <c r="FH20" s="71">
        <v>176</v>
      </c>
      <c r="FI20" s="71">
        <v>167</v>
      </c>
      <c r="FJ20" s="72">
        <v>1196</v>
      </c>
      <c r="FK20" s="73">
        <v>1578</v>
      </c>
      <c r="FL20" s="70">
        <v>76</v>
      </c>
      <c r="FM20" s="71">
        <v>131</v>
      </c>
      <c r="FN20" s="72">
        <v>207</v>
      </c>
      <c r="FO20" s="244"/>
      <c r="FP20" s="71">
        <v>214</v>
      </c>
      <c r="FQ20" s="71">
        <v>334</v>
      </c>
      <c r="FR20" s="71">
        <v>270</v>
      </c>
      <c r="FS20" s="71">
        <v>289</v>
      </c>
      <c r="FT20" s="71">
        <v>209</v>
      </c>
      <c r="FU20" s="72">
        <v>1316</v>
      </c>
      <c r="FV20" s="73">
        <v>1523</v>
      </c>
      <c r="FW20" s="70">
        <v>4</v>
      </c>
      <c r="FX20" s="71">
        <v>20</v>
      </c>
      <c r="FY20" s="72">
        <v>24</v>
      </c>
      <c r="FZ20" s="244"/>
      <c r="GA20" s="71">
        <v>12</v>
      </c>
      <c r="GB20" s="71">
        <v>27</v>
      </c>
      <c r="GC20" s="71">
        <v>15</v>
      </c>
      <c r="GD20" s="71">
        <v>20</v>
      </c>
      <c r="GE20" s="71">
        <v>20</v>
      </c>
      <c r="GF20" s="72">
        <v>94</v>
      </c>
      <c r="GG20" s="73">
        <v>118</v>
      </c>
      <c r="GH20" s="70">
        <v>632</v>
      </c>
      <c r="GI20" s="71">
        <v>812</v>
      </c>
      <c r="GJ20" s="72">
        <v>1444</v>
      </c>
      <c r="GK20" s="244"/>
      <c r="GL20" s="71">
        <v>946</v>
      </c>
      <c r="GM20" s="71">
        <v>1257</v>
      </c>
      <c r="GN20" s="71">
        <v>911</v>
      </c>
      <c r="GO20" s="71">
        <v>840</v>
      </c>
      <c r="GP20" s="71">
        <v>642</v>
      </c>
      <c r="GQ20" s="72">
        <v>4596</v>
      </c>
      <c r="GR20" s="73">
        <v>6040</v>
      </c>
      <c r="GS20" s="123">
        <v>905</v>
      </c>
      <c r="GT20" s="82">
        <v>1172</v>
      </c>
      <c r="GU20" s="83">
        <v>2077</v>
      </c>
      <c r="GV20" s="241"/>
      <c r="GW20" s="82">
        <v>1488</v>
      </c>
      <c r="GX20" s="82">
        <v>1975</v>
      </c>
      <c r="GY20" s="82">
        <v>1420</v>
      </c>
      <c r="GZ20" s="82">
        <v>1235</v>
      </c>
      <c r="HA20" s="82">
        <v>891</v>
      </c>
      <c r="HB20" s="84">
        <v>7009</v>
      </c>
      <c r="HC20" s="85">
        <v>9086</v>
      </c>
      <c r="HD20" s="70">
        <v>24</v>
      </c>
      <c r="HE20" s="71">
        <v>48</v>
      </c>
      <c r="HF20" s="72">
        <v>72</v>
      </c>
      <c r="HG20" s="244"/>
      <c r="HH20" s="71">
        <v>39</v>
      </c>
      <c r="HI20" s="71">
        <v>83</v>
      </c>
      <c r="HJ20" s="71">
        <v>54</v>
      </c>
      <c r="HK20" s="71">
        <v>42</v>
      </c>
      <c r="HL20" s="71">
        <v>49</v>
      </c>
      <c r="HM20" s="72">
        <v>267</v>
      </c>
      <c r="HN20" s="73">
        <v>339</v>
      </c>
      <c r="HO20" s="70">
        <v>76</v>
      </c>
      <c r="HP20" s="71">
        <v>131</v>
      </c>
      <c r="HQ20" s="72">
        <v>207</v>
      </c>
      <c r="HR20" s="244"/>
      <c r="HS20" s="71">
        <v>122</v>
      </c>
      <c r="HT20" s="71">
        <v>178</v>
      </c>
      <c r="HU20" s="71">
        <v>120</v>
      </c>
      <c r="HV20" s="71">
        <v>106</v>
      </c>
      <c r="HW20" s="71">
        <v>63</v>
      </c>
      <c r="HX20" s="72">
        <v>589</v>
      </c>
      <c r="HY20" s="73">
        <v>796</v>
      </c>
      <c r="HZ20" s="70">
        <v>194</v>
      </c>
      <c r="IA20" s="71">
        <v>183</v>
      </c>
      <c r="IB20" s="72">
        <v>377</v>
      </c>
      <c r="IC20" s="244"/>
      <c r="ID20" s="71">
        <v>214</v>
      </c>
      <c r="IE20" s="71">
        <v>316</v>
      </c>
      <c r="IF20" s="71">
        <v>222</v>
      </c>
      <c r="IG20" s="71">
        <v>170</v>
      </c>
      <c r="IH20" s="71">
        <v>126</v>
      </c>
      <c r="II20" s="72">
        <v>1048</v>
      </c>
      <c r="IJ20" s="73">
        <v>1425</v>
      </c>
      <c r="IK20" s="70">
        <v>263</v>
      </c>
      <c r="IL20" s="71">
        <v>328</v>
      </c>
      <c r="IM20" s="72">
        <v>591</v>
      </c>
      <c r="IN20" s="244"/>
      <c r="IO20" s="71">
        <v>414</v>
      </c>
      <c r="IP20" s="71">
        <v>460</v>
      </c>
      <c r="IQ20" s="71">
        <v>309</v>
      </c>
      <c r="IR20" s="71">
        <v>285</v>
      </c>
      <c r="IS20" s="71">
        <v>176</v>
      </c>
      <c r="IT20" s="72">
        <v>1644</v>
      </c>
      <c r="IU20" s="73">
        <v>2235</v>
      </c>
      <c r="IV20" s="70">
        <v>230</v>
      </c>
      <c r="IW20" s="71">
        <v>303</v>
      </c>
      <c r="IX20" s="72">
        <v>533</v>
      </c>
      <c r="IY20" s="244"/>
      <c r="IZ20" s="71">
        <v>403</v>
      </c>
      <c r="JA20" s="71">
        <v>498</v>
      </c>
      <c r="JB20" s="71">
        <v>372</v>
      </c>
      <c r="JC20" s="71">
        <v>267</v>
      </c>
      <c r="JD20" s="71">
        <v>229</v>
      </c>
      <c r="JE20" s="72">
        <v>1769</v>
      </c>
      <c r="JF20" s="73">
        <v>2302</v>
      </c>
      <c r="JG20" s="70">
        <v>118</v>
      </c>
      <c r="JH20" s="71">
        <v>179</v>
      </c>
      <c r="JI20" s="72">
        <v>297</v>
      </c>
      <c r="JJ20" s="244"/>
      <c r="JK20" s="71">
        <v>296</v>
      </c>
      <c r="JL20" s="71">
        <v>440</v>
      </c>
      <c r="JM20" s="71">
        <v>343</v>
      </c>
      <c r="JN20" s="71">
        <v>365</v>
      </c>
      <c r="JO20" s="71">
        <v>248</v>
      </c>
      <c r="JP20" s="72">
        <v>1692</v>
      </c>
      <c r="JQ20" s="73">
        <v>1989</v>
      </c>
      <c r="JR20" s="70">
        <v>18</v>
      </c>
      <c r="JS20" s="71">
        <v>45</v>
      </c>
      <c r="JT20" s="72">
        <v>63</v>
      </c>
      <c r="JU20" s="244"/>
      <c r="JV20" s="71">
        <v>33</v>
      </c>
      <c r="JW20" s="71">
        <v>80</v>
      </c>
      <c r="JX20" s="71">
        <v>43</v>
      </c>
      <c r="JY20" s="71">
        <v>35</v>
      </c>
      <c r="JZ20" s="71">
        <v>31</v>
      </c>
      <c r="KA20" s="72">
        <v>222</v>
      </c>
      <c r="KB20" s="73">
        <v>285</v>
      </c>
      <c r="KC20" s="70">
        <v>923</v>
      </c>
      <c r="KD20" s="71">
        <v>1217</v>
      </c>
      <c r="KE20" s="72">
        <v>2140</v>
      </c>
      <c r="KF20" s="244"/>
      <c r="KG20" s="71">
        <v>1521</v>
      </c>
      <c r="KH20" s="71">
        <v>2055</v>
      </c>
      <c r="KI20" s="71">
        <v>1463</v>
      </c>
      <c r="KJ20" s="71">
        <v>1270</v>
      </c>
      <c r="KK20" s="71">
        <v>922</v>
      </c>
      <c r="KL20" s="72">
        <v>7231</v>
      </c>
      <c r="KM20" s="73">
        <v>9371</v>
      </c>
    </row>
    <row r="21" spans="2:299" ht="21" customHeight="1" x14ac:dyDescent="0.2">
      <c r="B21" s="126" t="s">
        <v>18</v>
      </c>
      <c r="C21" s="315">
        <v>421</v>
      </c>
      <c r="D21" s="82">
        <v>441</v>
      </c>
      <c r="E21" s="83">
        <v>862</v>
      </c>
      <c r="F21" s="241"/>
      <c r="G21" s="82">
        <v>911</v>
      </c>
      <c r="H21" s="82">
        <v>720</v>
      </c>
      <c r="I21" s="82">
        <v>547</v>
      </c>
      <c r="J21" s="82">
        <v>428</v>
      </c>
      <c r="K21" s="82">
        <v>275</v>
      </c>
      <c r="L21" s="84">
        <v>2881</v>
      </c>
      <c r="M21" s="85">
        <v>3743</v>
      </c>
      <c r="N21" s="70">
        <v>23</v>
      </c>
      <c r="O21" s="71">
        <v>28</v>
      </c>
      <c r="P21" s="72">
        <v>51</v>
      </c>
      <c r="Q21" s="244"/>
      <c r="R21" s="71">
        <v>50</v>
      </c>
      <c r="S21" s="71">
        <v>48</v>
      </c>
      <c r="T21" s="71">
        <v>31</v>
      </c>
      <c r="U21" s="71">
        <v>40</v>
      </c>
      <c r="V21" s="71">
        <v>20</v>
      </c>
      <c r="W21" s="72">
        <v>189</v>
      </c>
      <c r="X21" s="73">
        <v>240</v>
      </c>
      <c r="Y21" s="70">
        <v>49</v>
      </c>
      <c r="Z21" s="71">
        <v>53</v>
      </c>
      <c r="AA21" s="72">
        <v>102</v>
      </c>
      <c r="AB21" s="244"/>
      <c r="AC21" s="71">
        <v>105</v>
      </c>
      <c r="AD21" s="71">
        <v>86</v>
      </c>
      <c r="AE21" s="71">
        <v>73</v>
      </c>
      <c r="AF21" s="71">
        <v>58</v>
      </c>
      <c r="AG21" s="71">
        <v>35</v>
      </c>
      <c r="AH21" s="72">
        <v>357</v>
      </c>
      <c r="AI21" s="73">
        <v>459</v>
      </c>
      <c r="AJ21" s="70">
        <v>65</v>
      </c>
      <c r="AK21" s="71">
        <v>75</v>
      </c>
      <c r="AL21" s="72">
        <v>140</v>
      </c>
      <c r="AM21" s="244"/>
      <c r="AN21" s="71">
        <v>147</v>
      </c>
      <c r="AO21" s="71">
        <v>110</v>
      </c>
      <c r="AP21" s="71">
        <v>95</v>
      </c>
      <c r="AQ21" s="71">
        <v>61</v>
      </c>
      <c r="AR21" s="71">
        <v>59</v>
      </c>
      <c r="AS21" s="72">
        <v>472</v>
      </c>
      <c r="AT21" s="73">
        <v>612</v>
      </c>
      <c r="AU21" s="70">
        <v>117</v>
      </c>
      <c r="AV21" s="71">
        <v>109</v>
      </c>
      <c r="AW21" s="72">
        <v>226</v>
      </c>
      <c r="AX21" s="244"/>
      <c r="AY21" s="71">
        <v>249</v>
      </c>
      <c r="AZ21" s="71">
        <v>180</v>
      </c>
      <c r="BA21" s="71">
        <v>120</v>
      </c>
      <c r="BB21" s="71">
        <v>113</v>
      </c>
      <c r="BC21" s="71">
        <v>70</v>
      </c>
      <c r="BD21" s="72">
        <v>732</v>
      </c>
      <c r="BE21" s="73">
        <v>958</v>
      </c>
      <c r="BF21" s="70">
        <v>111</v>
      </c>
      <c r="BG21" s="71">
        <v>107</v>
      </c>
      <c r="BH21" s="72">
        <v>218</v>
      </c>
      <c r="BI21" s="244"/>
      <c r="BJ21" s="71">
        <v>228</v>
      </c>
      <c r="BK21" s="71">
        <v>184</v>
      </c>
      <c r="BL21" s="71">
        <v>144</v>
      </c>
      <c r="BM21" s="71">
        <v>92</v>
      </c>
      <c r="BN21" s="71">
        <v>61</v>
      </c>
      <c r="BO21" s="72">
        <v>709</v>
      </c>
      <c r="BP21" s="73">
        <v>927</v>
      </c>
      <c r="BQ21" s="70">
        <v>56</v>
      </c>
      <c r="BR21" s="71">
        <v>69</v>
      </c>
      <c r="BS21" s="72">
        <v>125</v>
      </c>
      <c r="BT21" s="244"/>
      <c r="BU21" s="71">
        <v>132</v>
      </c>
      <c r="BV21" s="71">
        <v>112</v>
      </c>
      <c r="BW21" s="71">
        <v>84</v>
      </c>
      <c r="BX21" s="71">
        <v>64</v>
      </c>
      <c r="BY21" s="71">
        <v>30</v>
      </c>
      <c r="BZ21" s="72">
        <v>422</v>
      </c>
      <c r="CA21" s="73">
        <v>547</v>
      </c>
      <c r="CB21" s="70">
        <v>16</v>
      </c>
      <c r="CC21" s="71">
        <v>21</v>
      </c>
      <c r="CD21" s="72">
        <v>37</v>
      </c>
      <c r="CE21" s="244"/>
      <c r="CF21" s="71">
        <v>38</v>
      </c>
      <c r="CG21" s="71">
        <v>30</v>
      </c>
      <c r="CH21" s="71">
        <v>27</v>
      </c>
      <c r="CI21" s="71">
        <v>25</v>
      </c>
      <c r="CJ21" s="71">
        <v>26</v>
      </c>
      <c r="CK21" s="72">
        <v>146</v>
      </c>
      <c r="CL21" s="73">
        <v>183</v>
      </c>
      <c r="CM21" s="70">
        <v>437</v>
      </c>
      <c r="CN21" s="71">
        <v>462</v>
      </c>
      <c r="CO21" s="72">
        <v>899</v>
      </c>
      <c r="CP21" s="244"/>
      <c r="CQ21" s="71">
        <v>949</v>
      </c>
      <c r="CR21" s="71">
        <v>750</v>
      </c>
      <c r="CS21" s="71">
        <v>574</v>
      </c>
      <c r="CT21" s="71">
        <v>453</v>
      </c>
      <c r="CU21" s="71">
        <v>301</v>
      </c>
      <c r="CV21" s="72">
        <v>3027</v>
      </c>
      <c r="CW21" s="73">
        <v>3926</v>
      </c>
      <c r="CX21" s="123">
        <v>782</v>
      </c>
      <c r="CY21" s="82">
        <v>1013</v>
      </c>
      <c r="CZ21" s="83">
        <v>1795</v>
      </c>
      <c r="DA21" s="241"/>
      <c r="DB21" s="82">
        <v>1431</v>
      </c>
      <c r="DC21" s="82">
        <v>1264</v>
      </c>
      <c r="DD21" s="82">
        <v>924</v>
      </c>
      <c r="DE21" s="82">
        <v>929</v>
      </c>
      <c r="DF21" s="82">
        <v>651</v>
      </c>
      <c r="DG21" s="84">
        <v>5199</v>
      </c>
      <c r="DH21" s="85">
        <v>6994</v>
      </c>
      <c r="DI21" s="70">
        <v>21</v>
      </c>
      <c r="DJ21" s="71">
        <v>25</v>
      </c>
      <c r="DK21" s="72">
        <v>46</v>
      </c>
      <c r="DL21" s="244"/>
      <c r="DM21" s="71">
        <v>37</v>
      </c>
      <c r="DN21" s="71">
        <v>28</v>
      </c>
      <c r="DO21" s="71">
        <v>19</v>
      </c>
      <c r="DP21" s="71">
        <v>22</v>
      </c>
      <c r="DQ21" s="71">
        <v>14</v>
      </c>
      <c r="DR21" s="72">
        <v>120</v>
      </c>
      <c r="DS21" s="73">
        <v>166</v>
      </c>
      <c r="DT21" s="70">
        <v>56</v>
      </c>
      <c r="DU21" s="71">
        <v>83</v>
      </c>
      <c r="DV21" s="72">
        <v>139</v>
      </c>
      <c r="DW21" s="244"/>
      <c r="DX21" s="71">
        <v>103</v>
      </c>
      <c r="DY21" s="71">
        <v>71</v>
      </c>
      <c r="DZ21" s="71">
        <v>54</v>
      </c>
      <c r="EA21" s="71">
        <v>36</v>
      </c>
      <c r="EB21" s="71">
        <v>36</v>
      </c>
      <c r="EC21" s="72">
        <v>300</v>
      </c>
      <c r="ED21" s="73">
        <v>439</v>
      </c>
      <c r="EE21" s="70">
        <v>153</v>
      </c>
      <c r="EF21" s="71">
        <v>162</v>
      </c>
      <c r="EG21" s="72">
        <v>315</v>
      </c>
      <c r="EH21" s="244"/>
      <c r="EI21" s="71">
        <v>187</v>
      </c>
      <c r="EJ21" s="71">
        <v>168</v>
      </c>
      <c r="EK21" s="71">
        <v>113</v>
      </c>
      <c r="EL21" s="71">
        <v>92</v>
      </c>
      <c r="EM21" s="71">
        <v>73</v>
      </c>
      <c r="EN21" s="72">
        <v>633</v>
      </c>
      <c r="EO21" s="73">
        <v>948</v>
      </c>
      <c r="EP21" s="70">
        <v>250</v>
      </c>
      <c r="EQ21" s="71">
        <v>312</v>
      </c>
      <c r="ER21" s="72">
        <v>562</v>
      </c>
      <c r="ES21" s="244"/>
      <c r="ET21" s="71">
        <v>384</v>
      </c>
      <c r="EU21" s="71">
        <v>293</v>
      </c>
      <c r="EV21" s="71">
        <v>181</v>
      </c>
      <c r="EW21" s="71">
        <v>181</v>
      </c>
      <c r="EX21" s="71">
        <v>136</v>
      </c>
      <c r="EY21" s="72">
        <v>1175</v>
      </c>
      <c r="EZ21" s="73">
        <v>1737</v>
      </c>
      <c r="FA21" s="70">
        <v>200</v>
      </c>
      <c r="FB21" s="71">
        <v>271</v>
      </c>
      <c r="FC21" s="72">
        <v>471</v>
      </c>
      <c r="FD21" s="244"/>
      <c r="FE21" s="71">
        <v>430</v>
      </c>
      <c r="FF21" s="71">
        <v>365</v>
      </c>
      <c r="FG21" s="71">
        <v>254</v>
      </c>
      <c r="FH21" s="71">
        <v>251</v>
      </c>
      <c r="FI21" s="71">
        <v>182</v>
      </c>
      <c r="FJ21" s="72">
        <v>1482</v>
      </c>
      <c r="FK21" s="73">
        <v>1953</v>
      </c>
      <c r="FL21" s="70">
        <v>102</v>
      </c>
      <c r="FM21" s="71">
        <v>160</v>
      </c>
      <c r="FN21" s="72">
        <v>262</v>
      </c>
      <c r="FO21" s="244"/>
      <c r="FP21" s="71">
        <v>290</v>
      </c>
      <c r="FQ21" s="71">
        <v>339</v>
      </c>
      <c r="FR21" s="71">
        <v>303</v>
      </c>
      <c r="FS21" s="71">
        <v>347</v>
      </c>
      <c r="FT21" s="71">
        <v>210</v>
      </c>
      <c r="FU21" s="72">
        <v>1489</v>
      </c>
      <c r="FV21" s="73">
        <v>1751</v>
      </c>
      <c r="FW21" s="70">
        <v>13</v>
      </c>
      <c r="FX21" s="71">
        <v>14</v>
      </c>
      <c r="FY21" s="72">
        <v>27</v>
      </c>
      <c r="FZ21" s="244"/>
      <c r="GA21" s="71">
        <v>26</v>
      </c>
      <c r="GB21" s="71">
        <v>29</v>
      </c>
      <c r="GC21" s="71">
        <v>17</v>
      </c>
      <c r="GD21" s="71">
        <v>17</v>
      </c>
      <c r="GE21" s="71">
        <v>17</v>
      </c>
      <c r="GF21" s="72">
        <v>106</v>
      </c>
      <c r="GG21" s="73">
        <v>133</v>
      </c>
      <c r="GH21" s="70">
        <v>795</v>
      </c>
      <c r="GI21" s="71">
        <v>1027</v>
      </c>
      <c r="GJ21" s="72">
        <v>1822</v>
      </c>
      <c r="GK21" s="244"/>
      <c r="GL21" s="71">
        <v>1457</v>
      </c>
      <c r="GM21" s="71">
        <v>1293</v>
      </c>
      <c r="GN21" s="71">
        <v>941</v>
      </c>
      <c r="GO21" s="71">
        <v>946</v>
      </c>
      <c r="GP21" s="71">
        <v>668</v>
      </c>
      <c r="GQ21" s="72">
        <v>5305</v>
      </c>
      <c r="GR21" s="73">
        <v>7127</v>
      </c>
      <c r="GS21" s="123">
        <v>1203</v>
      </c>
      <c r="GT21" s="82">
        <v>1454</v>
      </c>
      <c r="GU21" s="83">
        <v>2657</v>
      </c>
      <c r="GV21" s="241"/>
      <c r="GW21" s="82">
        <v>2342</v>
      </c>
      <c r="GX21" s="82">
        <v>1984</v>
      </c>
      <c r="GY21" s="82">
        <v>1471</v>
      </c>
      <c r="GZ21" s="82">
        <v>1357</v>
      </c>
      <c r="HA21" s="82">
        <v>926</v>
      </c>
      <c r="HB21" s="84">
        <v>8080</v>
      </c>
      <c r="HC21" s="85">
        <v>10737</v>
      </c>
      <c r="HD21" s="70">
        <v>44</v>
      </c>
      <c r="HE21" s="71">
        <v>53</v>
      </c>
      <c r="HF21" s="72">
        <v>97</v>
      </c>
      <c r="HG21" s="244"/>
      <c r="HH21" s="71">
        <v>87</v>
      </c>
      <c r="HI21" s="71">
        <v>76</v>
      </c>
      <c r="HJ21" s="71">
        <v>50</v>
      </c>
      <c r="HK21" s="71">
        <v>62</v>
      </c>
      <c r="HL21" s="71">
        <v>34</v>
      </c>
      <c r="HM21" s="72">
        <v>309</v>
      </c>
      <c r="HN21" s="73">
        <v>406</v>
      </c>
      <c r="HO21" s="70">
        <v>105</v>
      </c>
      <c r="HP21" s="71">
        <v>136</v>
      </c>
      <c r="HQ21" s="72">
        <v>241</v>
      </c>
      <c r="HR21" s="244"/>
      <c r="HS21" s="71">
        <v>208</v>
      </c>
      <c r="HT21" s="71">
        <v>157</v>
      </c>
      <c r="HU21" s="71">
        <v>127</v>
      </c>
      <c r="HV21" s="71">
        <v>94</v>
      </c>
      <c r="HW21" s="71">
        <v>71</v>
      </c>
      <c r="HX21" s="72">
        <v>657</v>
      </c>
      <c r="HY21" s="73">
        <v>898</v>
      </c>
      <c r="HZ21" s="70">
        <v>218</v>
      </c>
      <c r="IA21" s="71">
        <v>237</v>
      </c>
      <c r="IB21" s="72">
        <v>455</v>
      </c>
      <c r="IC21" s="244"/>
      <c r="ID21" s="71">
        <v>334</v>
      </c>
      <c r="IE21" s="71">
        <v>278</v>
      </c>
      <c r="IF21" s="71">
        <v>208</v>
      </c>
      <c r="IG21" s="71">
        <v>153</v>
      </c>
      <c r="IH21" s="71">
        <v>132</v>
      </c>
      <c r="II21" s="72">
        <v>1105</v>
      </c>
      <c r="IJ21" s="73">
        <v>1560</v>
      </c>
      <c r="IK21" s="70">
        <v>367</v>
      </c>
      <c r="IL21" s="71">
        <v>421</v>
      </c>
      <c r="IM21" s="72">
        <v>788</v>
      </c>
      <c r="IN21" s="244"/>
      <c r="IO21" s="71">
        <v>633</v>
      </c>
      <c r="IP21" s="71">
        <v>473</v>
      </c>
      <c r="IQ21" s="71">
        <v>301</v>
      </c>
      <c r="IR21" s="71">
        <v>294</v>
      </c>
      <c r="IS21" s="71">
        <v>206</v>
      </c>
      <c r="IT21" s="72">
        <v>1907</v>
      </c>
      <c r="IU21" s="73">
        <v>2695</v>
      </c>
      <c r="IV21" s="70">
        <v>311</v>
      </c>
      <c r="IW21" s="71">
        <v>378</v>
      </c>
      <c r="IX21" s="72">
        <v>689</v>
      </c>
      <c r="IY21" s="244"/>
      <c r="IZ21" s="71">
        <v>658</v>
      </c>
      <c r="JA21" s="71">
        <v>549</v>
      </c>
      <c r="JB21" s="71">
        <v>398</v>
      </c>
      <c r="JC21" s="71">
        <v>343</v>
      </c>
      <c r="JD21" s="71">
        <v>243</v>
      </c>
      <c r="JE21" s="72">
        <v>2191</v>
      </c>
      <c r="JF21" s="73">
        <v>2880</v>
      </c>
      <c r="JG21" s="70">
        <v>158</v>
      </c>
      <c r="JH21" s="71">
        <v>229</v>
      </c>
      <c r="JI21" s="72">
        <v>387</v>
      </c>
      <c r="JJ21" s="244"/>
      <c r="JK21" s="71">
        <v>422</v>
      </c>
      <c r="JL21" s="71">
        <v>451</v>
      </c>
      <c r="JM21" s="71">
        <v>387</v>
      </c>
      <c r="JN21" s="71">
        <v>411</v>
      </c>
      <c r="JO21" s="71">
        <v>240</v>
      </c>
      <c r="JP21" s="72">
        <v>1911</v>
      </c>
      <c r="JQ21" s="73">
        <v>2298</v>
      </c>
      <c r="JR21" s="70">
        <v>29</v>
      </c>
      <c r="JS21" s="71">
        <v>35</v>
      </c>
      <c r="JT21" s="72">
        <v>64</v>
      </c>
      <c r="JU21" s="244"/>
      <c r="JV21" s="71">
        <v>64</v>
      </c>
      <c r="JW21" s="71">
        <v>59</v>
      </c>
      <c r="JX21" s="71">
        <v>44</v>
      </c>
      <c r="JY21" s="71">
        <v>42</v>
      </c>
      <c r="JZ21" s="71">
        <v>43</v>
      </c>
      <c r="KA21" s="72">
        <v>252</v>
      </c>
      <c r="KB21" s="73">
        <v>316</v>
      </c>
      <c r="KC21" s="70">
        <v>1232</v>
      </c>
      <c r="KD21" s="71">
        <v>1489</v>
      </c>
      <c r="KE21" s="72">
        <v>2721</v>
      </c>
      <c r="KF21" s="244"/>
      <c r="KG21" s="71">
        <v>2406</v>
      </c>
      <c r="KH21" s="71">
        <v>2043</v>
      </c>
      <c r="KI21" s="71">
        <v>1515</v>
      </c>
      <c r="KJ21" s="71">
        <v>1399</v>
      </c>
      <c r="KK21" s="71">
        <v>969</v>
      </c>
      <c r="KL21" s="72">
        <v>8332</v>
      </c>
      <c r="KM21" s="73">
        <v>11053</v>
      </c>
    </row>
    <row r="22" spans="2:299" ht="21" customHeight="1" x14ac:dyDescent="0.2">
      <c r="B22" s="126" t="s">
        <v>19</v>
      </c>
      <c r="C22" s="315">
        <v>189</v>
      </c>
      <c r="D22" s="82">
        <v>175</v>
      </c>
      <c r="E22" s="83">
        <v>364</v>
      </c>
      <c r="F22" s="241"/>
      <c r="G22" s="82">
        <v>372</v>
      </c>
      <c r="H22" s="82">
        <v>317</v>
      </c>
      <c r="I22" s="82">
        <v>203</v>
      </c>
      <c r="J22" s="82">
        <v>146</v>
      </c>
      <c r="K22" s="82">
        <v>93</v>
      </c>
      <c r="L22" s="84">
        <v>1131</v>
      </c>
      <c r="M22" s="85">
        <v>1495</v>
      </c>
      <c r="N22" s="86">
        <v>7</v>
      </c>
      <c r="O22" s="71">
        <v>9</v>
      </c>
      <c r="P22" s="72">
        <v>16</v>
      </c>
      <c r="Q22" s="244"/>
      <c r="R22" s="71">
        <v>14</v>
      </c>
      <c r="S22" s="71">
        <v>17</v>
      </c>
      <c r="T22" s="71">
        <v>11</v>
      </c>
      <c r="U22" s="71">
        <v>6</v>
      </c>
      <c r="V22" s="71">
        <v>7</v>
      </c>
      <c r="W22" s="72">
        <v>55</v>
      </c>
      <c r="X22" s="73">
        <v>71</v>
      </c>
      <c r="Y22" s="70">
        <v>16</v>
      </c>
      <c r="Z22" s="71">
        <v>20</v>
      </c>
      <c r="AA22" s="72">
        <v>36</v>
      </c>
      <c r="AB22" s="244"/>
      <c r="AC22" s="71">
        <v>43</v>
      </c>
      <c r="AD22" s="71">
        <v>44</v>
      </c>
      <c r="AE22" s="71">
        <v>24</v>
      </c>
      <c r="AF22" s="71">
        <v>19</v>
      </c>
      <c r="AG22" s="71">
        <v>12</v>
      </c>
      <c r="AH22" s="72">
        <v>142</v>
      </c>
      <c r="AI22" s="73">
        <v>178</v>
      </c>
      <c r="AJ22" s="86">
        <v>38</v>
      </c>
      <c r="AK22" s="71">
        <v>24</v>
      </c>
      <c r="AL22" s="72">
        <v>62</v>
      </c>
      <c r="AM22" s="244"/>
      <c r="AN22" s="71">
        <v>60</v>
      </c>
      <c r="AO22" s="71">
        <v>55</v>
      </c>
      <c r="AP22" s="71">
        <v>35</v>
      </c>
      <c r="AQ22" s="71">
        <v>26</v>
      </c>
      <c r="AR22" s="71">
        <v>10</v>
      </c>
      <c r="AS22" s="72">
        <v>186</v>
      </c>
      <c r="AT22" s="73">
        <v>248</v>
      </c>
      <c r="AU22" s="70">
        <v>45</v>
      </c>
      <c r="AV22" s="71">
        <v>38</v>
      </c>
      <c r="AW22" s="72">
        <v>83</v>
      </c>
      <c r="AX22" s="244"/>
      <c r="AY22" s="71">
        <v>94</v>
      </c>
      <c r="AZ22" s="71">
        <v>70</v>
      </c>
      <c r="BA22" s="71">
        <v>55</v>
      </c>
      <c r="BB22" s="71">
        <v>32</v>
      </c>
      <c r="BC22" s="71">
        <v>28</v>
      </c>
      <c r="BD22" s="72">
        <v>279</v>
      </c>
      <c r="BE22" s="73">
        <v>362</v>
      </c>
      <c r="BF22" s="86">
        <v>58</v>
      </c>
      <c r="BG22" s="71">
        <v>46</v>
      </c>
      <c r="BH22" s="72">
        <v>104</v>
      </c>
      <c r="BI22" s="244"/>
      <c r="BJ22" s="71">
        <v>101</v>
      </c>
      <c r="BK22" s="71">
        <v>78</v>
      </c>
      <c r="BL22" s="71">
        <v>38</v>
      </c>
      <c r="BM22" s="71">
        <v>39</v>
      </c>
      <c r="BN22" s="71">
        <v>25</v>
      </c>
      <c r="BO22" s="72">
        <v>281</v>
      </c>
      <c r="BP22" s="73">
        <v>385</v>
      </c>
      <c r="BQ22" s="70">
        <v>25</v>
      </c>
      <c r="BR22" s="71">
        <v>38</v>
      </c>
      <c r="BS22" s="72">
        <v>63</v>
      </c>
      <c r="BT22" s="244"/>
      <c r="BU22" s="71">
        <v>60</v>
      </c>
      <c r="BV22" s="71">
        <v>53</v>
      </c>
      <c r="BW22" s="71">
        <v>40</v>
      </c>
      <c r="BX22" s="71">
        <v>24</v>
      </c>
      <c r="BY22" s="71">
        <v>11</v>
      </c>
      <c r="BZ22" s="72">
        <v>188</v>
      </c>
      <c r="CA22" s="73">
        <v>251</v>
      </c>
      <c r="CB22" s="70">
        <v>6</v>
      </c>
      <c r="CC22" s="71">
        <v>9</v>
      </c>
      <c r="CD22" s="72">
        <v>15</v>
      </c>
      <c r="CE22" s="244"/>
      <c r="CF22" s="71">
        <v>14</v>
      </c>
      <c r="CG22" s="71">
        <v>11</v>
      </c>
      <c r="CH22" s="71">
        <v>11</v>
      </c>
      <c r="CI22" s="71">
        <v>9</v>
      </c>
      <c r="CJ22" s="71">
        <v>6</v>
      </c>
      <c r="CK22" s="72">
        <v>51</v>
      </c>
      <c r="CL22" s="73">
        <v>66</v>
      </c>
      <c r="CM22" s="70">
        <v>195</v>
      </c>
      <c r="CN22" s="71">
        <v>184</v>
      </c>
      <c r="CO22" s="72">
        <v>379</v>
      </c>
      <c r="CP22" s="244"/>
      <c r="CQ22" s="71">
        <v>386</v>
      </c>
      <c r="CR22" s="71">
        <v>328</v>
      </c>
      <c r="CS22" s="71">
        <v>214</v>
      </c>
      <c r="CT22" s="71">
        <v>155</v>
      </c>
      <c r="CU22" s="71">
        <v>99</v>
      </c>
      <c r="CV22" s="72">
        <v>1182</v>
      </c>
      <c r="CW22" s="73">
        <v>1561</v>
      </c>
      <c r="CX22" s="123">
        <v>335</v>
      </c>
      <c r="CY22" s="82">
        <v>393</v>
      </c>
      <c r="CZ22" s="83">
        <v>728</v>
      </c>
      <c r="DA22" s="241"/>
      <c r="DB22" s="82">
        <v>635</v>
      </c>
      <c r="DC22" s="82">
        <v>503</v>
      </c>
      <c r="DD22" s="82">
        <v>438</v>
      </c>
      <c r="DE22" s="82">
        <v>348</v>
      </c>
      <c r="DF22" s="82">
        <v>236</v>
      </c>
      <c r="DG22" s="84">
        <v>2160</v>
      </c>
      <c r="DH22" s="85">
        <v>2888</v>
      </c>
      <c r="DI22" s="86">
        <v>8</v>
      </c>
      <c r="DJ22" s="71">
        <v>11</v>
      </c>
      <c r="DK22" s="72">
        <v>19</v>
      </c>
      <c r="DL22" s="244"/>
      <c r="DM22" s="71">
        <v>13</v>
      </c>
      <c r="DN22" s="71">
        <v>13</v>
      </c>
      <c r="DO22" s="71">
        <v>8</v>
      </c>
      <c r="DP22" s="71">
        <v>1</v>
      </c>
      <c r="DQ22" s="71">
        <v>3</v>
      </c>
      <c r="DR22" s="72">
        <v>38</v>
      </c>
      <c r="DS22" s="73">
        <v>57</v>
      </c>
      <c r="DT22" s="70">
        <v>26</v>
      </c>
      <c r="DU22" s="71">
        <v>34</v>
      </c>
      <c r="DV22" s="72">
        <v>60</v>
      </c>
      <c r="DW22" s="244"/>
      <c r="DX22" s="71">
        <v>50</v>
      </c>
      <c r="DY22" s="71">
        <v>22</v>
      </c>
      <c r="DZ22" s="71">
        <v>20</v>
      </c>
      <c r="EA22" s="71">
        <v>13</v>
      </c>
      <c r="EB22" s="71">
        <v>18</v>
      </c>
      <c r="EC22" s="72">
        <v>123</v>
      </c>
      <c r="ED22" s="73">
        <v>183</v>
      </c>
      <c r="EE22" s="86">
        <v>57</v>
      </c>
      <c r="EF22" s="71">
        <v>63</v>
      </c>
      <c r="EG22" s="72">
        <v>120</v>
      </c>
      <c r="EH22" s="244"/>
      <c r="EI22" s="71">
        <v>82</v>
      </c>
      <c r="EJ22" s="71">
        <v>60</v>
      </c>
      <c r="EK22" s="71">
        <v>35</v>
      </c>
      <c r="EL22" s="71">
        <v>46</v>
      </c>
      <c r="EM22" s="71">
        <v>28</v>
      </c>
      <c r="EN22" s="72">
        <v>251</v>
      </c>
      <c r="EO22" s="73">
        <v>371</v>
      </c>
      <c r="EP22" s="70">
        <v>105</v>
      </c>
      <c r="EQ22" s="71">
        <v>92</v>
      </c>
      <c r="ER22" s="72">
        <v>197</v>
      </c>
      <c r="ES22" s="244"/>
      <c r="ET22" s="71">
        <v>164</v>
      </c>
      <c r="EU22" s="71">
        <v>118</v>
      </c>
      <c r="EV22" s="71">
        <v>92</v>
      </c>
      <c r="EW22" s="71">
        <v>63</v>
      </c>
      <c r="EX22" s="71">
        <v>38</v>
      </c>
      <c r="EY22" s="72">
        <v>475</v>
      </c>
      <c r="EZ22" s="73">
        <v>672</v>
      </c>
      <c r="FA22" s="86">
        <v>90</v>
      </c>
      <c r="FB22" s="71">
        <v>113</v>
      </c>
      <c r="FC22" s="72">
        <v>203</v>
      </c>
      <c r="FD22" s="244"/>
      <c r="FE22" s="71">
        <v>173</v>
      </c>
      <c r="FF22" s="71">
        <v>147</v>
      </c>
      <c r="FG22" s="71">
        <v>116</v>
      </c>
      <c r="FH22" s="71">
        <v>82</v>
      </c>
      <c r="FI22" s="71">
        <v>54</v>
      </c>
      <c r="FJ22" s="72">
        <v>572</v>
      </c>
      <c r="FK22" s="73">
        <v>775</v>
      </c>
      <c r="FL22" s="70">
        <v>49</v>
      </c>
      <c r="FM22" s="71">
        <v>80</v>
      </c>
      <c r="FN22" s="72">
        <v>129</v>
      </c>
      <c r="FO22" s="244"/>
      <c r="FP22" s="71">
        <v>153</v>
      </c>
      <c r="FQ22" s="71">
        <v>143</v>
      </c>
      <c r="FR22" s="71">
        <v>167</v>
      </c>
      <c r="FS22" s="71">
        <v>143</v>
      </c>
      <c r="FT22" s="71">
        <v>95</v>
      </c>
      <c r="FU22" s="72">
        <v>701</v>
      </c>
      <c r="FV22" s="73">
        <v>830</v>
      </c>
      <c r="FW22" s="70">
        <v>5</v>
      </c>
      <c r="FX22" s="71">
        <v>4</v>
      </c>
      <c r="FY22" s="72">
        <v>9</v>
      </c>
      <c r="FZ22" s="244"/>
      <c r="GA22" s="71">
        <v>7</v>
      </c>
      <c r="GB22" s="71">
        <v>10</v>
      </c>
      <c r="GC22" s="71">
        <v>5</v>
      </c>
      <c r="GD22" s="71">
        <v>5</v>
      </c>
      <c r="GE22" s="71">
        <v>6</v>
      </c>
      <c r="GF22" s="72">
        <v>33</v>
      </c>
      <c r="GG22" s="73">
        <v>42</v>
      </c>
      <c r="GH22" s="70">
        <v>340</v>
      </c>
      <c r="GI22" s="71">
        <v>397</v>
      </c>
      <c r="GJ22" s="72">
        <v>737</v>
      </c>
      <c r="GK22" s="244"/>
      <c r="GL22" s="71">
        <v>642</v>
      </c>
      <c r="GM22" s="71">
        <v>513</v>
      </c>
      <c r="GN22" s="71">
        <v>443</v>
      </c>
      <c r="GO22" s="71">
        <v>353</v>
      </c>
      <c r="GP22" s="71">
        <v>242</v>
      </c>
      <c r="GQ22" s="72">
        <v>2193</v>
      </c>
      <c r="GR22" s="73">
        <v>2930</v>
      </c>
      <c r="GS22" s="123">
        <v>524</v>
      </c>
      <c r="GT22" s="82">
        <v>568</v>
      </c>
      <c r="GU22" s="83">
        <v>1092</v>
      </c>
      <c r="GV22" s="241"/>
      <c r="GW22" s="82">
        <v>1007</v>
      </c>
      <c r="GX22" s="82">
        <v>820</v>
      </c>
      <c r="GY22" s="82">
        <v>641</v>
      </c>
      <c r="GZ22" s="82">
        <v>494</v>
      </c>
      <c r="HA22" s="82">
        <v>329</v>
      </c>
      <c r="HB22" s="84">
        <v>3291</v>
      </c>
      <c r="HC22" s="85">
        <v>4383</v>
      </c>
      <c r="HD22" s="86">
        <v>15</v>
      </c>
      <c r="HE22" s="71">
        <v>20</v>
      </c>
      <c r="HF22" s="72">
        <v>35</v>
      </c>
      <c r="HG22" s="244"/>
      <c r="HH22" s="71">
        <v>27</v>
      </c>
      <c r="HI22" s="71">
        <v>30</v>
      </c>
      <c r="HJ22" s="71">
        <v>19</v>
      </c>
      <c r="HK22" s="71">
        <v>7</v>
      </c>
      <c r="HL22" s="71">
        <v>10</v>
      </c>
      <c r="HM22" s="72">
        <v>93</v>
      </c>
      <c r="HN22" s="73">
        <v>128</v>
      </c>
      <c r="HO22" s="70">
        <v>42</v>
      </c>
      <c r="HP22" s="71">
        <v>54</v>
      </c>
      <c r="HQ22" s="72">
        <v>96</v>
      </c>
      <c r="HR22" s="244"/>
      <c r="HS22" s="71">
        <v>93</v>
      </c>
      <c r="HT22" s="71">
        <v>66</v>
      </c>
      <c r="HU22" s="71">
        <v>44</v>
      </c>
      <c r="HV22" s="71">
        <v>32</v>
      </c>
      <c r="HW22" s="71">
        <v>30</v>
      </c>
      <c r="HX22" s="72">
        <v>265</v>
      </c>
      <c r="HY22" s="73">
        <v>361</v>
      </c>
      <c r="HZ22" s="86">
        <v>95</v>
      </c>
      <c r="IA22" s="71">
        <v>87</v>
      </c>
      <c r="IB22" s="72">
        <v>182</v>
      </c>
      <c r="IC22" s="244"/>
      <c r="ID22" s="71">
        <v>142</v>
      </c>
      <c r="IE22" s="71">
        <v>115</v>
      </c>
      <c r="IF22" s="71">
        <v>70</v>
      </c>
      <c r="IG22" s="71">
        <v>72</v>
      </c>
      <c r="IH22" s="71">
        <v>38</v>
      </c>
      <c r="II22" s="72">
        <v>437</v>
      </c>
      <c r="IJ22" s="73">
        <v>619</v>
      </c>
      <c r="IK22" s="70">
        <v>150</v>
      </c>
      <c r="IL22" s="71">
        <v>130</v>
      </c>
      <c r="IM22" s="72">
        <v>280</v>
      </c>
      <c r="IN22" s="244"/>
      <c r="IO22" s="71">
        <v>258</v>
      </c>
      <c r="IP22" s="71">
        <v>188</v>
      </c>
      <c r="IQ22" s="71">
        <v>147</v>
      </c>
      <c r="IR22" s="71">
        <v>95</v>
      </c>
      <c r="IS22" s="71">
        <v>66</v>
      </c>
      <c r="IT22" s="72">
        <v>754</v>
      </c>
      <c r="IU22" s="73">
        <v>1034</v>
      </c>
      <c r="IV22" s="86">
        <v>148</v>
      </c>
      <c r="IW22" s="71">
        <v>159</v>
      </c>
      <c r="IX22" s="72">
        <v>307</v>
      </c>
      <c r="IY22" s="244"/>
      <c r="IZ22" s="71">
        <v>274</v>
      </c>
      <c r="JA22" s="71">
        <v>225</v>
      </c>
      <c r="JB22" s="71">
        <v>154</v>
      </c>
      <c r="JC22" s="71">
        <v>121</v>
      </c>
      <c r="JD22" s="71">
        <v>79</v>
      </c>
      <c r="JE22" s="72">
        <v>853</v>
      </c>
      <c r="JF22" s="73">
        <v>1160</v>
      </c>
      <c r="JG22" s="70">
        <v>74</v>
      </c>
      <c r="JH22" s="71">
        <v>118</v>
      </c>
      <c r="JI22" s="72">
        <v>192</v>
      </c>
      <c r="JJ22" s="244"/>
      <c r="JK22" s="71">
        <v>213</v>
      </c>
      <c r="JL22" s="71">
        <v>196</v>
      </c>
      <c r="JM22" s="71">
        <v>207</v>
      </c>
      <c r="JN22" s="71">
        <v>167</v>
      </c>
      <c r="JO22" s="71">
        <v>106</v>
      </c>
      <c r="JP22" s="72">
        <v>889</v>
      </c>
      <c r="JQ22" s="73">
        <v>1081</v>
      </c>
      <c r="JR22" s="70">
        <v>11</v>
      </c>
      <c r="JS22" s="71">
        <v>13</v>
      </c>
      <c r="JT22" s="72">
        <v>24</v>
      </c>
      <c r="JU22" s="244"/>
      <c r="JV22" s="71">
        <v>21</v>
      </c>
      <c r="JW22" s="71">
        <v>21</v>
      </c>
      <c r="JX22" s="71">
        <v>16</v>
      </c>
      <c r="JY22" s="71">
        <v>14</v>
      </c>
      <c r="JZ22" s="71">
        <v>12</v>
      </c>
      <c r="KA22" s="72">
        <v>84</v>
      </c>
      <c r="KB22" s="73">
        <v>108</v>
      </c>
      <c r="KC22" s="70">
        <v>535</v>
      </c>
      <c r="KD22" s="71">
        <v>581</v>
      </c>
      <c r="KE22" s="72">
        <v>1116</v>
      </c>
      <c r="KF22" s="244"/>
      <c r="KG22" s="71">
        <v>1028</v>
      </c>
      <c r="KH22" s="71">
        <v>841</v>
      </c>
      <c r="KI22" s="71">
        <v>657</v>
      </c>
      <c r="KJ22" s="71">
        <v>508</v>
      </c>
      <c r="KK22" s="71">
        <v>341</v>
      </c>
      <c r="KL22" s="72">
        <v>3375</v>
      </c>
      <c r="KM22" s="73">
        <v>4491</v>
      </c>
    </row>
    <row r="23" spans="2:299" ht="21" customHeight="1" x14ac:dyDescent="0.2">
      <c r="B23" s="126" t="s">
        <v>20</v>
      </c>
      <c r="C23" s="315">
        <v>254</v>
      </c>
      <c r="D23" s="82">
        <v>332</v>
      </c>
      <c r="E23" s="83">
        <v>586</v>
      </c>
      <c r="F23" s="241"/>
      <c r="G23" s="82">
        <v>561</v>
      </c>
      <c r="H23" s="82">
        <v>332</v>
      </c>
      <c r="I23" s="82">
        <v>258</v>
      </c>
      <c r="J23" s="82">
        <v>211</v>
      </c>
      <c r="K23" s="82">
        <v>116</v>
      </c>
      <c r="L23" s="84">
        <v>1478</v>
      </c>
      <c r="M23" s="85">
        <v>2064</v>
      </c>
      <c r="N23" s="70">
        <v>10</v>
      </c>
      <c r="O23" s="71">
        <v>8</v>
      </c>
      <c r="P23" s="72">
        <v>18</v>
      </c>
      <c r="Q23" s="244"/>
      <c r="R23" s="71">
        <v>25</v>
      </c>
      <c r="S23" s="71">
        <v>15</v>
      </c>
      <c r="T23" s="71">
        <v>15</v>
      </c>
      <c r="U23" s="71">
        <v>13</v>
      </c>
      <c r="V23" s="71">
        <v>8</v>
      </c>
      <c r="W23" s="72">
        <v>76</v>
      </c>
      <c r="X23" s="73">
        <v>94</v>
      </c>
      <c r="Y23" s="70">
        <v>26</v>
      </c>
      <c r="Z23" s="71">
        <v>34</v>
      </c>
      <c r="AA23" s="72">
        <v>60</v>
      </c>
      <c r="AB23" s="244"/>
      <c r="AC23" s="71">
        <v>57</v>
      </c>
      <c r="AD23" s="71">
        <v>49</v>
      </c>
      <c r="AE23" s="71">
        <v>35</v>
      </c>
      <c r="AF23" s="71">
        <v>27</v>
      </c>
      <c r="AG23" s="71">
        <v>19</v>
      </c>
      <c r="AH23" s="72">
        <v>187</v>
      </c>
      <c r="AI23" s="73">
        <v>247</v>
      </c>
      <c r="AJ23" s="70">
        <v>48</v>
      </c>
      <c r="AK23" s="71">
        <v>57</v>
      </c>
      <c r="AL23" s="72">
        <v>105</v>
      </c>
      <c r="AM23" s="244"/>
      <c r="AN23" s="71">
        <v>79</v>
      </c>
      <c r="AO23" s="71">
        <v>57</v>
      </c>
      <c r="AP23" s="71">
        <v>42</v>
      </c>
      <c r="AQ23" s="71">
        <v>39</v>
      </c>
      <c r="AR23" s="71">
        <v>33</v>
      </c>
      <c r="AS23" s="72">
        <v>250</v>
      </c>
      <c r="AT23" s="73">
        <v>355</v>
      </c>
      <c r="AU23" s="70">
        <v>70</v>
      </c>
      <c r="AV23" s="71">
        <v>103</v>
      </c>
      <c r="AW23" s="72">
        <v>173</v>
      </c>
      <c r="AX23" s="244"/>
      <c r="AY23" s="71">
        <v>153</v>
      </c>
      <c r="AZ23" s="71">
        <v>82</v>
      </c>
      <c r="BA23" s="71">
        <v>71</v>
      </c>
      <c r="BB23" s="71">
        <v>55</v>
      </c>
      <c r="BC23" s="71">
        <v>27</v>
      </c>
      <c r="BD23" s="72">
        <v>388</v>
      </c>
      <c r="BE23" s="73">
        <v>561</v>
      </c>
      <c r="BF23" s="70">
        <v>68</v>
      </c>
      <c r="BG23" s="71">
        <v>88</v>
      </c>
      <c r="BH23" s="72">
        <v>156</v>
      </c>
      <c r="BI23" s="244"/>
      <c r="BJ23" s="71">
        <v>174</v>
      </c>
      <c r="BK23" s="71">
        <v>80</v>
      </c>
      <c r="BL23" s="71">
        <v>62</v>
      </c>
      <c r="BM23" s="71">
        <v>48</v>
      </c>
      <c r="BN23" s="71">
        <v>18</v>
      </c>
      <c r="BO23" s="72">
        <v>382</v>
      </c>
      <c r="BP23" s="73">
        <v>538</v>
      </c>
      <c r="BQ23" s="70">
        <v>32</v>
      </c>
      <c r="BR23" s="71">
        <v>42</v>
      </c>
      <c r="BS23" s="72">
        <v>74</v>
      </c>
      <c r="BT23" s="244"/>
      <c r="BU23" s="71">
        <v>73</v>
      </c>
      <c r="BV23" s="71">
        <v>49</v>
      </c>
      <c r="BW23" s="71">
        <v>33</v>
      </c>
      <c r="BX23" s="71">
        <v>29</v>
      </c>
      <c r="BY23" s="71">
        <v>11</v>
      </c>
      <c r="BZ23" s="72">
        <v>195</v>
      </c>
      <c r="CA23" s="73">
        <v>269</v>
      </c>
      <c r="CB23" s="70">
        <v>9</v>
      </c>
      <c r="CC23" s="71">
        <v>13</v>
      </c>
      <c r="CD23" s="72">
        <v>22</v>
      </c>
      <c r="CE23" s="244"/>
      <c r="CF23" s="71">
        <v>23</v>
      </c>
      <c r="CG23" s="71">
        <v>12</v>
      </c>
      <c r="CH23" s="71">
        <v>10</v>
      </c>
      <c r="CI23" s="71">
        <v>11</v>
      </c>
      <c r="CJ23" s="71">
        <v>6</v>
      </c>
      <c r="CK23" s="72">
        <v>62</v>
      </c>
      <c r="CL23" s="73">
        <v>84</v>
      </c>
      <c r="CM23" s="70">
        <v>263</v>
      </c>
      <c r="CN23" s="71">
        <v>345</v>
      </c>
      <c r="CO23" s="72">
        <v>608</v>
      </c>
      <c r="CP23" s="244"/>
      <c r="CQ23" s="71">
        <v>584</v>
      </c>
      <c r="CR23" s="71">
        <v>344</v>
      </c>
      <c r="CS23" s="71">
        <v>268</v>
      </c>
      <c r="CT23" s="71">
        <v>222</v>
      </c>
      <c r="CU23" s="71">
        <v>122</v>
      </c>
      <c r="CV23" s="72">
        <v>1540</v>
      </c>
      <c r="CW23" s="73">
        <v>2148</v>
      </c>
      <c r="CX23" s="123">
        <v>463</v>
      </c>
      <c r="CY23" s="82">
        <v>603</v>
      </c>
      <c r="CZ23" s="83">
        <v>1066</v>
      </c>
      <c r="DA23" s="241"/>
      <c r="DB23" s="82">
        <v>859</v>
      </c>
      <c r="DC23" s="82">
        <v>519</v>
      </c>
      <c r="DD23" s="82">
        <v>468</v>
      </c>
      <c r="DE23" s="82">
        <v>405</v>
      </c>
      <c r="DF23" s="82">
        <v>255</v>
      </c>
      <c r="DG23" s="84">
        <v>2506</v>
      </c>
      <c r="DH23" s="85">
        <v>3572</v>
      </c>
      <c r="DI23" s="70">
        <v>9</v>
      </c>
      <c r="DJ23" s="71">
        <v>14</v>
      </c>
      <c r="DK23" s="72">
        <v>23</v>
      </c>
      <c r="DL23" s="244"/>
      <c r="DM23" s="71">
        <v>22</v>
      </c>
      <c r="DN23" s="71">
        <v>10</v>
      </c>
      <c r="DO23" s="71">
        <v>8</v>
      </c>
      <c r="DP23" s="71">
        <v>8</v>
      </c>
      <c r="DQ23" s="71">
        <v>3</v>
      </c>
      <c r="DR23" s="72">
        <v>51</v>
      </c>
      <c r="DS23" s="73">
        <v>74</v>
      </c>
      <c r="DT23" s="70">
        <v>34</v>
      </c>
      <c r="DU23" s="71">
        <v>46</v>
      </c>
      <c r="DV23" s="72">
        <v>80</v>
      </c>
      <c r="DW23" s="244"/>
      <c r="DX23" s="71">
        <v>71</v>
      </c>
      <c r="DY23" s="71">
        <v>27</v>
      </c>
      <c r="DZ23" s="71">
        <v>23</v>
      </c>
      <c r="EA23" s="71">
        <v>25</v>
      </c>
      <c r="EB23" s="71">
        <v>16</v>
      </c>
      <c r="EC23" s="72">
        <v>162</v>
      </c>
      <c r="ED23" s="73">
        <v>242</v>
      </c>
      <c r="EE23" s="70">
        <v>92</v>
      </c>
      <c r="EF23" s="71">
        <v>84</v>
      </c>
      <c r="EG23" s="72">
        <v>176</v>
      </c>
      <c r="EH23" s="244"/>
      <c r="EI23" s="71">
        <v>138</v>
      </c>
      <c r="EJ23" s="71">
        <v>59</v>
      </c>
      <c r="EK23" s="71">
        <v>41</v>
      </c>
      <c r="EL23" s="71">
        <v>37</v>
      </c>
      <c r="EM23" s="71">
        <v>35</v>
      </c>
      <c r="EN23" s="72">
        <v>310</v>
      </c>
      <c r="EO23" s="73">
        <v>486</v>
      </c>
      <c r="EP23" s="70">
        <v>159</v>
      </c>
      <c r="EQ23" s="71">
        <v>167</v>
      </c>
      <c r="ER23" s="72">
        <v>326</v>
      </c>
      <c r="ES23" s="244"/>
      <c r="ET23" s="71">
        <v>206</v>
      </c>
      <c r="EU23" s="71">
        <v>119</v>
      </c>
      <c r="EV23" s="71">
        <v>99</v>
      </c>
      <c r="EW23" s="71">
        <v>71</v>
      </c>
      <c r="EX23" s="71">
        <v>47</v>
      </c>
      <c r="EY23" s="72">
        <v>542</v>
      </c>
      <c r="EZ23" s="73">
        <v>868</v>
      </c>
      <c r="FA23" s="70">
        <v>122</v>
      </c>
      <c r="FB23" s="71">
        <v>176</v>
      </c>
      <c r="FC23" s="72">
        <v>298</v>
      </c>
      <c r="FD23" s="244"/>
      <c r="FE23" s="71">
        <v>226</v>
      </c>
      <c r="FF23" s="71">
        <v>139</v>
      </c>
      <c r="FG23" s="71">
        <v>127</v>
      </c>
      <c r="FH23" s="71">
        <v>105</v>
      </c>
      <c r="FI23" s="71">
        <v>66</v>
      </c>
      <c r="FJ23" s="72">
        <v>663</v>
      </c>
      <c r="FK23" s="73">
        <v>961</v>
      </c>
      <c r="FL23" s="70">
        <v>47</v>
      </c>
      <c r="FM23" s="71">
        <v>116</v>
      </c>
      <c r="FN23" s="72">
        <v>163</v>
      </c>
      <c r="FO23" s="244"/>
      <c r="FP23" s="71">
        <v>196</v>
      </c>
      <c r="FQ23" s="71">
        <v>165</v>
      </c>
      <c r="FR23" s="71">
        <v>170</v>
      </c>
      <c r="FS23" s="71">
        <v>159</v>
      </c>
      <c r="FT23" s="71">
        <v>88</v>
      </c>
      <c r="FU23" s="72">
        <v>778</v>
      </c>
      <c r="FV23" s="73">
        <v>941</v>
      </c>
      <c r="FW23" s="70">
        <v>5</v>
      </c>
      <c r="FX23" s="71">
        <v>14</v>
      </c>
      <c r="FY23" s="72">
        <v>19</v>
      </c>
      <c r="FZ23" s="244"/>
      <c r="GA23" s="71">
        <v>15</v>
      </c>
      <c r="GB23" s="71">
        <v>14</v>
      </c>
      <c r="GC23" s="71">
        <v>4</v>
      </c>
      <c r="GD23" s="71">
        <v>9</v>
      </c>
      <c r="GE23" s="71">
        <v>5</v>
      </c>
      <c r="GF23" s="72">
        <v>47</v>
      </c>
      <c r="GG23" s="73">
        <v>66</v>
      </c>
      <c r="GH23" s="70">
        <v>468</v>
      </c>
      <c r="GI23" s="71">
        <v>617</v>
      </c>
      <c r="GJ23" s="72">
        <v>1085</v>
      </c>
      <c r="GK23" s="244"/>
      <c r="GL23" s="71">
        <v>874</v>
      </c>
      <c r="GM23" s="71">
        <v>533</v>
      </c>
      <c r="GN23" s="71">
        <v>472</v>
      </c>
      <c r="GO23" s="71">
        <v>414</v>
      </c>
      <c r="GP23" s="71">
        <v>260</v>
      </c>
      <c r="GQ23" s="72">
        <v>2553</v>
      </c>
      <c r="GR23" s="73">
        <v>3638</v>
      </c>
      <c r="GS23" s="123">
        <v>717</v>
      </c>
      <c r="GT23" s="82">
        <v>935</v>
      </c>
      <c r="GU23" s="83">
        <v>1652</v>
      </c>
      <c r="GV23" s="241"/>
      <c r="GW23" s="82">
        <v>1420</v>
      </c>
      <c r="GX23" s="82">
        <v>851</v>
      </c>
      <c r="GY23" s="82">
        <v>726</v>
      </c>
      <c r="GZ23" s="82">
        <v>616</v>
      </c>
      <c r="HA23" s="82">
        <v>371</v>
      </c>
      <c r="HB23" s="84">
        <v>3984</v>
      </c>
      <c r="HC23" s="85">
        <v>5636</v>
      </c>
      <c r="HD23" s="70">
        <v>19</v>
      </c>
      <c r="HE23" s="71">
        <v>22</v>
      </c>
      <c r="HF23" s="72">
        <v>41</v>
      </c>
      <c r="HG23" s="244"/>
      <c r="HH23" s="71">
        <v>47</v>
      </c>
      <c r="HI23" s="71">
        <v>25</v>
      </c>
      <c r="HJ23" s="71">
        <v>23</v>
      </c>
      <c r="HK23" s="71">
        <v>21</v>
      </c>
      <c r="HL23" s="71">
        <v>11</v>
      </c>
      <c r="HM23" s="72">
        <v>127</v>
      </c>
      <c r="HN23" s="73">
        <v>168</v>
      </c>
      <c r="HO23" s="70">
        <v>60</v>
      </c>
      <c r="HP23" s="71">
        <v>80</v>
      </c>
      <c r="HQ23" s="72">
        <v>140</v>
      </c>
      <c r="HR23" s="244"/>
      <c r="HS23" s="71">
        <v>128</v>
      </c>
      <c r="HT23" s="71">
        <v>76</v>
      </c>
      <c r="HU23" s="71">
        <v>58</v>
      </c>
      <c r="HV23" s="71">
        <v>52</v>
      </c>
      <c r="HW23" s="71">
        <v>35</v>
      </c>
      <c r="HX23" s="72">
        <v>349</v>
      </c>
      <c r="HY23" s="73">
        <v>489</v>
      </c>
      <c r="HZ23" s="70">
        <v>140</v>
      </c>
      <c r="IA23" s="71">
        <v>141</v>
      </c>
      <c r="IB23" s="72">
        <v>281</v>
      </c>
      <c r="IC23" s="244"/>
      <c r="ID23" s="71">
        <v>217</v>
      </c>
      <c r="IE23" s="71">
        <v>116</v>
      </c>
      <c r="IF23" s="71">
        <v>83</v>
      </c>
      <c r="IG23" s="71">
        <v>76</v>
      </c>
      <c r="IH23" s="71">
        <v>68</v>
      </c>
      <c r="II23" s="72">
        <v>560</v>
      </c>
      <c r="IJ23" s="73">
        <v>841</v>
      </c>
      <c r="IK23" s="70">
        <v>229</v>
      </c>
      <c r="IL23" s="71">
        <v>270</v>
      </c>
      <c r="IM23" s="72">
        <v>499</v>
      </c>
      <c r="IN23" s="244"/>
      <c r="IO23" s="71">
        <v>359</v>
      </c>
      <c r="IP23" s="71">
        <v>201</v>
      </c>
      <c r="IQ23" s="71">
        <v>170</v>
      </c>
      <c r="IR23" s="71">
        <v>126</v>
      </c>
      <c r="IS23" s="71">
        <v>74</v>
      </c>
      <c r="IT23" s="72">
        <v>930</v>
      </c>
      <c r="IU23" s="73">
        <v>1429</v>
      </c>
      <c r="IV23" s="70">
        <v>190</v>
      </c>
      <c r="IW23" s="71">
        <v>264</v>
      </c>
      <c r="IX23" s="72">
        <v>454</v>
      </c>
      <c r="IY23" s="244"/>
      <c r="IZ23" s="71">
        <v>400</v>
      </c>
      <c r="JA23" s="71">
        <v>219</v>
      </c>
      <c r="JB23" s="71">
        <v>189</v>
      </c>
      <c r="JC23" s="71">
        <v>153</v>
      </c>
      <c r="JD23" s="71">
        <v>84</v>
      </c>
      <c r="JE23" s="72">
        <v>1045</v>
      </c>
      <c r="JF23" s="73">
        <v>1499</v>
      </c>
      <c r="JG23" s="70">
        <v>79</v>
      </c>
      <c r="JH23" s="71">
        <v>158</v>
      </c>
      <c r="JI23" s="72">
        <v>237</v>
      </c>
      <c r="JJ23" s="244"/>
      <c r="JK23" s="71">
        <v>269</v>
      </c>
      <c r="JL23" s="71">
        <v>214</v>
      </c>
      <c r="JM23" s="71">
        <v>203</v>
      </c>
      <c r="JN23" s="71">
        <v>188</v>
      </c>
      <c r="JO23" s="71">
        <v>99</v>
      </c>
      <c r="JP23" s="72">
        <v>973</v>
      </c>
      <c r="JQ23" s="73">
        <v>1210</v>
      </c>
      <c r="JR23" s="70">
        <v>14</v>
      </c>
      <c r="JS23" s="71">
        <v>27</v>
      </c>
      <c r="JT23" s="72">
        <v>41</v>
      </c>
      <c r="JU23" s="244"/>
      <c r="JV23" s="71">
        <v>38</v>
      </c>
      <c r="JW23" s="71">
        <v>26</v>
      </c>
      <c r="JX23" s="71">
        <v>14</v>
      </c>
      <c r="JY23" s="71">
        <v>20</v>
      </c>
      <c r="JZ23" s="71">
        <v>11</v>
      </c>
      <c r="KA23" s="72">
        <v>109</v>
      </c>
      <c r="KB23" s="73">
        <v>150</v>
      </c>
      <c r="KC23" s="70">
        <v>731</v>
      </c>
      <c r="KD23" s="71">
        <v>962</v>
      </c>
      <c r="KE23" s="72">
        <v>1693</v>
      </c>
      <c r="KF23" s="244"/>
      <c r="KG23" s="71">
        <v>1458</v>
      </c>
      <c r="KH23" s="71">
        <v>877</v>
      </c>
      <c r="KI23" s="71">
        <v>740</v>
      </c>
      <c r="KJ23" s="71">
        <v>636</v>
      </c>
      <c r="KK23" s="71">
        <v>382</v>
      </c>
      <c r="KL23" s="72">
        <v>4093</v>
      </c>
      <c r="KM23" s="73">
        <v>5786</v>
      </c>
    </row>
    <row r="24" spans="2:299" ht="21" customHeight="1" x14ac:dyDescent="0.2">
      <c r="B24" s="126" t="s">
        <v>21</v>
      </c>
      <c r="C24" s="315">
        <v>281</v>
      </c>
      <c r="D24" s="82">
        <v>231</v>
      </c>
      <c r="E24" s="83">
        <v>512</v>
      </c>
      <c r="F24" s="241"/>
      <c r="G24" s="82">
        <v>438</v>
      </c>
      <c r="H24" s="82">
        <v>409</v>
      </c>
      <c r="I24" s="82">
        <v>285</v>
      </c>
      <c r="J24" s="82">
        <v>225</v>
      </c>
      <c r="K24" s="82">
        <v>133</v>
      </c>
      <c r="L24" s="84">
        <v>1490</v>
      </c>
      <c r="M24" s="85">
        <v>2002</v>
      </c>
      <c r="N24" s="70">
        <v>11</v>
      </c>
      <c r="O24" s="71">
        <v>13</v>
      </c>
      <c r="P24" s="72">
        <v>24</v>
      </c>
      <c r="Q24" s="244"/>
      <c r="R24" s="71">
        <v>20</v>
      </c>
      <c r="S24" s="71">
        <v>19</v>
      </c>
      <c r="T24" s="71">
        <v>15</v>
      </c>
      <c r="U24" s="71">
        <v>13</v>
      </c>
      <c r="V24" s="71">
        <v>14</v>
      </c>
      <c r="W24" s="72">
        <v>81</v>
      </c>
      <c r="X24" s="73">
        <v>105</v>
      </c>
      <c r="Y24" s="70">
        <v>33</v>
      </c>
      <c r="Z24" s="71">
        <v>37</v>
      </c>
      <c r="AA24" s="72">
        <v>70</v>
      </c>
      <c r="AB24" s="244"/>
      <c r="AC24" s="71">
        <v>40</v>
      </c>
      <c r="AD24" s="71">
        <v>48</v>
      </c>
      <c r="AE24" s="71">
        <v>26</v>
      </c>
      <c r="AF24" s="71">
        <v>31</v>
      </c>
      <c r="AG24" s="71">
        <v>17</v>
      </c>
      <c r="AH24" s="72">
        <v>162</v>
      </c>
      <c r="AI24" s="73">
        <v>232</v>
      </c>
      <c r="AJ24" s="70">
        <v>51</v>
      </c>
      <c r="AK24" s="71">
        <v>42</v>
      </c>
      <c r="AL24" s="72">
        <v>93</v>
      </c>
      <c r="AM24" s="244"/>
      <c r="AN24" s="71">
        <v>68</v>
      </c>
      <c r="AO24" s="71">
        <v>75</v>
      </c>
      <c r="AP24" s="71">
        <v>56</v>
      </c>
      <c r="AQ24" s="71">
        <v>47</v>
      </c>
      <c r="AR24" s="71">
        <v>25</v>
      </c>
      <c r="AS24" s="72">
        <v>271</v>
      </c>
      <c r="AT24" s="73">
        <v>364</v>
      </c>
      <c r="AU24" s="70">
        <v>70</v>
      </c>
      <c r="AV24" s="71">
        <v>48</v>
      </c>
      <c r="AW24" s="72">
        <v>118</v>
      </c>
      <c r="AX24" s="244"/>
      <c r="AY24" s="71">
        <v>121</v>
      </c>
      <c r="AZ24" s="71">
        <v>128</v>
      </c>
      <c r="BA24" s="71">
        <v>70</v>
      </c>
      <c r="BB24" s="71">
        <v>42</v>
      </c>
      <c r="BC24" s="71">
        <v>29</v>
      </c>
      <c r="BD24" s="72">
        <v>390</v>
      </c>
      <c r="BE24" s="73">
        <v>508</v>
      </c>
      <c r="BF24" s="70">
        <v>80</v>
      </c>
      <c r="BG24" s="71">
        <v>60</v>
      </c>
      <c r="BH24" s="72">
        <v>140</v>
      </c>
      <c r="BI24" s="244"/>
      <c r="BJ24" s="71">
        <v>134</v>
      </c>
      <c r="BK24" s="71">
        <v>88</v>
      </c>
      <c r="BL24" s="71">
        <v>64</v>
      </c>
      <c r="BM24" s="71">
        <v>62</v>
      </c>
      <c r="BN24" s="71">
        <v>31</v>
      </c>
      <c r="BO24" s="72">
        <v>379</v>
      </c>
      <c r="BP24" s="73">
        <v>519</v>
      </c>
      <c r="BQ24" s="70">
        <v>36</v>
      </c>
      <c r="BR24" s="71">
        <v>31</v>
      </c>
      <c r="BS24" s="72">
        <v>67</v>
      </c>
      <c r="BT24" s="244"/>
      <c r="BU24" s="71">
        <v>55</v>
      </c>
      <c r="BV24" s="71">
        <v>51</v>
      </c>
      <c r="BW24" s="71">
        <v>54</v>
      </c>
      <c r="BX24" s="71">
        <v>30</v>
      </c>
      <c r="BY24" s="71">
        <v>17</v>
      </c>
      <c r="BZ24" s="72">
        <v>207</v>
      </c>
      <c r="CA24" s="73">
        <v>274</v>
      </c>
      <c r="CB24" s="70">
        <v>6</v>
      </c>
      <c r="CC24" s="71">
        <v>13</v>
      </c>
      <c r="CD24" s="72">
        <v>19</v>
      </c>
      <c r="CE24" s="244"/>
      <c r="CF24" s="71">
        <v>6</v>
      </c>
      <c r="CG24" s="71">
        <v>24</v>
      </c>
      <c r="CH24" s="71">
        <v>6</v>
      </c>
      <c r="CI24" s="71">
        <v>11</v>
      </c>
      <c r="CJ24" s="71">
        <v>9</v>
      </c>
      <c r="CK24" s="72">
        <v>56</v>
      </c>
      <c r="CL24" s="73">
        <v>75</v>
      </c>
      <c r="CM24" s="70">
        <v>287</v>
      </c>
      <c r="CN24" s="71">
        <v>244</v>
      </c>
      <c r="CO24" s="72">
        <v>531</v>
      </c>
      <c r="CP24" s="244"/>
      <c r="CQ24" s="71">
        <v>444</v>
      </c>
      <c r="CR24" s="71">
        <v>433</v>
      </c>
      <c r="CS24" s="71">
        <v>291</v>
      </c>
      <c r="CT24" s="71">
        <v>236</v>
      </c>
      <c r="CU24" s="71">
        <v>142</v>
      </c>
      <c r="CV24" s="72">
        <v>1546</v>
      </c>
      <c r="CW24" s="73">
        <v>2077</v>
      </c>
      <c r="CX24" s="123">
        <v>555</v>
      </c>
      <c r="CY24" s="82">
        <v>549</v>
      </c>
      <c r="CZ24" s="83">
        <v>1104</v>
      </c>
      <c r="DA24" s="241"/>
      <c r="DB24" s="82">
        <v>711</v>
      </c>
      <c r="DC24" s="82">
        <v>727</v>
      </c>
      <c r="DD24" s="82">
        <v>543</v>
      </c>
      <c r="DE24" s="82">
        <v>445</v>
      </c>
      <c r="DF24" s="82">
        <v>343</v>
      </c>
      <c r="DG24" s="84">
        <v>2769</v>
      </c>
      <c r="DH24" s="85">
        <v>3873</v>
      </c>
      <c r="DI24" s="70">
        <v>15</v>
      </c>
      <c r="DJ24" s="71">
        <v>15</v>
      </c>
      <c r="DK24" s="72">
        <v>30</v>
      </c>
      <c r="DL24" s="244"/>
      <c r="DM24" s="71">
        <v>17</v>
      </c>
      <c r="DN24" s="71">
        <v>19</v>
      </c>
      <c r="DO24" s="71">
        <v>12</v>
      </c>
      <c r="DP24" s="71">
        <v>8</v>
      </c>
      <c r="DQ24" s="71">
        <v>13</v>
      </c>
      <c r="DR24" s="72">
        <v>69</v>
      </c>
      <c r="DS24" s="73">
        <v>99</v>
      </c>
      <c r="DT24" s="70">
        <v>47</v>
      </c>
      <c r="DU24" s="71">
        <v>41</v>
      </c>
      <c r="DV24" s="72">
        <v>88</v>
      </c>
      <c r="DW24" s="244"/>
      <c r="DX24" s="71">
        <v>33</v>
      </c>
      <c r="DY24" s="71">
        <v>44</v>
      </c>
      <c r="DZ24" s="71">
        <v>29</v>
      </c>
      <c r="EA24" s="71">
        <v>27</v>
      </c>
      <c r="EB24" s="71">
        <v>26</v>
      </c>
      <c r="EC24" s="72">
        <v>159</v>
      </c>
      <c r="ED24" s="73">
        <v>247</v>
      </c>
      <c r="EE24" s="70">
        <v>96</v>
      </c>
      <c r="EF24" s="71">
        <v>84</v>
      </c>
      <c r="EG24" s="72">
        <v>180</v>
      </c>
      <c r="EH24" s="244"/>
      <c r="EI24" s="71">
        <v>102</v>
      </c>
      <c r="EJ24" s="71">
        <v>85</v>
      </c>
      <c r="EK24" s="71">
        <v>56</v>
      </c>
      <c r="EL24" s="71">
        <v>47</v>
      </c>
      <c r="EM24" s="71">
        <v>30</v>
      </c>
      <c r="EN24" s="72">
        <v>320</v>
      </c>
      <c r="EO24" s="73">
        <v>500</v>
      </c>
      <c r="EP24" s="70">
        <v>164</v>
      </c>
      <c r="EQ24" s="71">
        <v>161</v>
      </c>
      <c r="ER24" s="72">
        <v>325</v>
      </c>
      <c r="ES24" s="244"/>
      <c r="ET24" s="71">
        <v>207</v>
      </c>
      <c r="EU24" s="71">
        <v>155</v>
      </c>
      <c r="EV24" s="71">
        <v>105</v>
      </c>
      <c r="EW24" s="71">
        <v>94</v>
      </c>
      <c r="EX24" s="71">
        <v>86</v>
      </c>
      <c r="EY24" s="72">
        <v>647</v>
      </c>
      <c r="EZ24" s="73">
        <v>972</v>
      </c>
      <c r="FA24" s="70">
        <v>153</v>
      </c>
      <c r="FB24" s="71">
        <v>167</v>
      </c>
      <c r="FC24" s="72">
        <v>320</v>
      </c>
      <c r="FD24" s="244"/>
      <c r="FE24" s="71">
        <v>194</v>
      </c>
      <c r="FF24" s="71">
        <v>229</v>
      </c>
      <c r="FG24" s="71">
        <v>168</v>
      </c>
      <c r="FH24" s="71">
        <v>105</v>
      </c>
      <c r="FI24" s="71">
        <v>70</v>
      </c>
      <c r="FJ24" s="72">
        <v>766</v>
      </c>
      <c r="FK24" s="73">
        <v>1086</v>
      </c>
      <c r="FL24" s="70">
        <v>80</v>
      </c>
      <c r="FM24" s="71">
        <v>81</v>
      </c>
      <c r="FN24" s="72">
        <v>161</v>
      </c>
      <c r="FO24" s="244"/>
      <c r="FP24" s="71">
        <v>158</v>
      </c>
      <c r="FQ24" s="71">
        <v>195</v>
      </c>
      <c r="FR24" s="71">
        <v>173</v>
      </c>
      <c r="FS24" s="71">
        <v>164</v>
      </c>
      <c r="FT24" s="71">
        <v>118</v>
      </c>
      <c r="FU24" s="72">
        <v>808</v>
      </c>
      <c r="FV24" s="73">
        <v>969</v>
      </c>
      <c r="FW24" s="70">
        <v>11</v>
      </c>
      <c r="FX24" s="71">
        <v>11</v>
      </c>
      <c r="FY24" s="72">
        <v>22</v>
      </c>
      <c r="FZ24" s="244"/>
      <c r="GA24" s="71">
        <v>11</v>
      </c>
      <c r="GB24" s="71">
        <v>21</v>
      </c>
      <c r="GC24" s="71">
        <v>15</v>
      </c>
      <c r="GD24" s="71">
        <v>7</v>
      </c>
      <c r="GE24" s="71">
        <v>7</v>
      </c>
      <c r="GF24" s="72">
        <v>61</v>
      </c>
      <c r="GG24" s="73">
        <v>83</v>
      </c>
      <c r="GH24" s="70">
        <v>566</v>
      </c>
      <c r="GI24" s="71">
        <v>560</v>
      </c>
      <c r="GJ24" s="72">
        <v>1126</v>
      </c>
      <c r="GK24" s="244"/>
      <c r="GL24" s="71">
        <v>722</v>
      </c>
      <c r="GM24" s="71">
        <v>748</v>
      </c>
      <c r="GN24" s="71">
        <v>558</v>
      </c>
      <c r="GO24" s="71">
        <v>452</v>
      </c>
      <c r="GP24" s="71">
        <v>350</v>
      </c>
      <c r="GQ24" s="72">
        <v>2830</v>
      </c>
      <c r="GR24" s="73">
        <v>3956</v>
      </c>
      <c r="GS24" s="123">
        <v>836</v>
      </c>
      <c r="GT24" s="82">
        <v>780</v>
      </c>
      <c r="GU24" s="83">
        <v>1616</v>
      </c>
      <c r="GV24" s="241"/>
      <c r="GW24" s="82">
        <v>1149</v>
      </c>
      <c r="GX24" s="82">
        <v>1136</v>
      </c>
      <c r="GY24" s="82">
        <v>828</v>
      </c>
      <c r="GZ24" s="82">
        <v>670</v>
      </c>
      <c r="HA24" s="82">
        <v>476</v>
      </c>
      <c r="HB24" s="84">
        <v>4259</v>
      </c>
      <c r="HC24" s="85">
        <v>5875</v>
      </c>
      <c r="HD24" s="70">
        <v>26</v>
      </c>
      <c r="HE24" s="71">
        <v>28</v>
      </c>
      <c r="HF24" s="72">
        <v>54</v>
      </c>
      <c r="HG24" s="244"/>
      <c r="HH24" s="71">
        <v>37</v>
      </c>
      <c r="HI24" s="71">
        <v>38</v>
      </c>
      <c r="HJ24" s="71">
        <v>27</v>
      </c>
      <c r="HK24" s="71">
        <v>21</v>
      </c>
      <c r="HL24" s="71">
        <v>27</v>
      </c>
      <c r="HM24" s="72">
        <v>150</v>
      </c>
      <c r="HN24" s="73">
        <v>204</v>
      </c>
      <c r="HO24" s="70">
        <v>80</v>
      </c>
      <c r="HP24" s="71">
        <v>78</v>
      </c>
      <c r="HQ24" s="72">
        <v>158</v>
      </c>
      <c r="HR24" s="244"/>
      <c r="HS24" s="71">
        <v>73</v>
      </c>
      <c r="HT24" s="71">
        <v>92</v>
      </c>
      <c r="HU24" s="71">
        <v>55</v>
      </c>
      <c r="HV24" s="71">
        <v>58</v>
      </c>
      <c r="HW24" s="71">
        <v>43</v>
      </c>
      <c r="HX24" s="72">
        <v>321</v>
      </c>
      <c r="HY24" s="73">
        <v>479</v>
      </c>
      <c r="HZ24" s="70">
        <v>147</v>
      </c>
      <c r="IA24" s="71">
        <v>126</v>
      </c>
      <c r="IB24" s="72">
        <v>273</v>
      </c>
      <c r="IC24" s="244"/>
      <c r="ID24" s="71">
        <v>170</v>
      </c>
      <c r="IE24" s="71">
        <v>160</v>
      </c>
      <c r="IF24" s="71">
        <v>112</v>
      </c>
      <c r="IG24" s="71">
        <v>94</v>
      </c>
      <c r="IH24" s="71">
        <v>55</v>
      </c>
      <c r="II24" s="72">
        <v>591</v>
      </c>
      <c r="IJ24" s="73">
        <v>864</v>
      </c>
      <c r="IK24" s="70">
        <v>234</v>
      </c>
      <c r="IL24" s="71">
        <v>209</v>
      </c>
      <c r="IM24" s="72">
        <v>443</v>
      </c>
      <c r="IN24" s="244"/>
      <c r="IO24" s="71">
        <v>328</v>
      </c>
      <c r="IP24" s="71">
        <v>283</v>
      </c>
      <c r="IQ24" s="71">
        <v>175</v>
      </c>
      <c r="IR24" s="71">
        <v>136</v>
      </c>
      <c r="IS24" s="71">
        <v>115</v>
      </c>
      <c r="IT24" s="72">
        <v>1037</v>
      </c>
      <c r="IU24" s="73">
        <v>1480</v>
      </c>
      <c r="IV24" s="70">
        <v>233</v>
      </c>
      <c r="IW24" s="71">
        <v>227</v>
      </c>
      <c r="IX24" s="72">
        <v>460</v>
      </c>
      <c r="IY24" s="244"/>
      <c r="IZ24" s="71">
        <v>328</v>
      </c>
      <c r="JA24" s="71">
        <v>317</v>
      </c>
      <c r="JB24" s="71">
        <v>232</v>
      </c>
      <c r="JC24" s="71">
        <v>167</v>
      </c>
      <c r="JD24" s="71">
        <v>101</v>
      </c>
      <c r="JE24" s="72">
        <v>1145</v>
      </c>
      <c r="JF24" s="73">
        <v>1605</v>
      </c>
      <c r="JG24" s="70">
        <v>116</v>
      </c>
      <c r="JH24" s="71">
        <v>112</v>
      </c>
      <c r="JI24" s="72">
        <v>228</v>
      </c>
      <c r="JJ24" s="244"/>
      <c r="JK24" s="71">
        <v>213</v>
      </c>
      <c r="JL24" s="71">
        <v>246</v>
      </c>
      <c r="JM24" s="71">
        <v>227</v>
      </c>
      <c r="JN24" s="71">
        <v>194</v>
      </c>
      <c r="JO24" s="71">
        <v>135</v>
      </c>
      <c r="JP24" s="72">
        <v>1015</v>
      </c>
      <c r="JQ24" s="73">
        <v>1243</v>
      </c>
      <c r="JR24" s="70">
        <v>17</v>
      </c>
      <c r="JS24" s="71">
        <v>24</v>
      </c>
      <c r="JT24" s="72">
        <v>41</v>
      </c>
      <c r="JU24" s="244"/>
      <c r="JV24" s="71">
        <v>17</v>
      </c>
      <c r="JW24" s="71">
        <v>45</v>
      </c>
      <c r="JX24" s="71">
        <v>21</v>
      </c>
      <c r="JY24" s="71">
        <v>18</v>
      </c>
      <c r="JZ24" s="71">
        <v>16</v>
      </c>
      <c r="KA24" s="72">
        <v>117</v>
      </c>
      <c r="KB24" s="73">
        <v>158</v>
      </c>
      <c r="KC24" s="70">
        <v>853</v>
      </c>
      <c r="KD24" s="71">
        <v>804</v>
      </c>
      <c r="KE24" s="72">
        <v>1657</v>
      </c>
      <c r="KF24" s="244"/>
      <c r="KG24" s="71">
        <v>1166</v>
      </c>
      <c r="KH24" s="71">
        <v>1181</v>
      </c>
      <c r="KI24" s="71">
        <v>849</v>
      </c>
      <c r="KJ24" s="71">
        <v>688</v>
      </c>
      <c r="KK24" s="71">
        <v>492</v>
      </c>
      <c r="KL24" s="72">
        <v>4376</v>
      </c>
      <c r="KM24" s="73">
        <v>6033</v>
      </c>
    </row>
    <row r="25" spans="2:299" ht="21" customHeight="1" x14ac:dyDescent="0.2">
      <c r="B25" s="126" t="s">
        <v>22</v>
      </c>
      <c r="C25" s="315">
        <v>69</v>
      </c>
      <c r="D25" s="82">
        <v>86</v>
      </c>
      <c r="E25" s="83">
        <v>155</v>
      </c>
      <c r="F25" s="241"/>
      <c r="G25" s="82">
        <v>187</v>
      </c>
      <c r="H25" s="82">
        <v>155</v>
      </c>
      <c r="I25" s="82">
        <v>93</v>
      </c>
      <c r="J25" s="82">
        <v>85</v>
      </c>
      <c r="K25" s="82">
        <v>52</v>
      </c>
      <c r="L25" s="84">
        <v>572</v>
      </c>
      <c r="M25" s="85">
        <v>727</v>
      </c>
      <c r="N25" s="70">
        <v>3</v>
      </c>
      <c r="O25" s="71">
        <v>3</v>
      </c>
      <c r="P25" s="72">
        <v>6</v>
      </c>
      <c r="Q25" s="244"/>
      <c r="R25" s="71">
        <v>6</v>
      </c>
      <c r="S25" s="71">
        <v>5</v>
      </c>
      <c r="T25" s="71">
        <v>3</v>
      </c>
      <c r="U25" s="71">
        <v>3</v>
      </c>
      <c r="V25" s="71">
        <v>2</v>
      </c>
      <c r="W25" s="72">
        <v>19</v>
      </c>
      <c r="X25" s="73">
        <v>25</v>
      </c>
      <c r="Y25" s="70">
        <v>9</v>
      </c>
      <c r="Z25" s="71">
        <v>8</v>
      </c>
      <c r="AA25" s="72">
        <v>17</v>
      </c>
      <c r="AB25" s="244"/>
      <c r="AC25" s="71">
        <v>19</v>
      </c>
      <c r="AD25" s="71">
        <v>13</v>
      </c>
      <c r="AE25" s="71">
        <v>2</v>
      </c>
      <c r="AF25" s="71">
        <v>8</v>
      </c>
      <c r="AG25" s="71">
        <v>6</v>
      </c>
      <c r="AH25" s="72">
        <v>48</v>
      </c>
      <c r="AI25" s="73">
        <v>65</v>
      </c>
      <c r="AJ25" s="70">
        <v>5</v>
      </c>
      <c r="AK25" s="71">
        <v>16</v>
      </c>
      <c r="AL25" s="72">
        <v>21</v>
      </c>
      <c r="AM25" s="244"/>
      <c r="AN25" s="71">
        <v>25</v>
      </c>
      <c r="AO25" s="71">
        <v>21</v>
      </c>
      <c r="AP25" s="71">
        <v>19</v>
      </c>
      <c r="AQ25" s="71">
        <v>15</v>
      </c>
      <c r="AR25" s="71">
        <v>11</v>
      </c>
      <c r="AS25" s="72">
        <v>91</v>
      </c>
      <c r="AT25" s="73">
        <v>112</v>
      </c>
      <c r="AU25" s="70">
        <v>19</v>
      </c>
      <c r="AV25" s="71">
        <v>19</v>
      </c>
      <c r="AW25" s="72">
        <v>38</v>
      </c>
      <c r="AX25" s="244"/>
      <c r="AY25" s="71">
        <v>42</v>
      </c>
      <c r="AZ25" s="71">
        <v>48</v>
      </c>
      <c r="BA25" s="71">
        <v>27</v>
      </c>
      <c r="BB25" s="71">
        <v>20</v>
      </c>
      <c r="BC25" s="71">
        <v>11</v>
      </c>
      <c r="BD25" s="72">
        <v>148</v>
      </c>
      <c r="BE25" s="73">
        <v>186</v>
      </c>
      <c r="BF25" s="70">
        <v>21</v>
      </c>
      <c r="BG25" s="71">
        <v>28</v>
      </c>
      <c r="BH25" s="72">
        <v>49</v>
      </c>
      <c r="BI25" s="244"/>
      <c r="BJ25" s="71">
        <v>55</v>
      </c>
      <c r="BK25" s="71">
        <v>35</v>
      </c>
      <c r="BL25" s="71">
        <v>24</v>
      </c>
      <c r="BM25" s="71">
        <v>21</v>
      </c>
      <c r="BN25" s="71">
        <v>10</v>
      </c>
      <c r="BO25" s="72">
        <v>145</v>
      </c>
      <c r="BP25" s="73">
        <v>194</v>
      </c>
      <c r="BQ25" s="70">
        <v>12</v>
      </c>
      <c r="BR25" s="71">
        <v>12</v>
      </c>
      <c r="BS25" s="72">
        <v>24</v>
      </c>
      <c r="BT25" s="244"/>
      <c r="BU25" s="71">
        <v>40</v>
      </c>
      <c r="BV25" s="71">
        <v>33</v>
      </c>
      <c r="BW25" s="71">
        <v>18</v>
      </c>
      <c r="BX25" s="71">
        <v>18</v>
      </c>
      <c r="BY25" s="71">
        <v>12</v>
      </c>
      <c r="BZ25" s="72">
        <v>121</v>
      </c>
      <c r="CA25" s="73">
        <v>145</v>
      </c>
      <c r="CB25" s="70">
        <v>0</v>
      </c>
      <c r="CC25" s="71">
        <v>5</v>
      </c>
      <c r="CD25" s="72">
        <v>5</v>
      </c>
      <c r="CE25" s="244"/>
      <c r="CF25" s="71">
        <v>10</v>
      </c>
      <c r="CG25" s="71">
        <v>4</v>
      </c>
      <c r="CH25" s="71">
        <v>2</v>
      </c>
      <c r="CI25" s="71">
        <v>2</v>
      </c>
      <c r="CJ25" s="71">
        <v>2</v>
      </c>
      <c r="CK25" s="72">
        <v>20</v>
      </c>
      <c r="CL25" s="73">
        <v>25</v>
      </c>
      <c r="CM25" s="70">
        <v>69</v>
      </c>
      <c r="CN25" s="71">
        <v>91</v>
      </c>
      <c r="CO25" s="72">
        <v>160</v>
      </c>
      <c r="CP25" s="244"/>
      <c r="CQ25" s="71">
        <v>197</v>
      </c>
      <c r="CR25" s="71">
        <v>159</v>
      </c>
      <c r="CS25" s="71">
        <v>95</v>
      </c>
      <c r="CT25" s="71">
        <v>87</v>
      </c>
      <c r="CU25" s="71">
        <v>54</v>
      </c>
      <c r="CV25" s="72">
        <v>592</v>
      </c>
      <c r="CW25" s="73">
        <v>752</v>
      </c>
      <c r="CX25" s="123">
        <v>113</v>
      </c>
      <c r="CY25" s="82">
        <v>224</v>
      </c>
      <c r="CZ25" s="83">
        <v>337</v>
      </c>
      <c r="DA25" s="241"/>
      <c r="DB25" s="82">
        <v>355</v>
      </c>
      <c r="DC25" s="82">
        <v>304</v>
      </c>
      <c r="DD25" s="82">
        <v>201</v>
      </c>
      <c r="DE25" s="82">
        <v>201</v>
      </c>
      <c r="DF25" s="82">
        <v>110</v>
      </c>
      <c r="DG25" s="84">
        <v>1171</v>
      </c>
      <c r="DH25" s="85">
        <v>1508</v>
      </c>
      <c r="DI25" s="70">
        <v>3</v>
      </c>
      <c r="DJ25" s="71">
        <v>9</v>
      </c>
      <c r="DK25" s="72">
        <v>12</v>
      </c>
      <c r="DL25" s="244"/>
      <c r="DM25" s="71">
        <v>3</v>
      </c>
      <c r="DN25" s="71">
        <v>8</v>
      </c>
      <c r="DO25" s="71">
        <v>1</v>
      </c>
      <c r="DP25" s="71">
        <v>2</v>
      </c>
      <c r="DQ25" s="71">
        <v>1</v>
      </c>
      <c r="DR25" s="72">
        <v>15</v>
      </c>
      <c r="DS25" s="73">
        <v>27</v>
      </c>
      <c r="DT25" s="70">
        <v>4</v>
      </c>
      <c r="DU25" s="71">
        <v>3</v>
      </c>
      <c r="DV25" s="72">
        <v>7</v>
      </c>
      <c r="DW25" s="244"/>
      <c r="DX25" s="71">
        <v>23</v>
      </c>
      <c r="DY25" s="71">
        <v>13</v>
      </c>
      <c r="DZ25" s="71">
        <v>10</v>
      </c>
      <c r="EA25" s="71">
        <v>7</v>
      </c>
      <c r="EB25" s="71">
        <v>9</v>
      </c>
      <c r="EC25" s="72">
        <v>62</v>
      </c>
      <c r="ED25" s="73">
        <v>69</v>
      </c>
      <c r="EE25" s="70">
        <v>23</v>
      </c>
      <c r="EF25" s="71">
        <v>42</v>
      </c>
      <c r="EG25" s="72">
        <v>65</v>
      </c>
      <c r="EH25" s="244"/>
      <c r="EI25" s="71">
        <v>41</v>
      </c>
      <c r="EJ25" s="71">
        <v>30</v>
      </c>
      <c r="EK25" s="71">
        <v>16</v>
      </c>
      <c r="EL25" s="71">
        <v>16</v>
      </c>
      <c r="EM25" s="71">
        <v>11</v>
      </c>
      <c r="EN25" s="72">
        <v>114</v>
      </c>
      <c r="EO25" s="73">
        <v>179</v>
      </c>
      <c r="EP25" s="70">
        <v>38</v>
      </c>
      <c r="EQ25" s="71">
        <v>61</v>
      </c>
      <c r="ER25" s="72">
        <v>99</v>
      </c>
      <c r="ES25" s="244"/>
      <c r="ET25" s="71">
        <v>81</v>
      </c>
      <c r="EU25" s="71">
        <v>67</v>
      </c>
      <c r="EV25" s="71">
        <v>41</v>
      </c>
      <c r="EW25" s="71">
        <v>42</v>
      </c>
      <c r="EX25" s="71">
        <v>23</v>
      </c>
      <c r="EY25" s="72">
        <v>254</v>
      </c>
      <c r="EZ25" s="73">
        <v>353</v>
      </c>
      <c r="FA25" s="70">
        <v>30</v>
      </c>
      <c r="FB25" s="71">
        <v>65</v>
      </c>
      <c r="FC25" s="72">
        <v>95</v>
      </c>
      <c r="FD25" s="244"/>
      <c r="FE25" s="71">
        <v>106</v>
      </c>
      <c r="FF25" s="71">
        <v>87</v>
      </c>
      <c r="FG25" s="71">
        <v>55</v>
      </c>
      <c r="FH25" s="71">
        <v>47</v>
      </c>
      <c r="FI25" s="71">
        <v>29</v>
      </c>
      <c r="FJ25" s="72">
        <v>324</v>
      </c>
      <c r="FK25" s="73">
        <v>419</v>
      </c>
      <c r="FL25" s="70">
        <v>15</v>
      </c>
      <c r="FM25" s="71">
        <v>44</v>
      </c>
      <c r="FN25" s="72">
        <v>59</v>
      </c>
      <c r="FO25" s="244"/>
      <c r="FP25" s="71">
        <v>101</v>
      </c>
      <c r="FQ25" s="71">
        <v>99</v>
      </c>
      <c r="FR25" s="71">
        <v>78</v>
      </c>
      <c r="FS25" s="71">
        <v>87</v>
      </c>
      <c r="FT25" s="71">
        <v>37</v>
      </c>
      <c r="FU25" s="72">
        <v>402</v>
      </c>
      <c r="FV25" s="73">
        <v>461</v>
      </c>
      <c r="FW25" s="70">
        <v>2</v>
      </c>
      <c r="FX25" s="71">
        <v>1</v>
      </c>
      <c r="FY25" s="72">
        <v>3</v>
      </c>
      <c r="FZ25" s="244"/>
      <c r="GA25" s="71">
        <v>5</v>
      </c>
      <c r="GB25" s="71">
        <v>4</v>
      </c>
      <c r="GC25" s="71">
        <v>5</v>
      </c>
      <c r="GD25" s="71">
        <v>5</v>
      </c>
      <c r="GE25" s="71">
        <v>0</v>
      </c>
      <c r="GF25" s="72">
        <v>19</v>
      </c>
      <c r="GG25" s="73">
        <v>22</v>
      </c>
      <c r="GH25" s="70">
        <v>115</v>
      </c>
      <c r="GI25" s="71">
        <v>225</v>
      </c>
      <c r="GJ25" s="72">
        <v>340</v>
      </c>
      <c r="GK25" s="244"/>
      <c r="GL25" s="71">
        <v>360</v>
      </c>
      <c r="GM25" s="71">
        <v>308</v>
      </c>
      <c r="GN25" s="71">
        <v>206</v>
      </c>
      <c r="GO25" s="71">
        <v>206</v>
      </c>
      <c r="GP25" s="71">
        <v>110</v>
      </c>
      <c r="GQ25" s="72">
        <v>1190</v>
      </c>
      <c r="GR25" s="73">
        <v>1530</v>
      </c>
      <c r="GS25" s="123">
        <v>182</v>
      </c>
      <c r="GT25" s="82">
        <v>310</v>
      </c>
      <c r="GU25" s="83">
        <v>492</v>
      </c>
      <c r="GV25" s="241"/>
      <c r="GW25" s="82">
        <v>542</v>
      </c>
      <c r="GX25" s="82">
        <v>459</v>
      </c>
      <c r="GY25" s="82">
        <v>294</v>
      </c>
      <c r="GZ25" s="82">
        <v>286</v>
      </c>
      <c r="HA25" s="82">
        <v>162</v>
      </c>
      <c r="HB25" s="84">
        <v>1743</v>
      </c>
      <c r="HC25" s="85">
        <v>2235</v>
      </c>
      <c r="HD25" s="70">
        <v>6</v>
      </c>
      <c r="HE25" s="71">
        <v>12</v>
      </c>
      <c r="HF25" s="72">
        <v>18</v>
      </c>
      <c r="HG25" s="244"/>
      <c r="HH25" s="71">
        <v>9</v>
      </c>
      <c r="HI25" s="71">
        <v>13</v>
      </c>
      <c r="HJ25" s="71">
        <v>4</v>
      </c>
      <c r="HK25" s="71">
        <v>5</v>
      </c>
      <c r="HL25" s="71">
        <v>3</v>
      </c>
      <c r="HM25" s="72">
        <v>34</v>
      </c>
      <c r="HN25" s="73">
        <v>52</v>
      </c>
      <c r="HO25" s="70">
        <v>13</v>
      </c>
      <c r="HP25" s="71">
        <v>11</v>
      </c>
      <c r="HQ25" s="72">
        <v>24</v>
      </c>
      <c r="HR25" s="244"/>
      <c r="HS25" s="71">
        <v>42</v>
      </c>
      <c r="HT25" s="71">
        <v>26</v>
      </c>
      <c r="HU25" s="71">
        <v>12</v>
      </c>
      <c r="HV25" s="71">
        <v>15</v>
      </c>
      <c r="HW25" s="71">
        <v>15</v>
      </c>
      <c r="HX25" s="72">
        <v>110</v>
      </c>
      <c r="HY25" s="73">
        <v>134</v>
      </c>
      <c r="HZ25" s="70">
        <v>28</v>
      </c>
      <c r="IA25" s="71">
        <v>58</v>
      </c>
      <c r="IB25" s="72">
        <v>86</v>
      </c>
      <c r="IC25" s="244"/>
      <c r="ID25" s="71">
        <v>66</v>
      </c>
      <c r="IE25" s="71">
        <v>51</v>
      </c>
      <c r="IF25" s="71">
        <v>35</v>
      </c>
      <c r="IG25" s="71">
        <v>31</v>
      </c>
      <c r="IH25" s="71">
        <v>22</v>
      </c>
      <c r="II25" s="72">
        <v>205</v>
      </c>
      <c r="IJ25" s="73">
        <v>291</v>
      </c>
      <c r="IK25" s="70">
        <v>57</v>
      </c>
      <c r="IL25" s="71">
        <v>80</v>
      </c>
      <c r="IM25" s="72">
        <v>137</v>
      </c>
      <c r="IN25" s="244"/>
      <c r="IO25" s="71">
        <v>123</v>
      </c>
      <c r="IP25" s="71">
        <v>115</v>
      </c>
      <c r="IQ25" s="71">
        <v>68</v>
      </c>
      <c r="IR25" s="71">
        <v>62</v>
      </c>
      <c r="IS25" s="71">
        <v>34</v>
      </c>
      <c r="IT25" s="72">
        <v>402</v>
      </c>
      <c r="IU25" s="73">
        <v>539</v>
      </c>
      <c r="IV25" s="70">
        <v>51</v>
      </c>
      <c r="IW25" s="71">
        <v>93</v>
      </c>
      <c r="IX25" s="72">
        <v>144</v>
      </c>
      <c r="IY25" s="244"/>
      <c r="IZ25" s="71">
        <v>161</v>
      </c>
      <c r="JA25" s="71">
        <v>122</v>
      </c>
      <c r="JB25" s="71">
        <v>79</v>
      </c>
      <c r="JC25" s="71">
        <v>68</v>
      </c>
      <c r="JD25" s="71">
        <v>39</v>
      </c>
      <c r="JE25" s="72">
        <v>469</v>
      </c>
      <c r="JF25" s="73">
        <v>613</v>
      </c>
      <c r="JG25" s="70">
        <v>27</v>
      </c>
      <c r="JH25" s="71">
        <v>56</v>
      </c>
      <c r="JI25" s="72">
        <v>83</v>
      </c>
      <c r="JJ25" s="244"/>
      <c r="JK25" s="71">
        <v>141</v>
      </c>
      <c r="JL25" s="71">
        <v>132</v>
      </c>
      <c r="JM25" s="71">
        <v>96</v>
      </c>
      <c r="JN25" s="71">
        <v>105</v>
      </c>
      <c r="JO25" s="71">
        <v>49</v>
      </c>
      <c r="JP25" s="72">
        <v>523</v>
      </c>
      <c r="JQ25" s="73">
        <v>606</v>
      </c>
      <c r="JR25" s="70">
        <v>2</v>
      </c>
      <c r="JS25" s="71">
        <v>6</v>
      </c>
      <c r="JT25" s="72">
        <v>8</v>
      </c>
      <c r="JU25" s="244"/>
      <c r="JV25" s="71">
        <v>15</v>
      </c>
      <c r="JW25" s="71">
        <v>8</v>
      </c>
      <c r="JX25" s="71">
        <v>7</v>
      </c>
      <c r="JY25" s="71">
        <v>7</v>
      </c>
      <c r="JZ25" s="71">
        <v>2</v>
      </c>
      <c r="KA25" s="72">
        <v>39</v>
      </c>
      <c r="KB25" s="73">
        <v>47</v>
      </c>
      <c r="KC25" s="70">
        <v>184</v>
      </c>
      <c r="KD25" s="71">
        <v>316</v>
      </c>
      <c r="KE25" s="72">
        <v>500</v>
      </c>
      <c r="KF25" s="244"/>
      <c r="KG25" s="71">
        <v>557</v>
      </c>
      <c r="KH25" s="71">
        <v>467</v>
      </c>
      <c r="KI25" s="71">
        <v>301</v>
      </c>
      <c r="KJ25" s="71">
        <v>293</v>
      </c>
      <c r="KK25" s="71">
        <v>164</v>
      </c>
      <c r="KL25" s="72">
        <v>1782</v>
      </c>
      <c r="KM25" s="73">
        <v>2282</v>
      </c>
    </row>
    <row r="26" spans="2:299" ht="21" customHeight="1" x14ac:dyDescent="0.2">
      <c r="B26" s="126" t="s">
        <v>23</v>
      </c>
      <c r="C26" s="315">
        <v>170</v>
      </c>
      <c r="D26" s="82">
        <v>185</v>
      </c>
      <c r="E26" s="83">
        <v>355</v>
      </c>
      <c r="F26" s="241"/>
      <c r="G26" s="82">
        <v>317</v>
      </c>
      <c r="H26" s="82">
        <v>259</v>
      </c>
      <c r="I26" s="82">
        <v>153</v>
      </c>
      <c r="J26" s="82">
        <v>147</v>
      </c>
      <c r="K26" s="82">
        <v>94</v>
      </c>
      <c r="L26" s="84">
        <v>970</v>
      </c>
      <c r="M26" s="85">
        <v>1325</v>
      </c>
      <c r="N26" s="70">
        <v>10</v>
      </c>
      <c r="O26" s="71">
        <v>8</v>
      </c>
      <c r="P26" s="72">
        <v>18</v>
      </c>
      <c r="Q26" s="244"/>
      <c r="R26" s="71">
        <v>11</v>
      </c>
      <c r="S26" s="71">
        <v>14</v>
      </c>
      <c r="T26" s="71">
        <v>7</v>
      </c>
      <c r="U26" s="71">
        <v>8</v>
      </c>
      <c r="V26" s="71">
        <v>4</v>
      </c>
      <c r="W26" s="72">
        <v>44</v>
      </c>
      <c r="X26" s="73">
        <v>62</v>
      </c>
      <c r="Y26" s="70">
        <v>26</v>
      </c>
      <c r="Z26" s="71">
        <v>21</v>
      </c>
      <c r="AA26" s="72">
        <v>47</v>
      </c>
      <c r="AB26" s="244"/>
      <c r="AC26" s="71">
        <v>29</v>
      </c>
      <c r="AD26" s="71">
        <v>27</v>
      </c>
      <c r="AE26" s="71">
        <v>15</v>
      </c>
      <c r="AF26" s="71">
        <v>23</v>
      </c>
      <c r="AG26" s="71">
        <v>13</v>
      </c>
      <c r="AH26" s="72">
        <v>107</v>
      </c>
      <c r="AI26" s="73">
        <v>154</v>
      </c>
      <c r="AJ26" s="70">
        <v>32</v>
      </c>
      <c r="AK26" s="71">
        <v>32</v>
      </c>
      <c r="AL26" s="72">
        <v>64</v>
      </c>
      <c r="AM26" s="244"/>
      <c r="AN26" s="71">
        <v>65</v>
      </c>
      <c r="AO26" s="71">
        <v>48</v>
      </c>
      <c r="AP26" s="71">
        <v>20</v>
      </c>
      <c r="AQ26" s="71">
        <v>19</v>
      </c>
      <c r="AR26" s="71">
        <v>30</v>
      </c>
      <c r="AS26" s="72">
        <v>182</v>
      </c>
      <c r="AT26" s="73">
        <v>246</v>
      </c>
      <c r="AU26" s="70">
        <v>42</v>
      </c>
      <c r="AV26" s="71">
        <v>67</v>
      </c>
      <c r="AW26" s="72">
        <v>109</v>
      </c>
      <c r="AX26" s="244"/>
      <c r="AY26" s="71">
        <v>96</v>
      </c>
      <c r="AZ26" s="71">
        <v>70</v>
      </c>
      <c r="BA26" s="71">
        <v>42</v>
      </c>
      <c r="BB26" s="71">
        <v>43</v>
      </c>
      <c r="BC26" s="71">
        <v>16</v>
      </c>
      <c r="BD26" s="72">
        <v>267</v>
      </c>
      <c r="BE26" s="73">
        <v>376</v>
      </c>
      <c r="BF26" s="70">
        <v>43</v>
      </c>
      <c r="BG26" s="71">
        <v>39</v>
      </c>
      <c r="BH26" s="72">
        <v>82</v>
      </c>
      <c r="BI26" s="244"/>
      <c r="BJ26" s="71">
        <v>83</v>
      </c>
      <c r="BK26" s="71">
        <v>63</v>
      </c>
      <c r="BL26" s="71">
        <v>43</v>
      </c>
      <c r="BM26" s="71">
        <v>33</v>
      </c>
      <c r="BN26" s="71">
        <v>22</v>
      </c>
      <c r="BO26" s="72">
        <v>244</v>
      </c>
      <c r="BP26" s="73">
        <v>326</v>
      </c>
      <c r="BQ26" s="70">
        <v>17</v>
      </c>
      <c r="BR26" s="71">
        <v>18</v>
      </c>
      <c r="BS26" s="72">
        <v>35</v>
      </c>
      <c r="BT26" s="244"/>
      <c r="BU26" s="71">
        <v>33</v>
      </c>
      <c r="BV26" s="71">
        <v>37</v>
      </c>
      <c r="BW26" s="71">
        <v>26</v>
      </c>
      <c r="BX26" s="71">
        <v>21</v>
      </c>
      <c r="BY26" s="71">
        <v>9</v>
      </c>
      <c r="BZ26" s="72">
        <v>126</v>
      </c>
      <c r="CA26" s="73">
        <v>161</v>
      </c>
      <c r="CB26" s="70">
        <v>3</v>
      </c>
      <c r="CC26" s="71">
        <v>9</v>
      </c>
      <c r="CD26" s="72">
        <v>12</v>
      </c>
      <c r="CE26" s="244"/>
      <c r="CF26" s="71">
        <v>7</v>
      </c>
      <c r="CG26" s="71">
        <v>11</v>
      </c>
      <c r="CH26" s="71">
        <v>8</v>
      </c>
      <c r="CI26" s="71">
        <v>6</v>
      </c>
      <c r="CJ26" s="71">
        <v>4</v>
      </c>
      <c r="CK26" s="72">
        <v>36</v>
      </c>
      <c r="CL26" s="73">
        <v>48</v>
      </c>
      <c r="CM26" s="70">
        <v>173</v>
      </c>
      <c r="CN26" s="71">
        <v>194</v>
      </c>
      <c r="CO26" s="72">
        <v>367</v>
      </c>
      <c r="CP26" s="244"/>
      <c r="CQ26" s="71">
        <v>324</v>
      </c>
      <c r="CR26" s="71">
        <v>270</v>
      </c>
      <c r="CS26" s="71">
        <v>161</v>
      </c>
      <c r="CT26" s="71">
        <v>153</v>
      </c>
      <c r="CU26" s="71">
        <v>98</v>
      </c>
      <c r="CV26" s="72">
        <v>1006</v>
      </c>
      <c r="CW26" s="73">
        <v>1373</v>
      </c>
      <c r="CX26" s="123">
        <v>308</v>
      </c>
      <c r="CY26" s="82">
        <v>399</v>
      </c>
      <c r="CZ26" s="83">
        <v>707</v>
      </c>
      <c r="DA26" s="241"/>
      <c r="DB26" s="82">
        <v>530</v>
      </c>
      <c r="DC26" s="82">
        <v>401</v>
      </c>
      <c r="DD26" s="82">
        <v>288</v>
      </c>
      <c r="DE26" s="82">
        <v>349</v>
      </c>
      <c r="DF26" s="82">
        <v>228</v>
      </c>
      <c r="DG26" s="84">
        <v>1796</v>
      </c>
      <c r="DH26" s="85">
        <v>2503</v>
      </c>
      <c r="DI26" s="70">
        <v>11</v>
      </c>
      <c r="DJ26" s="71">
        <v>18</v>
      </c>
      <c r="DK26" s="72">
        <v>29</v>
      </c>
      <c r="DL26" s="244"/>
      <c r="DM26" s="71">
        <v>10</v>
      </c>
      <c r="DN26" s="71">
        <v>7</v>
      </c>
      <c r="DO26" s="71">
        <v>5</v>
      </c>
      <c r="DP26" s="71">
        <v>8</v>
      </c>
      <c r="DQ26" s="71">
        <v>2</v>
      </c>
      <c r="DR26" s="72">
        <v>32</v>
      </c>
      <c r="DS26" s="73">
        <v>61</v>
      </c>
      <c r="DT26" s="70">
        <v>26</v>
      </c>
      <c r="DU26" s="71">
        <v>30</v>
      </c>
      <c r="DV26" s="72">
        <v>56</v>
      </c>
      <c r="DW26" s="244"/>
      <c r="DX26" s="71">
        <v>28</v>
      </c>
      <c r="DY26" s="71">
        <v>34</v>
      </c>
      <c r="DZ26" s="71">
        <v>21</v>
      </c>
      <c r="EA26" s="71">
        <v>25</v>
      </c>
      <c r="EB26" s="71">
        <v>12</v>
      </c>
      <c r="EC26" s="72">
        <v>120</v>
      </c>
      <c r="ED26" s="73">
        <v>176</v>
      </c>
      <c r="EE26" s="70">
        <v>54</v>
      </c>
      <c r="EF26" s="71">
        <v>78</v>
      </c>
      <c r="EG26" s="72">
        <v>132</v>
      </c>
      <c r="EH26" s="244"/>
      <c r="EI26" s="71">
        <v>77</v>
      </c>
      <c r="EJ26" s="71">
        <v>50</v>
      </c>
      <c r="EK26" s="71">
        <v>28</v>
      </c>
      <c r="EL26" s="71">
        <v>47</v>
      </c>
      <c r="EM26" s="71">
        <v>35</v>
      </c>
      <c r="EN26" s="72">
        <v>237</v>
      </c>
      <c r="EO26" s="73">
        <v>369</v>
      </c>
      <c r="EP26" s="70">
        <v>120</v>
      </c>
      <c r="EQ26" s="71">
        <v>117</v>
      </c>
      <c r="ER26" s="72">
        <v>237</v>
      </c>
      <c r="ES26" s="244"/>
      <c r="ET26" s="71">
        <v>150</v>
      </c>
      <c r="EU26" s="71">
        <v>95</v>
      </c>
      <c r="EV26" s="71">
        <v>68</v>
      </c>
      <c r="EW26" s="71">
        <v>58</v>
      </c>
      <c r="EX26" s="71">
        <v>45</v>
      </c>
      <c r="EY26" s="72">
        <v>416</v>
      </c>
      <c r="EZ26" s="73">
        <v>653</v>
      </c>
      <c r="FA26" s="70">
        <v>66</v>
      </c>
      <c r="FB26" s="71">
        <v>105</v>
      </c>
      <c r="FC26" s="72">
        <v>171</v>
      </c>
      <c r="FD26" s="244"/>
      <c r="FE26" s="71">
        <v>165</v>
      </c>
      <c r="FF26" s="71">
        <v>117</v>
      </c>
      <c r="FG26" s="71">
        <v>88</v>
      </c>
      <c r="FH26" s="71">
        <v>92</v>
      </c>
      <c r="FI26" s="71">
        <v>55</v>
      </c>
      <c r="FJ26" s="72">
        <v>517</v>
      </c>
      <c r="FK26" s="73">
        <v>688</v>
      </c>
      <c r="FL26" s="70">
        <v>31</v>
      </c>
      <c r="FM26" s="71">
        <v>51</v>
      </c>
      <c r="FN26" s="72">
        <v>82</v>
      </c>
      <c r="FO26" s="244"/>
      <c r="FP26" s="71">
        <v>100</v>
      </c>
      <c r="FQ26" s="71">
        <v>98</v>
      </c>
      <c r="FR26" s="71">
        <v>78</v>
      </c>
      <c r="FS26" s="71">
        <v>119</v>
      </c>
      <c r="FT26" s="71">
        <v>79</v>
      </c>
      <c r="FU26" s="72">
        <v>474</v>
      </c>
      <c r="FV26" s="73">
        <v>556</v>
      </c>
      <c r="FW26" s="70">
        <v>3</v>
      </c>
      <c r="FX26" s="71">
        <v>9</v>
      </c>
      <c r="FY26" s="72">
        <v>12</v>
      </c>
      <c r="FZ26" s="244"/>
      <c r="GA26" s="71">
        <v>3</v>
      </c>
      <c r="GB26" s="71">
        <v>9</v>
      </c>
      <c r="GC26" s="71">
        <v>3</v>
      </c>
      <c r="GD26" s="71">
        <v>2</v>
      </c>
      <c r="GE26" s="71">
        <v>7</v>
      </c>
      <c r="GF26" s="72">
        <v>24</v>
      </c>
      <c r="GG26" s="73">
        <v>36</v>
      </c>
      <c r="GH26" s="70">
        <v>311</v>
      </c>
      <c r="GI26" s="71">
        <v>408</v>
      </c>
      <c r="GJ26" s="72">
        <v>719</v>
      </c>
      <c r="GK26" s="244"/>
      <c r="GL26" s="71">
        <v>533</v>
      </c>
      <c r="GM26" s="71">
        <v>410</v>
      </c>
      <c r="GN26" s="71">
        <v>291</v>
      </c>
      <c r="GO26" s="71">
        <v>351</v>
      </c>
      <c r="GP26" s="71">
        <v>235</v>
      </c>
      <c r="GQ26" s="72">
        <v>1820</v>
      </c>
      <c r="GR26" s="73">
        <v>2539</v>
      </c>
      <c r="GS26" s="123">
        <v>478</v>
      </c>
      <c r="GT26" s="82">
        <v>584</v>
      </c>
      <c r="GU26" s="83">
        <v>1062</v>
      </c>
      <c r="GV26" s="241"/>
      <c r="GW26" s="82">
        <v>847</v>
      </c>
      <c r="GX26" s="82">
        <v>660</v>
      </c>
      <c r="GY26" s="82">
        <v>441</v>
      </c>
      <c r="GZ26" s="82">
        <v>496</v>
      </c>
      <c r="HA26" s="82">
        <v>322</v>
      </c>
      <c r="HB26" s="84">
        <v>2766</v>
      </c>
      <c r="HC26" s="85">
        <v>3828</v>
      </c>
      <c r="HD26" s="70">
        <v>21</v>
      </c>
      <c r="HE26" s="71">
        <v>26</v>
      </c>
      <c r="HF26" s="72">
        <v>47</v>
      </c>
      <c r="HG26" s="244"/>
      <c r="HH26" s="71">
        <v>21</v>
      </c>
      <c r="HI26" s="71">
        <v>21</v>
      </c>
      <c r="HJ26" s="71">
        <v>12</v>
      </c>
      <c r="HK26" s="71">
        <v>16</v>
      </c>
      <c r="HL26" s="71">
        <v>6</v>
      </c>
      <c r="HM26" s="72">
        <v>76</v>
      </c>
      <c r="HN26" s="73">
        <v>123</v>
      </c>
      <c r="HO26" s="70">
        <v>52</v>
      </c>
      <c r="HP26" s="71">
        <v>51</v>
      </c>
      <c r="HQ26" s="72">
        <v>103</v>
      </c>
      <c r="HR26" s="244"/>
      <c r="HS26" s="71">
        <v>57</v>
      </c>
      <c r="HT26" s="71">
        <v>61</v>
      </c>
      <c r="HU26" s="71">
        <v>36</v>
      </c>
      <c r="HV26" s="71">
        <v>48</v>
      </c>
      <c r="HW26" s="71">
        <v>25</v>
      </c>
      <c r="HX26" s="72">
        <v>227</v>
      </c>
      <c r="HY26" s="73">
        <v>330</v>
      </c>
      <c r="HZ26" s="70">
        <v>86</v>
      </c>
      <c r="IA26" s="71">
        <v>110</v>
      </c>
      <c r="IB26" s="72">
        <v>196</v>
      </c>
      <c r="IC26" s="244"/>
      <c r="ID26" s="71">
        <v>142</v>
      </c>
      <c r="IE26" s="71">
        <v>98</v>
      </c>
      <c r="IF26" s="71">
        <v>48</v>
      </c>
      <c r="IG26" s="71">
        <v>66</v>
      </c>
      <c r="IH26" s="71">
        <v>65</v>
      </c>
      <c r="II26" s="72">
        <v>419</v>
      </c>
      <c r="IJ26" s="73">
        <v>615</v>
      </c>
      <c r="IK26" s="70">
        <v>162</v>
      </c>
      <c r="IL26" s="71">
        <v>184</v>
      </c>
      <c r="IM26" s="72">
        <v>346</v>
      </c>
      <c r="IN26" s="244"/>
      <c r="IO26" s="71">
        <v>246</v>
      </c>
      <c r="IP26" s="71">
        <v>165</v>
      </c>
      <c r="IQ26" s="71">
        <v>110</v>
      </c>
      <c r="IR26" s="71">
        <v>101</v>
      </c>
      <c r="IS26" s="71">
        <v>61</v>
      </c>
      <c r="IT26" s="72">
        <v>683</v>
      </c>
      <c r="IU26" s="73">
        <v>1029</v>
      </c>
      <c r="IV26" s="70">
        <v>109</v>
      </c>
      <c r="IW26" s="71">
        <v>144</v>
      </c>
      <c r="IX26" s="72">
        <v>253</v>
      </c>
      <c r="IY26" s="244"/>
      <c r="IZ26" s="71">
        <v>248</v>
      </c>
      <c r="JA26" s="71">
        <v>180</v>
      </c>
      <c r="JB26" s="71">
        <v>131</v>
      </c>
      <c r="JC26" s="71">
        <v>125</v>
      </c>
      <c r="JD26" s="71">
        <v>77</v>
      </c>
      <c r="JE26" s="72">
        <v>761</v>
      </c>
      <c r="JF26" s="73">
        <v>1014</v>
      </c>
      <c r="JG26" s="70">
        <v>48</v>
      </c>
      <c r="JH26" s="71">
        <v>69</v>
      </c>
      <c r="JI26" s="72">
        <v>117</v>
      </c>
      <c r="JJ26" s="244"/>
      <c r="JK26" s="71">
        <v>133</v>
      </c>
      <c r="JL26" s="71">
        <v>135</v>
      </c>
      <c r="JM26" s="71">
        <v>104</v>
      </c>
      <c r="JN26" s="71">
        <v>140</v>
      </c>
      <c r="JO26" s="71">
        <v>88</v>
      </c>
      <c r="JP26" s="72">
        <v>600</v>
      </c>
      <c r="JQ26" s="73">
        <v>717</v>
      </c>
      <c r="JR26" s="70">
        <v>6</v>
      </c>
      <c r="JS26" s="71">
        <v>18</v>
      </c>
      <c r="JT26" s="72">
        <v>24</v>
      </c>
      <c r="JU26" s="244"/>
      <c r="JV26" s="71">
        <v>10</v>
      </c>
      <c r="JW26" s="71">
        <v>20</v>
      </c>
      <c r="JX26" s="71">
        <v>11</v>
      </c>
      <c r="JY26" s="71">
        <v>8</v>
      </c>
      <c r="JZ26" s="71">
        <v>11</v>
      </c>
      <c r="KA26" s="72">
        <v>60</v>
      </c>
      <c r="KB26" s="73">
        <v>84</v>
      </c>
      <c r="KC26" s="70">
        <v>484</v>
      </c>
      <c r="KD26" s="71">
        <v>602</v>
      </c>
      <c r="KE26" s="72">
        <v>1086</v>
      </c>
      <c r="KF26" s="244"/>
      <c r="KG26" s="71">
        <v>857</v>
      </c>
      <c r="KH26" s="71">
        <v>680</v>
      </c>
      <c r="KI26" s="71">
        <v>452</v>
      </c>
      <c r="KJ26" s="71">
        <v>504</v>
      </c>
      <c r="KK26" s="71">
        <v>333</v>
      </c>
      <c r="KL26" s="72">
        <v>2826</v>
      </c>
      <c r="KM26" s="73">
        <v>3912</v>
      </c>
    </row>
    <row r="27" spans="2:299" ht="21" customHeight="1" x14ac:dyDescent="0.2">
      <c r="B27" s="126" t="s">
        <v>24</v>
      </c>
      <c r="C27" s="315">
        <v>112</v>
      </c>
      <c r="D27" s="82">
        <v>78</v>
      </c>
      <c r="E27" s="83">
        <v>190</v>
      </c>
      <c r="F27" s="241"/>
      <c r="G27" s="82">
        <v>149</v>
      </c>
      <c r="H27" s="82">
        <v>92</v>
      </c>
      <c r="I27" s="82">
        <v>63</v>
      </c>
      <c r="J27" s="82">
        <v>58</v>
      </c>
      <c r="K27" s="82">
        <v>53</v>
      </c>
      <c r="L27" s="84">
        <v>415</v>
      </c>
      <c r="M27" s="85">
        <v>605</v>
      </c>
      <c r="N27" s="70">
        <v>2</v>
      </c>
      <c r="O27" s="71">
        <v>3</v>
      </c>
      <c r="P27" s="72">
        <v>5</v>
      </c>
      <c r="Q27" s="244"/>
      <c r="R27" s="71">
        <v>6</v>
      </c>
      <c r="S27" s="71">
        <v>4</v>
      </c>
      <c r="T27" s="71">
        <v>1</v>
      </c>
      <c r="U27" s="71">
        <v>1</v>
      </c>
      <c r="V27" s="71">
        <v>3</v>
      </c>
      <c r="W27" s="72">
        <v>15</v>
      </c>
      <c r="X27" s="73">
        <v>20</v>
      </c>
      <c r="Y27" s="70">
        <v>7</v>
      </c>
      <c r="Z27" s="71">
        <v>6</v>
      </c>
      <c r="AA27" s="72">
        <v>13</v>
      </c>
      <c r="AB27" s="244"/>
      <c r="AC27" s="71">
        <v>14</v>
      </c>
      <c r="AD27" s="71">
        <v>13</v>
      </c>
      <c r="AE27" s="71">
        <v>3</v>
      </c>
      <c r="AF27" s="71">
        <v>4</v>
      </c>
      <c r="AG27" s="71">
        <v>7</v>
      </c>
      <c r="AH27" s="72">
        <v>41</v>
      </c>
      <c r="AI27" s="73">
        <v>54</v>
      </c>
      <c r="AJ27" s="70">
        <v>12</v>
      </c>
      <c r="AK27" s="71">
        <v>11</v>
      </c>
      <c r="AL27" s="72">
        <v>23</v>
      </c>
      <c r="AM27" s="244"/>
      <c r="AN27" s="71">
        <v>19</v>
      </c>
      <c r="AO27" s="71">
        <v>11</v>
      </c>
      <c r="AP27" s="71">
        <v>14</v>
      </c>
      <c r="AQ27" s="71">
        <v>5</v>
      </c>
      <c r="AR27" s="71">
        <v>5</v>
      </c>
      <c r="AS27" s="72">
        <v>54</v>
      </c>
      <c r="AT27" s="73">
        <v>77</v>
      </c>
      <c r="AU27" s="70">
        <v>29</v>
      </c>
      <c r="AV27" s="71">
        <v>17</v>
      </c>
      <c r="AW27" s="72">
        <v>46</v>
      </c>
      <c r="AX27" s="244"/>
      <c r="AY27" s="71">
        <v>40</v>
      </c>
      <c r="AZ27" s="71">
        <v>15</v>
      </c>
      <c r="BA27" s="71">
        <v>12</v>
      </c>
      <c r="BB27" s="71">
        <v>14</v>
      </c>
      <c r="BC27" s="71">
        <v>18</v>
      </c>
      <c r="BD27" s="72">
        <v>99</v>
      </c>
      <c r="BE27" s="73">
        <v>145</v>
      </c>
      <c r="BF27" s="70">
        <v>31</v>
      </c>
      <c r="BG27" s="71">
        <v>23</v>
      </c>
      <c r="BH27" s="72">
        <v>54</v>
      </c>
      <c r="BI27" s="244"/>
      <c r="BJ27" s="71">
        <v>37</v>
      </c>
      <c r="BK27" s="71">
        <v>28</v>
      </c>
      <c r="BL27" s="71">
        <v>15</v>
      </c>
      <c r="BM27" s="71">
        <v>22</v>
      </c>
      <c r="BN27" s="71">
        <v>11</v>
      </c>
      <c r="BO27" s="72">
        <v>113</v>
      </c>
      <c r="BP27" s="73">
        <v>167</v>
      </c>
      <c r="BQ27" s="70">
        <v>31</v>
      </c>
      <c r="BR27" s="71">
        <v>18</v>
      </c>
      <c r="BS27" s="72">
        <v>49</v>
      </c>
      <c r="BT27" s="244"/>
      <c r="BU27" s="71">
        <v>33</v>
      </c>
      <c r="BV27" s="71">
        <v>21</v>
      </c>
      <c r="BW27" s="71">
        <v>18</v>
      </c>
      <c r="BX27" s="71">
        <v>12</v>
      </c>
      <c r="BY27" s="71">
        <v>9</v>
      </c>
      <c r="BZ27" s="72">
        <v>93</v>
      </c>
      <c r="CA27" s="73">
        <v>142</v>
      </c>
      <c r="CB27" s="70">
        <v>4</v>
      </c>
      <c r="CC27" s="71">
        <v>3</v>
      </c>
      <c r="CD27" s="72">
        <v>7</v>
      </c>
      <c r="CE27" s="244"/>
      <c r="CF27" s="71">
        <v>3</v>
      </c>
      <c r="CG27" s="71">
        <v>6</v>
      </c>
      <c r="CH27" s="71">
        <v>1</v>
      </c>
      <c r="CI27" s="71">
        <v>3</v>
      </c>
      <c r="CJ27" s="71">
        <v>2</v>
      </c>
      <c r="CK27" s="72">
        <v>15</v>
      </c>
      <c r="CL27" s="73">
        <v>22</v>
      </c>
      <c r="CM27" s="70">
        <v>116</v>
      </c>
      <c r="CN27" s="71">
        <v>81</v>
      </c>
      <c r="CO27" s="72">
        <v>197</v>
      </c>
      <c r="CP27" s="244"/>
      <c r="CQ27" s="71">
        <v>152</v>
      </c>
      <c r="CR27" s="71">
        <v>98</v>
      </c>
      <c r="CS27" s="71">
        <v>64</v>
      </c>
      <c r="CT27" s="71">
        <v>61</v>
      </c>
      <c r="CU27" s="71">
        <v>55</v>
      </c>
      <c r="CV27" s="72">
        <v>430</v>
      </c>
      <c r="CW27" s="73">
        <v>627</v>
      </c>
      <c r="CX27" s="123">
        <v>223</v>
      </c>
      <c r="CY27" s="82">
        <v>158</v>
      </c>
      <c r="CZ27" s="83">
        <v>381</v>
      </c>
      <c r="DA27" s="241"/>
      <c r="DB27" s="82">
        <v>278</v>
      </c>
      <c r="DC27" s="82">
        <v>180</v>
      </c>
      <c r="DD27" s="82">
        <v>164</v>
      </c>
      <c r="DE27" s="82">
        <v>175</v>
      </c>
      <c r="DF27" s="82">
        <v>116</v>
      </c>
      <c r="DG27" s="84">
        <v>913</v>
      </c>
      <c r="DH27" s="85">
        <v>1294</v>
      </c>
      <c r="DI27" s="70">
        <v>5</v>
      </c>
      <c r="DJ27" s="71">
        <v>3</v>
      </c>
      <c r="DK27" s="72">
        <v>8</v>
      </c>
      <c r="DL27" s="244"/>
      <c r="DM27" s="71">
        <v>1</v>
      </c>
      <c r="DN27" s="71">
        <v>6</v>
      </c>
      <c r="DO27" s="71">
        <v>4</v>
      </c>
      <c r="DP27" s="71">
        <v>2</v>
      </c>
      <c r="DQ27" s="71">
        <v>2</v>
      </c>
      <c r="DR27" s="72">
        <v>15</v>
      </c>
      <c r="DS27" s="73">
        <v>23</v>
      </c>
      <c r="DT27" s="70">
        <v>14</v>
      </c>
      <c r="DU27" s="71">
        <v>5</v>
      </c>
      <c r="DV27" s="72">
        <v>19</v>
      </c>
      <c r="DW27" s="244"/>
      <c r="DX27" s="71">
        <v>9</v>
      </c>
      <c r="DY27" s="71">
        <v>4</v>
      </c>
      <c r="DZ27" s="71">
        <v>7</v>
      </c>
      <c r="EA27" s="71">
        <v>6</v>
      </c>
      <c r="EB27" s="71">
        <v>1</v>
      </c>
      <c r="EC27" s="72">
        <v>27</v>
      </c>
      <c r="ED27" s="73">
        <v>46</v>
      </c>
      <c r="EE27" s="70">
        <v>28</v>
      </c>
      <c r="EF27" s="71">
        <v>26</v>
      </c>
      <c r="EG27" s="72">
        <v>54</v>
      </c>
      <c r="EH27" s="244"/>
      <c r="EI27" s="71">
        <v>25</v>
      </c>
      <c r="EJ27" s="71">
        <v>17</v>
      </c>
      <c r="EK27" s="71">
        <v>19</v>
      </c>
      <c r="EL27" s="71">
        <v>11</v>
      </c>
      <c r="EM27" s="71">
        <v>5</v>
      </c>
      <c r="EN27" s="72">
        <v>77</v>
      </c>
      <c r="EO27" s="73">
        <v>131</v>
      </c>
      <c r="EP27" s="70">
        <v>64</v>
      </c>
      <c r="EQ27" s="71">
        <v>40</v>
      </c>
      <c r="ER27" s="72">
        <v>104</v>
      </c>
      <c r="ES27" s="244"/>
      <c r="ET27" s="71">
        <v>66</v>
      </c>
      <c r="EU27" s="71">
        <v>37</v>
      </c>
      <c r="EV27" s="71">
        <v>17</v>
      </c>
      <c r="EW27" s="71">
        <v>31</v>
      </c>
      <c r="EX27" s="71">
        <v>20</v>
      </c>
      <c r="EY27" s="72">
        <v>171</v>
      </c>
      <c r="EZ27" s="73">
        <v>275</v>
      </c>
      <c r="FA27" s="70">
        <v>66</v>
      </c>
      <c r="FB27" s="71">
        <v>55</v>
      </c>
      <c r="FC27" s="72">
        <v>121</v>
      </c>
      <c r="FD27" s="244"/>
      <c r="FE27" s="71">
        <v>86</v>
      </c>
      <c r="FF27" s="71">
        <v>51</v>
      </c>
      <c r="FG27" s="71">
        <v>43</v>
      </c>
      <c r="FH27" s="71">
        <v>38</v>
      </c>
      <c r="FI27" s="71">
        <v>26</v>
      </c>
      <c r="FJ27" s="72">
        <v>244</v>
      </c>
      <c r="FK27" s="73">
        <v>365</v>
      </c>
      <c r="FL27" s="70">
        <v>46</v>
      </c>
      <c r="FM27" s="71">
        <v>29</v>
      </c>
      <c r="FN27" s="72">
        <v>75</v>
      </c>
      <c r="FO27" s="244"/>
      <c r="FP27" s="71">
        <v>91</v>
      </c>
      <c r="FQ27" s="71">
        <v>65</v>
      </c>
      <c r="FR27" s="71">
        <v>74</v>
      </c>
      <c r="FS27" s="71">
        <v>87</v>
      </c>
      <c r="FT27" s="71">
        <v>62</v>
      </c>
      <c r="FU27" s="72">
        <v>379</v>
      </c>
      <c r="FV27" s="73">
        <v>454</v>
      </c>
      <c r="FW27" s="70">
        <v>1</v>
      </c>
      <c r="FX27" s="71">
        <v>2</v>
      </c>
      <c r="FY27" s="72">
        <v>3</v>
      </c>
      <c r="FZ27" s="244"/>
      <c r="GA27" s="71">
        <v>2</v>
      </c>
      <c r="GB27" s="71">
        <v>1</v>
      </c>
      <c r="GC27" s="71">
        <v>3</v>
      </c>
      <c r="GD27" s="71">
        <v>0</v>
      </c>
      <c r="GE27" s="71">
        <v>2</v>
      </c>
      <c r="GF27" s="72">
        <v>8</v>
      </c>
      <c r="GG27" s="73">
        <v>11</v>
      </c>
      <c r="GH27" s="70">
        <v>224</v>
      </c>
      <c r="GI27" s="71">
        <v>160</v>
      </c>
      <c r="GJ27" s="72">
        <v>384</v>
      </c>
      <c r="GK27" s="244"/>
      <c r="GL27" s="71">
        <v>280</v>
      </c>
      <c r="GM27" s="71">
        <v>181</v>
      </c>
      <c r="GN27" s="71">
        <v>167</v>
      </c>
      <c r="GO27" s="71">
        <v>175</v>
      </c>
      <c r="GP27" s="71">
        <v>118</v>
      </c>
      <c r="GQ27" s="72">
        <v>921</v>
      </c>
      <c r="GR27" s="73">
        <v>1305</v>
      </c>
      <c r="GS27" s="123">
        <v>335</v>
      </c>
      <c r="GT27" s="82">
        <v>236</v>
      </c>
      <c r="GU27" s="83">
        <v>571</v>
      </c>
      <c r="GV27" s="241"/>
      <c r="GW27" s="82">
        <v>427</v>
      </c>
      <c r="GX27" s="82">
        <v>272</v>
      </c>
      <c r="GY27" s="82">
        <v>227</v>
      </c>
      <c r="GZ27" s="82">
        <v>233</v>
      </c>
      <c r="HA27" s="82">
        <v>169</v>
      </c>
      <c r="HB27" s="84">
        <v>1328</v>
      </c>
      <c r="HC27" s="85">
        <v>1899</v>
      </c>
      <c r="HD27" s="70">
        <v>7</v>
      </c>
      <c r="HE27" s="71">
        <v>6</v>
      </c>
      <c r="HF27" s="72">
        <v>13</v>
      </c>
      <c r="HG27" s="244"/>
      <c r="HH27" s="71">
        <v>7</v>
      </c>
      <c r="HI27" s="71">
        <v>10</v>
      </c>
      <c r="HJ27" s="71">
        <v>5</v>
      </c>
      <c r="HK27" s="71">
        <v>3</v>
      </c>
      <c r="HL27" s="71">
        <v>5</v>
      </c>
      <c r="HM27" s="72">
        <v>30</v>
      </c>
      <c r="HN27" s="73">
        <v>43</v>
      </c>
      <c r="HO27" s="70">
        <v>21</v>
      </c>
      <c r="HP27" s="71">
        <v>11</v>
      </c>
      <c r="HQ27" s="72">
        <v>32</v>
      </c>
      <c r="HR27" s="244"/>
      <c r="HS27" s="71">
        <v>23</v>
      </c>
      <c r="HT27" s="71">
        <v>17</v>
      </c>
      <c r="HU27" s="71">
        <v>10</v>
      </c>
      <c r="HV27" s="71">
        <v>10</v>
      </c>
      <c r="HW27" s="71">
        <v>8</v>
      </c>
      <c r="HX27" s="72">
        <v>68</v>
      </c>
      <c r="HY27" s="73">
        <v>100</v>
      </c>
      <c r="HZ27" s="70">
        <v>40</v>
      </c>
      <c r="IA27" s="71">
        <v>37</v>
      </c>
      <c r="IB27" s="72">
        <v>77</v>
      </c>
      <c r="IC27" s="244"/>
      <c r="ID27" s="71">
        <v>44</v>
      </c>
      <c r="IE27" s="71">
        <v>28</v>
      </c>
      <c r="IF27" s="71">
        <v>33</v>
      </c>
      <c r="IG27" s="71">
        <v>16</v>
      </c>
      <c r="IH27" s="71">
        <v>10</v>
      </c>
      <c r="II27" s="72">
        <v>131</v>
      </c>
      <c r="IJ27" s="73">
        <v>208</v>
      </c>
      <c r="IK27" s="70">
        <v>93</v>
      </c>
      <c r="IL27" s="71">
        <v>57</v>
      </c>
      <c r="IM27" s="72">
        <v>150</v>
      </c>
      <c r="IN27" s="244"/>
      <c r="IO27" s="71">
        <v>106</v>
      </c>
      <c r="IP27" s="71">
        <v>52</v>
      </c>
      <c r="IQ27" s="71">
        <v>29</v>
      </c>
      <c r="IR27" s="71">
        <v>45</v>
      </c>
      <c r="IS27" s="71">
        <v>38</v>
      </c>
      <c r="IT27" s="72">
        <v>270</v>
      </c>
      <c r="IU27" s="73">
        <v>420</v>
      </c>
      <c r="IV27" s="70">
        <v>97</v>
      </c>
      <c r="IW27" s="71">
        <v>78</v>
      </c>
      <c r="IX27" s="72">
        <v>175</v>
      </c>
      <c r="IY27" s="244"/>
      <c r="IZ27" s="71">
        <v>123</v>
      </c>
      <c r="JA27" s="71">
        <v>79</v>
      </c>
      <c r="JB27" s="71">
        <v>58</v>
      </c>
      <c r="JC27" s="71">
        <v>60</v>
      </c>
      <c r="JD27" s="71">
        <v>37</v>
      </c>
      <c r="JE27" s="72">
        <v>357</v>
      </c>
      <c r="JF27" s="73">
        <v>532</v>
      </c>
      <c r="JG27" s="70">
        <v>77</v>
      </c>
      <c r="JH27" s="71">
        <v>47</v>
      </c>
      <c r="JI27" s="72">
        <v>124</v>
      </c>
      <c r="JJ27" s="244"/>
      <c r="JK27" s="71">
        <v>124</v>
      </c>
      <c r="JL27" s="71">
        <v>86</v>
      </c>
      <c r="JM27" s="71">
        <v>92</v>
      </c>
      <c r="JN27" s="71">
        <v>99</v>
      </c>
      <c r="JO27" s="71">
        <v>71</v>
      </c>
      <c r="JP27" s="72">
        <v>472</v>
      </c>
      <c r="JQ27" s="73">
        <v>596</v>
      </c>
      <c r="JR27" s="70">
        <v>5</v>
      </c>
      <c r="JS27" s="71">
        <v>5</v>
      </c>
      <c r="JT27" s="72">
        <v>10</v>
      </c>
      <c r="JU27" s="244"/>
      <c r="JV27" s="71">
        <v>5</v>
      </c>
      <c r="JW27" s="71">
        <v>7</v>
      </c>
      <c r="JX27" s="71">
        <v>4</v>
      </c>
      <c r="JY27" s="71">
        <v>3</v>
      </c>
      <c r="JZ27" s="71">
        <v>4</v>
      </c>
      <c r="KA27" s="72">
        <v>23</v>
      </c>
      <c r="KB27" s="73">
        <v>33</v>
      </c>
      <c r="KC27" s="70">
        <v>340</v>
      </c>
      <c r="KD27" s="71">
        <v>241</v>
      </c>
      <c r="KE27" s="72">
        <v>581</v>
      </c>
      <c r="KF27" s="244"/>
      <c r="KG27" s="71">
        <v>432</v>
      </c>
      <c r="KH27" s="71">
        <v>279</v>
      </c>
      <c r="KI27" s="71">
        <v>231</v>
      </c>
      <c r="KJ27" s="71">
        <v>236</v>
      </c>
      <c r="KK27" s="71">
        <v>173</v>
      </c>
      <c r="KL27" s="72">
        <v>1351</v>
      </c>
      <c r="KM27" s="73">
        <v>1932</v>
      </c>
    </row>
    <row r="28" spans="2:299" ht="21" customHeight="1" x14ac:dyDescent="0.2">
      <c r="B28" s="126" t="s">
        <v>25</v>
      </c>
      <c r="C28" s="315">
        <v>111</v>
      </c>
      <c r="D28" s="82">
        <v>101</v>
      </c>
      <c r="E28" s="83">
        <v>212</v>
      </c>
      <c r="F28" s="241"/>
      <c r="G28" s="82">
        <v>188</v>
      </c>
      <c r="H28" s="82">
        <v>137</v>
      </c>
      <c r="I28" s="82">
        <v>100</v>
      </c>
      <c r="J28" s="82">
        <v>103</v>
      </c>
      <c r="K28" s="82">
        <v>56</v>
      </c>
      <c r="L28" s="84">
        <v>584</v>
      </c>
      <c r="M28" s="85">
        <v>796</v>
      </c>
      <c r="N28" s="70">
        <v>3</v>
      </c>
      <c r="O28" s="71">
        <v>6</v>
      </c>
      <c r="P28" s="72">
        <v>9</v>
      </c>
      <c r="Q28" s="244"/>
      <c r="R28" s="71">
        <v>6</v>
      </c>
      <c r="S28" s="71">
        <v>8</v>
      </c>
      <c r="T28" s="71">
        <v>2</v>
      </c>
      <c r="U28" s="71">
        <v>2</v>
      </c>
      <c r="V28" s="71">
        <v>2</v>
      </c>
      <c r="W28" s="72">
        <v>20</v>
      </c>
      <c r="X28" s="73">
        <v>29</v>
      </c>
      <c r="Y28" s="70">
        <v>16</v>
      </c>
      <c r="Z28" s="71">
        <v>11</v>
      </c>
      <c r="AA28" s="72">
        <v>27</v>
      </c>
      <c r="AB28" s="244"/>
      <c r="AC28" s="71">
        <v>19</v>
      </c>
      <c r="AD28" s="71">
        <v>20</v>
      </c>
      <c r="AE28" s="71">
        <v>10</v>
      </c>
      <c r="AF28" s="71">
        <v>11</v>
      </c>
      <c r="AG28" s="71">
        <v>5</v>
      </c>
      <c r="AH28" s="72">
        <v>65</v>
      </c>
      <c r="AI28" s="73">
        <v>92</v>
      </c>
      <c r="AJ28" s="70">
        <v>24</v>
      </c>
      <c r="AK28" s="71">
        <v>21</v>
      </c>
      <c r="AL28" s="72">
        <v>45</v>
      </c>
      <c r="AM28" s="244"/>
      <c r="AN28" s="71">
        <v>34</v>
      </c>
      <c r="AO28" s="71">
        <v>22</v>
      </c>
      <c r="AP28" s="71">
        <v>17</v>
      </c>
      <c r="AQ28" s="71">
        <v>19</v>
      </c>
      <c r="AR28" s="71">
        <v>8</v>
      </c>
      <c r="AS28" s="72">
        <v>100</v>
      </c>
      <c r="AT28" s="73">
        <v>145</v>
      </c>
      <c r="AU28" s="70">
        <v>33</v>
      </c>
      <c r="AV28" s="71">
        <v>30</v>
      </c>
      <c r="AW28" s="72">
        <v>63</v>
      </c>
      <c r="AX28" s="244"/>
      <c r="AY28" s="71">
        <v>58</v>
      </c>
      <c r="AZ28" s="71">
        <v>37</v>
      </c>
      <c r="BA28" s="71">
        <v>28</v>
      </c>
      <c r="BB28" s="71">
        <v>33</v>
      </c>
      <c r="BC28" s="71">
        <v>16</v>
      </c>
      <c r="BD28" s="72">
        <v>172</v>
      </c>
      <c r="BE28" s="73">
        <v>235</v>
      </c>
      <c r="BF28" s="70">
        <v>26</v>
      </c>
      <c r="BG28" s="71">
        <v>22</v>
      </c>
      <c r="BH28" s="72">
        <v>48</v>
      </c>
      <c r="BI28" s="244"/>
      <c r="BJ28" s="71">
        <v>44</v>
      </c>
      <c r="BK28" s="71">
        <v>35</v>
      </c>
      <c r="BL28" s="71">
        <v>28</v>
      </c>
      <c r="BM28" s="71">
        <v>24</v>
      </c>
      <c r="BN28" s="71">
        <v>16</v>
      </c>
      <c r="BO28" s="72">
        <v>147</v>
      </c>
      <c r="BP28" s="73">
        <v>195</v>
      </c>
      <c r="BQ28" s="70">
        <v>9</v>
      </c>
      <c r="BR28" s="71">
        <v>11</v>
      </c>
      <c r="BS28" s="72">
        <v>20</v>
      </c>
      <c r="BT28" s="244"/>
      <c r="BU28" s="71">
        <v>27</v>
      </c>
      <c r="BV28" s="71">
        <v>15</v>
      </c>
      <c r="BW28" s="71">
        <v>15</v>
      </c>
      <c r="BX28" s="71">
        <v>14</v>
      </c>
      <c r="BY28" s="71">
        <v>9</v>
      </c>
      <c r="BZ28" s="72">
        <v>80</v>
      </c>
      <c r="CA28" s="73">
        <v>100</v>
      </c>
      <c r="CB28" s="70">
        <v>1</v>
      </c>
      <c r="CC28" s="71">
        <v>3</v>
      </c>
      <c r="CD28" s="72">
        <v>4</v>
      </c>
      <c r="CE28" s="244"/>
      <c r="CF28" s="71">
        <v>3</v>
      </c>
      <c r="CG28" s="71">
        <v>10</v>
      </c>
      <c r="CH28" s="71">
        <v>2</v>
      </c>
      <c r="CI28" s="71">
        <v>3</v>
      </c>
      <c r="CJ28" s="71">
        <v>3</v>
      </c>
      <c r="CK28" s="72">
        <v>21</v>
      </c>
      <c r="CL28" s="73">
        <v>25</v>
      </c>
      <c r="CM28" s="70">
        <v>112</v>
      </c>
      <c r="CN28" s="71">
        <v>104</v>
      </c>
      <c r="CO28" s="72">
        <v>216</v>
      </c>
      <c r="CP28" s="244"/>
      <c r="CQ28" s="71">
        <v>191</v>
      </c>
      <c r="CR28" s="71">
        <v>147</v>
      </c>
      <c r="CS28" s="71">
        <v>102</v>
      </c>
      <c r="CT28" s="71">
        <v>106</v>
      </c>
      <c r="CU28" s="71">
        <v>59</v>
      </c>
      <c r="CV28" s="72">
        <v>605</v>
      </c>
      <c r="CW28" s="73">
        <v>821</v>
      </c>
      <c r="CX28" s="123">
        <v>187</v>
      </c>
      <c r="CY28" s="82">
        <v>212</v>
      </c>
      <c r="CZ28" s="83">
        <v>399</v>
      </c>
      <c r="DA28" s="241"/>
      <c r="DB28" s="82">
        <v>290</v>
      </c>
      <c r="DC28" s="82">
        <v>216</v>
      </c>
      <c r="DD28" s="82">
        <v>170</v>
      </c>
      <c r="DE28" s="82">
        <v>184</v>
      </c>
      <c r="DF28" s="82">
        <v>100</v>
      </c>
      <c r="DG28" s="84">
        <v>960</v>
      </c>
      <c r="DH28" s="85">
        <v>1359</v>
      </c>
      <c r="DI28" s="70">
        <v>5</v>
      </c>
      <c r="DJ28" s="71">
        <v>4</v>
      </c>
      <c r="DK28" s="72">
        <v>9</v>
      </c>
      <c r="DL28" s="244"/>
      <c r="DM28" s="71">
        <v>8</v>
      </c>
      <c r="DN28" s="71">
        <v>10</v>
      </c>
      <c r="DO28" s="71">
        <v>3</v>
      </c>
      <c r="DP28" s="71">
        <v>4</v>
      </c>
      <c r="DQ28" s="71">
        <v>2</v>
      </c>
      <c r="DR28" s="72">
        <v>27</v>
      </c>
      <c r="DS28" s="73">
        <v>36</v>
      </c>
      <c r="DT28" s="70">
        <v>22</v>
      </c>
      <c r="DU28" s="71">
        <v>19</v>
      </c>
      <c r="DV28" s="72">
        <v>41</v>
      </c>
      <c r="DW28" s="244"/>
      <c r="DX28" s="71">
        <v>19</v>
      </c>
      <c r="DY28" s="71">
        <v>19</v>
      </c>
      <c r="DZ28" s="71">
        <v>14</v>
      </c>
      <c r="EA28" s="71">
        <v>8</v>
      </c>
      <c r="EB28" s="71">
        <v>8</v>
      </c>
      <c r="EC28" s="72">
        <v>68</v>
      </c>
      <c r="ED28" s="73">
        <v>109</v>
      </c>
      <c r="EE28" s="70">
        <v>29</v>
      </c>
      <c r="EF28" s="71">
        <v>30</v>
      </c>
      <c r="EG28" s="72">
        <v>59</v>
      </c>
      <c r="EH28" s="244"/>
      <c r="EI28" s="71">
        <v>47</v>
      </c>
      <c r="EJ28" s="71">
        <v>21</v>
      </c>
      <c r="EK28" s="71">
        <v>29</v>
      </c>
      <c r="EL28" s="71">
        <v>26</v>
      </c>
      <c r="EM28" s="71">
        <v>16</v>
      </c>
      <c r="EN28" s="72">
        <v>139</v>
      </c>
      <c r="EO28" s="73">
        <v>198</v>
      </c>
      <c r="EP28" s="70">
        <v>54</v>
      </c>
      <c r="EQ28" s="71">
        <v>62</v>
      </c>
      <c r="ER28" s="72">
        <v>116</v>
      </c>
      <c r="ES28" s="244"/>
      <c r="ET28" s="71">
        <v>68</v>
      </c>
      <c r="EU28" s="71">
        <v>46</v>
      </c>
      <c r="EV28" s="71">
        <v>31</v>
      </c>
      <c r="EW28" s="71">
        <v>32</v>
      </c>
      <c r="EX28" s="71">
        <v>12</v>
      </c>
      <c r="EY28" s="72">
        <v>189</v>
      </c>
      <c r="EZ28" s="73">
        <v>305</v>
      </c>
      <c r="FA28" s="70">
        <v>52</v>
      </c>
      <c r="FB28" s="71">
        <v>56</v>
      </c>
      <c r="FC28" s="72">
        <v>108</v>
      </c>
      <c r="FD28" s="244"/>
      <c r="FE28" s="71">
        <v>84</v>
      </c>
      <c r="FF28" s="71">
        <v>62</v>
      </c>
      <c r="FG28" s="71">
        <v>45</v>
      </c>
      <c r="FH28" s="71">
        <v>51</v>
      </c>
      <c r="FI28" s="71">
        <v>29</v>
      </c>
      <c r="FJ28" s="72">
        <v>271</v>
      </c>
      <c r="FK28" s="73">
        <v>379</v>
      </c>
      <c r="FL28" s="70">
        <v>25</v>
      </c>
      <c r="FM28" s="71">
        <v>41</v>
      </c>
      <c r="FN28" s="72">
        <v>66</v>
      </c>
      <c r="FO28" s="244"/>
      <c r="FP28" s="71">
        <v>64</v>
      </c>
      <c r="FQ28" s="71">
        <v>58</v>
      </c>
      <c r="FR28" s="71">
        <v>48</v>
      </c>
      <c r="FS28" s="71">
        <v>63</v>
      </c>
      <c r="FT28" s="71">
        <v>33</v>
      </c>
      <c r="FU28" s="72">
        <v>266</v>
      </c>
      <c r="FV28" s="73">
        <v>332</v>
      </c>
      <c r="FW28" s="70">
        <v>2</v>
      </c>
      <c r="FX28" s="71">
        <v>4</v>
      </c>
      <c r="FY28" s="72">
        <v>6</v>
      </c>
      <c r="FZ28" s="244"/>
      <c r="GA28" s="71">
        <v>3</v>
      </c>
      <c r="GB28" s="71">
        <v>3</v>
      </c>
      <c r="GC28" s="71">
        <v>3</v>
      </c>
      <c r="GD28" s="71">
        <v>1</v>
      </c>
      <c r="GE28" s="71">
        <v>5</v>
      </c>
      <c r="GF28" s="72">
        <v>15</v>
      </c>
      <c r="GG28" s="73">
        <v>21</v>
      </c>
      <c r="GH28" s="70">
        <v>189</v>
      </c>
      <c r="GI28" s="71">
        <v>216</v>
      </c>
      <c r="GJ28" s="72">
        <v>405</v>
      </c>
      <c r="GK28" s="244"/>
      <c r="GL28" s="71">
        <v>293</v>
      </c>
      <c r="GM28" s="71">
        <v>219</v>
      </c>
      <c r="GN28" s="71">
        <v>173</v>
      </c>
      <c r="GO28" s="71">
        <v>185</v>
      </c>
      <c r="GP28" s="71">
        <v>105</v>
      </c>
      <c r="GQ28" s="72">
        <v>975</v>
      </c>
      <c r="GR28" s="73">
        <v>1380</v>
      </c>
      <c r="GS28" s="123">
        <v>298</v>
      </c>
      <c r="GT28" s="82">
        <v>313</v>
      </c>
      <c r="GU28" s="83">
        <v>611</v>
      </c>
      <c r="GV28" s="241"/>
      <c r="GW28" s="82">
        <v>478</v>
      </c>
      <c r="GX28" s="82">
        <v>353</v>
      </c>
      <c r="GY28" s="82">
        <v>270</v>
      </c>
      <c r="GZ28" s="82">
        <v>287</v>
      </c>
      <c r="HA28" s="82">
        <v>156</v>
      </c>
      <c r="HB28" s="84">
        <v>1544</v>
      </c>
      <c r="HC28" s="85">
        <v>2155</v>
      </c>
      <c r="HD28" s="70">
        <v>8</v>
      </c>
      <c r="HE28" s="71">
        <v>10</v>
      </c>
      <c r="HF28" s="72">
        <v>18</v>
      </c>
      <c r="HG28" s="244"/>
      <c r="HH28" s="71">
        <v>14</v>
      </c>
      <c r="HI28" s="71">
        <v>18</v>
      </c>
      <c r="HJ28" s="71">
        <v>5</v>
      </c>
      <c r="HK28" s="71">
        <v>6</v>
      </c>
      <c r="HL28" s="71">
        <v>4</v>
      </c>
      <c r="HM28" s="72">
        <v>47</v>
      </c>
      <c r="HN28" s="73">
        <v>65</v>
      </c>
      <c r="HO28" s="70">
        <v>38</v>
      </c>
      <c r="HP28" s="71">
        <v>30</v>
      </c>
      <c r="HQ28" s="72">
        <v>68</v>
      </c>
      <c r="HR28" s="244"/>
      <c r="HS28" s="71">
        <v>38</v>
      </c>
      <c r="HT28" s="71">
        <v>39</v>
      </c>
      <c r="HU28" s="71">
        <v>24</v>
      </c>
      <c r="HV28" s="71">
        <v>19</v>
      </c>
      <c r="HW28" s="71">
        <v>13</v>
      </c>
      <c r="HX28" s="72">
        <v>133</v>
      </c>
      <c r="HY28" s="73">
        <v>201</v>
      </c>
      <c r="HZ28" s="70">
        <v>53</v>
      </c>
      <c r="IA28" s="71">
        <v>51</v>
      </c>
      <c r="IB28" s="72">
        <v>104</v>
      </c>
      <c r="IC28" s="244"/>
      <c r="ID28" s="71">
        <v>81</v>
      </c>
      <c r="IE28" s="71">
        <v>43</v>
      </c>
      <c r="IF28" s="71">
        <v>46</v>
      </c>
      <c r="IG28" s="71">
        <v>45</v>
      </c>
      <c r="IH28" s="71">
        <v>24</v>
      </c>
      <c r="II28" s="72">
        <v>239</v>
      </c>
      <c r="IJ28" s="73">
        <v>343</v>
      </c>
      <c r="IK28" s="70">
        <v>87</v>
      </c>
      <c r="IL28" s="71">
        <v>92</v>
      </c>
      <c r="IM28" s="72">
        <v>179</v>
      </c>
      <c r="IN28" s="244"/>
      <c r="IO28" s="71">
        <v>126</v>
      </c>
      <c r="IP28" s="71">
        <v>83</v>
      </c>
      <c r="IQ28" s="71">
        <v>59</v>
      </c>
      <c r="IR28" s="71">
        <v>65</v>
      </c>
      <c r="IS28" s="71">
        <v>28</v>
      </c>
      <c r="IT28" s="72">
        <v>361</v>
      </c>
      <c r="IU28" s="73">
        <v>540</v>
      </c>
      <c r="IV28" s="70">
        <v>78</v>
      </c>
      <c r="IW28" s="71">
        <v>78</v>
      </c>
      <c r="IX28" s="72">
        <v>156</v>
      </c>
      <c r="IY28" s="244"/>
      <c r="IZ28" s="71">
        <v>128</v>
      </c>
      <c r="JA28" s="71">
        <v>97</v>
      </c>
      <c r="JB28" s="71">
        <v>73</v>
      </c>
      <c r="JC28" s="71">
        <v>75</v>
      </c>
      <c r="JD28" s="71">
        <v>45</v>
      </c>
      <c r="JE28" s="72">
        <v>418</v>
      </c>
      <c r="JF28" s="73">
        <v>574</v>
      </c>
      <c r="JG28" s="70">
        <v>34</v>
      </c>
      <c r="JH28" s="71">
        <v>52</v>
      </c>
      <c r="JI28" s="72">
        <v>86</v>
      </c>
      <c r="JJ28" s="244"/>
      <c r="JK28" s="71">
        <v>91</v>
      </c>
      <c r="JL28" s="71">
        <v>73</v>
      </c>
      <c r="JM28" s="71">
        <v>63</v>
      </c>
      <c r="JN28" s="71">
        <v>77</v>
      </c>
      <c r="JO28" s="71">
        <v>42</v>
      </c>
      <c r="JP28" s="72">
        <v>346</v>
      </c>
      <c r="JQ28" s="73">
        <v>432</v>
      </c>
      <c r="JR28" s="70">
        <v>3</v>
      </c>
      <c r="JS28" s="71">
        <v>7</v>
      </c>
      <c r="JT28" s="72">
        <v>10</v>
      </c>
      <c r="JU28" s="244"/>
      <c r="JV28" s="71">
        <v>6</v>
      </c>
      <c r="JW28" s="71">
        <v>13</v>
      </c>
      <c r="JX28" s="71">
        <v>5</v>
      </c>
      <c r="JY28" s="71">
        <v>4</v>
      </c>
      <c r="JZ28" s="71">
        <v>8</v>
      </c>
      <c r="KA28" s="72">
        <v>36</v>
      </c>
      <c r="KB28" s="73">
        <v>46</v>
      </c>
      <c r="KC28" s="70">
        <v>301</v>
      </c>
      <c r="KD28" s="71">
        <v>320</v>
      </c>
      <c r="KE28" s="72">
        <v>621</v>
      </c>
      <c r="KF28" s="244"/>
      <c r="KG28" s="71">
        <v>484</v>
      </c>
      <c r="KH28" s="71">
        <v>366</v>
      </c>
      <c r="KI28" s="71">
        <v>275</v>
      </c>
      <c r="KJ28" s="71">
        <v>291</v>
      </c>
      <c r="KK28" s="71">
        <v>164</v>
      </c>
      <c r="KL28" s="72">
        <v>1580</v>
      </c>
      <c r="KM28" s="73">
        <v>2201</v>
      </c>
    </row>
    <row r="29" spans="2:299" ht="21" customHeight="1" x14ac:dyDescent="0.2">
      <c r="B29" s="126" t="s">
        <v>26</v>
      </c>
      <c r="C29" s="315">
        <v>89</v>
      </c>
      <c r="D29" s="82">
        <v>64</v>
      </c>
      <c r="E29" s="83">
        <v>153</v>
      </c>
      <c r="F29" s="241"/>
      <c r="G29" s="82">
        <v>144</v>
      </c>
      <c r="H29" s="82">
        <v>117</v>
      </c>
      <c r="I29" s="82">
        <v>86</v>
      </c>
      <c r="J29" s="82">
        <v>71</v>
      </c>
      <c r="K29" s="82">
        <v>37</v>
      </c>
      <c r="L29" s="84">
        <v>455</v>
      </c>
      <c r="M29" s="85">
        <v>608</v>
      </c>
      <c r="N29" s="70">
        <v>2</v>
      </c>
      <c r="O29" s="71">
        <v>3</v>
      </c>
      <c r="P29" s="72">
        <v>5</v>
      </c>
      <c r="Q29" s="244"/>
      <c r="R29" s="71">
        <v>7</v>
      </c>
      <c r="S29" s="71">
        <v>3</v>
      </c>
      <c r="T29" s="71">
        <v>4</v>
      </c>
      <c r="U29" s="71">
        <v>4</v>
      </c>
      <c r="V29" s="71">
        <v>3</v>
      </c>
      <c r="W29" s="72">
        <v>21</v>
      </c>
      <c r="X29" s="73">
        <v>26</v>
      </c>
      <c r="Y29" s="70">
        <v>8</v>
      </c>
      <c r="Z29" s="71">
        <v>6</v>
      </c>
      <c r="AA29" s="72">
        <v>14</v>
      </c>
      <c r="AB29" s="244"/>
      <c r="AC29" s="71">
        <v>10</v>
      </c>
      <c r="AD29" s="71">
        <v>9</v>
      </c>
      <c r="AE29" s="71">
        <v>8</v>
      </c>
      <c r="AF29" s="71">
        <v>5</v>
      </c>
      <c r="AG29" s="71">
        <v>8</v>
      </c>
      <c r="AH29" s="72">
        <v>40</v>
      </c>
      <c r="AI29" s="73">
        <v>54</v>
      </c>
      <c r="AJ29" s="70">
        <v>12</v>
      </c>
      <c r="AK29" s="71">
        <v>11</v>
      </c>
      <c r="AL29" s="72">
        <v>23</v>
      </c>
      <c r="AM29" s="244"/>
      <c r="AN29" s="71">
        <v>17</v>
      </c>
      <c r="AO29" s="71">
        <v>14</v>
      </c>
      <c r="AP29" s="71">
        <v>18</v>
      </c>
      <c r="AQ29" s="71">
        <v>12</v>
      </c>
      <c r="AR29" s="71">
        <v>5</v>
      </c>
      <c r="AS29" s="72">
        <v>66</v>
      </c>
      <c r="AT29" s="73">
        <v>89</v>
      </c>
      <c r="AU29" s="70">
        <v>26</v>
      </c>
      <c r="AV29" s="71">
        <v>13</v>
      </c>
      <c r="AW29" s="72">
        <v>39</v>
      </c>
      <c r="AX29" s="244"/>
      <c r="AY29" s="71">
        <v>52</v>
      </c>
      <c r="AZ29" s="71">
        <v>32</v>
      </c>
      <c r="BA29" s="71">
        <v>17</v>
      </c>
      <c r="BB29" s="71">
        <v>16</v>
      </c>
      <c r="BC29" s="71">
        <v>5</v>
      </c>
      <c r="BD29" s="72">
        <v>122</v>
      </c>
      <c r="BE29" s="73">
        <v>161</v>
      </c>
      <c r="BF29" s="70">
        <v>22</v>
      </c>
      <c r="BG29" s="71">
        <v>19</v>
      </c>
      <c r="BH29" s="72">
        <v>41</v>
      </c>
      <c r="BI29" s="244"/>
      <c r="BJ29" s="71">
        <v>30</v>
      </c>
      <c r="BK29" s="71">
        <v>37</v>
      </c>
      <c r="BL29" s="71">
        <v>23</v>
      </c>
      <c r="BM29" s="71">
        <v>23</v>
      </c>
      <c r="BN29" s="71">
        <v>10</v>
      </c>
      <c r="BO29" s="72">
        <v>123</v>
      </c>
      <c r="BP29" s="73">
        <v>164</v>
      </c>
      <c r="BQ29" s="70">
        <v>19</v>
      </c>
      <c r="BR29" s="71">
        <v>12</v>
      </c>
      <c r="BS29" s="72">
        <v>31</v>
      </c>
      <c r="BT29" s="244"/>
      <c r="BU29" s="71">
        <v>28</v>
      </c>
      <c r="BV29" s="71">
        <v>22</v>
      </c>
      <c r="BW29" s="71">
        <v>16</v>
      </c>
      <c r="BX29" s="71">
        <v>11</v>
      </c>
      <c r="BY29" s="71">
        <v>6</v>
      </c>
      <c r="BZ29" s="72">
        <v>83</v>
      </c>
      <c r="CA29" s="73">
        <v>114</v>
      </c>
      <c r="CB29" s="70">
        <v>3</v>
      </c>
      <c r="CC29" s="71">
        <v>0</v>
      </c>
      <c r="CD29" s="72">
        <v>3</v>
      </c>
      <c r="CE29" s="244"/>
      <c r="CF29" s="71">
        <v>5</v>
      </c>
      <c r="CG29" s="71">
        <v>5</v>
      </c>
      <c r="CH29" s="71">
        <v>3</v>
      </c>
      <c r="CI29" s="71">
        <v>2</v>
      </c>
      <c r="CJ29" s="71">
        <v>1</v>
      </c>
      <c r="CK29" s="72">
        <v>16</v>
      </c>
      <c r="CL29" s="73">
        <v>19</v>
      </c>
      <c r="CM29" s="70">
        <v>92</v>
      </c>
      <c r="CN29" s="71">
        <v>64</v>
      </c>
      <c r="CO29" s="72">
        <v>156</v>
      </c>
      <c r="CP29" s="244"/>
      <c r="CQ29" s="71">
        <v>149</v>
      </c>
      <c r="CR29" s="71">
        <v>122</v>
      </c>
      <c r="CS29" s="71">
        <v>89</v>
      </c>
      <c r="CT29" s="71">
        <v>73</v>
      </c>
      <c r="CU29" s="71">
        <v>38</v>
      </c>
      <c r="CV29" s="72">
        <v>471</v>
      </c>
      <c r="CW29" s="73">
        <v>627</v>
      </c>
      <c r="CX29" s="123">
        <v>176</v>
      </c>
      <c r="CY29" s="82">
        <v>191</v>
      </c>
      <c r="CZ29" s="83">
        <v>367</v>
      </c>
      <c r="DA29" s="241"/>
      <c r="DB29" s="82">
        <v>260</v>
      </c>
      <c r="DC29" s="82">
        <v>209</v>
      </c>
      <c r="DD29" s="82">
        <v>161</v>
      </c>
      <c r="DE29" s="82">
        <v>140</v>
      </c>
      <c r="DF29" s="82">
        <v>104</v>
      </c>
      <c r="DG29" s="84">
        <v>874</v>
      </c>
      <c r="DH29" s="85">
        <v>1241</v>
      </c>
      <c r="DI29" s="70">
        <v>3</v>
      </c>
      <c r="DJ29" s="71">
        <v>7</v>
      </c>
      <c r="DK29" s="72">
        <v>10</v>
      </c>
      <c r="DL29" s="244"/>
      <c r="DM29" s="71">
        <v>7</v>
      </c>
      <c r="DN29" s="71">
        <v>2</v>
      </c>
      <c r="DO29" s="71">
        <v>4</v>
      </c>
      <c r="DP29" s="71">
        <v>3</v>
      </c>
      <c r="DQ29" s="71">
        <v>2</v>
      </c>
      <c r="DR29" s="72">
        <v>18</v>
      </c>
      <c r="DS29" s="73">
        <v>28</v>
      </c>
      <c r="DT29" s="70">
        <v>11</v>
      </c>
      <c r="DU29" s="71">
        <v>11</v>
      </c>
      <c r="DV29" s="72">
        <v>22</v>
      </c>
      <c r="DW29" s="244"/>
      <c r="DX29" s="71">
        <v>14</v>
      </c>
      <c r="DY29" s="71">
        <v>9</v>
      </c>
      <c r="DZ29" s="71">
        <v>4</v>
      </c>
      <c r="EA29" s="71">
        <v>7</v>
      </c>
      <c r="EB29" s="71">
        <v>5</v>
      </c>
      <c r="EC29" s="72">
        <v>39</v>
      </c>
      <c r="ED29" s="73">
        <v>61</v>
      </c>
      <c r="EE29" s="70">
        <v>19</v>
      </c>
      <c r="EF29" s="71">
        <v>22</v>
      </c>
      <c r="EG29" s="72">
        <v>41</v>
      </c>
      <c r="EH29" s="244"/>
      <c r="EI29" s="71">
        <v>37</v>
      </c>
      <c r="EJ29" s="71">
        <v>18</v>
      </c>
      <c r="EK29" s="71">
        <v>14</v>
      </c>
      <c r="EL29" s="71">
        <v>16</v>
      </c>
      <c r="EM29" s="71">
        <v>6</v>
      </c>
      <c r="EN29" s="72">
        <v>91</v>
      </c>
      <c r="EO29" s="73">
        <v>132</v>
      </c>
      <c r="EP29" s="70">
        <v>55</v>
      </c>
      <c r="EQ29" s="71">
        <v>52</v>
      </c>
      <c r="ER29" s="72">
        <v>107</v>
      </c>
      <c r="ES29" s="244"/>
      <c r="ET29" s="71">
        <v>53</v>
      </c>
      <c r="EU29" s="71">
        <v>40</v>
      </c>
      <c r="EV29" s="71">
        <v>38</v>
      </c>
      <c r="EW29" s="71">
        <v>13</v>
      </c>
      <c r="EX29" s="71">
        <v>18</v>
      </c>
      <c r="EY29" s="72">
        <v>162</v>
      </c>
      <c r="EZ29" s="73">
        <v>269</v>
      </c>
      <c r="FA29" s="70">
        <v>58</v>
      </c>
      <c r="FB29" s="71">
        <v>60</v>
      </c>
      <c r="FC29" s="72">
        <v>118</v>
      </c>
      <c r="FD29" s="244"/>
      <c r="FE29" s="71">
        <v>71</v>
      </c>
      <c r="FF29" s="71">
        <v>56</v>
      </c>
      <c r="FG29" s="71">
        <v>38</v>
      </c>
      <c r="FH29" s="71">
        <v>32</v>
      </c>
      <c r="FI29" s="71">
        <v>22</v>
      </c>
      <c r="FJ29" s="72">
        <v>219</v>
      </c>
      <c r="FK29" s="73">
        <v>337</v>
      </c>
      <c r="FL29" s="70">
        <v>30</v>
      </c>
      <c r="FM29" s="71">
        <v>39</v>
      </c>
      <c r="FN29" s="72">
        <v>69</v>
      </c>
      <c r="FO29" s="244"/>
      <c r="FP29" s="71">
        <v>78</v>
      </c>
      <c r="FQ29" s="71">
        <v>84</v>
      </c>
      <c r="FR29" s="71">
        <v>63</v>
      </c>
      <c r="FS29" s="71">
        <v>69</v>
      </c>
      <c r="FT29" s="71">
        <v>51</v>
      </c>
      <c r="FU29" s="72">
        <v>345</v>
      </c>
      <c r="FV29" s="73">
        <v>414</v>
      </c>
      <c r="FW29" s="70">
        <v>0</v>
      </c>
      <c r="FX29" s="71">
        <v>0</v>
      </c>
      <c r="FY29" s="72">
        <v>0</v>
      </c>
      <c r="FZ29" s="244"/>
      <c r="GA29" s="71">
        <v>6</v>
      </c>
      <c r="GB29" s="71">
        <v>2</v>
      </c>
      <c r="GC29" s="71">
        <v>1</v>
      </c>
      <c r="GD29" s="71">
        <v>4</v>
      </c>
      <c r="GE29" s="71">
        <v>2</v>
      </c>
      <c r="GF29" s="72">
        <v>15</v>
      </c>
      <c r="GG29" s="73">
        <v>15</v>
      </c>
      <c r="GH29" s="70">
        <v>176</v>
      </c>
      <c r="GI29" s="71">
        <v>191</v>
      </c>
      <c r="GJ29" s="72">
        <v>367</v>
      </c>
      <c r="GK29" s="244"/>
      <c r="GL29" s="71">
        <v>266</v>
      </c>
      <c r="GM29" s="71">
        <v>211</v>
      </c>
      <c r="GN29" s="71">
        <v>162</v>
      </c>
      <c r="GO29" s="71">
        <v>144</v>
      </c>
      <c r="GP29" s="71">
        <v>106</v>
      </c>
      <c r="GQ29" s="72">
        <v>889</v>
      </c>
      <c r="GR29" s="73">
        <v>1256</v>
      </c>
      <c r="GS29" s="123">
        <v>265</v>
      </c>
      <c r="GT29" s="82">
        <v>255</v>
      </c>
      <c r="GU29" s="83">
        <v>520</v>
      </c>
      <c r="GV29" s="241"/>
      <c r="GW29" s="82">
        <v>404</v>
      </c>
      <c r="GX29" s="82">
        <v>326</v>
      </c>
      <c r="GY29" s="82">
        <v>247</v>
      </c>
      <c r="GZ29" s="82">
        <v>211</v>
      </c>
      <c r="HA29" s="82">
        <v>141</v>
      </c>
      <c r="HB29" s="84">
        <v>1329</v>
      </c>
      <c r="HC29" s="85">
        <v>1849</v>
      </c>
      <c r="HD29" s="70">
        <v>5</v>
      </c>
      <c r="HE29" s="71">
        <v>10</v>
      </c>
      <c r="HF29" s="72">
        <v>15</v>
      </c>
      <c r="HG29" s="244"/>
      <c r="HH29" s="71">
        <v>14</v>
      </c>
      <c r="HI29" s="71">
        <v>5</v>
      </c>
      <c r="HJ29" s="71">
        <v>8</v>
      </c>
      <c r="HK29" s="71">
        <v>7</v>
      </c>
      <c r="HL29" s="71">
        <v>5</v>
      </c>
      <c r="HM29" s="72">
        <v>39</v>
      </c>
      <c r="HN29" s="73">
        <v>54</v>
      </c>
      <c r="HO29" s="70">
        <v>19</v>
      </c>
      <c r="HP29" s="71">
        <v>17</v>
      </c>
      <c r="HQ29" s="72">
        <v>36</v>
      </c>
      <c r="HR29" s="244"/>
      <c r="HS29" s="71">
        <v>24</v>
      </c>
      <c r="HT29" s="71">
        <v>18</v>
      </c>
      <c r="HU29" s="71">
        <v>12</v>
      </c>
      <c r="HV29" s="71">
        <v>12</v>
      </c>
      <c r="HW29" s="71">
        <v>13</v>
      </c>
      <c r="HX29" s="72">
        <v>79</v>
      </c>
      <c r="HY29" s="73">
        <v>115</v>
      </c>
      <c r="HZ29" s="70">
        <v>31</v>
      </c>
      <c r="IA29" s="71">
        <v>33</v>
      </c>
      <c r="IB29" s="72">
        <v>64</v>
      </c>
      <c r="IC29" s="244"/>
      <c r="ID29" s="71">
        <v>54</v>
      </c>
      <c r="IE29" s="71">
        <v>32</v>
      </c>
      <c r="IF29" s="71">
        <v>32</v>
      </c>
      <c r="IG29" s="71">
        <v>28</v>
      </c>
      <c r="IH29" s="71">
        <v>11</v>
      </c>
      <c r="II29" s="72">
        <v>157</v>
      </c>
      <c r="IJ29" s="73">
        <v>221</v>
      </c>
      <c r="IK29" s="70">
        <v>81</v>
      </c>
      <c r="IL29" s="71">
        <v>65</v>
      </c>
      <c r="IM29" s="72">
        <v>146</v>
      </c>
      <c r="IN29" s="244"/>
      <c r="IO29" s="71">
        <v>105</v>
      </c>
      <c r="IP29" s="71">
        <v>72</v>
      </c>
      <c r="IQ29" s="71">
        <v>55</v>
      </c>
      <c r="IR29" s="71">
        <v>29</v>
      </c>
      <c r="IS29" s="71">
        <v>23</v>
      </c>
      <c r="IT29" s="72">
        <v>284</v>
      </c>
      <c r="IU29" s="73">
        <v>430</v>
      </c>
      <c r="IV29" s="70">
        <v>80</v>
      </c>
      <c r="IW29" s="71">
        <v>79</v>
      </c>
      <c r="IX29" s="72">
        <v>159</v>
      </c>
      <c r="IY29" s="244"/>
      <c r="IZ29" s="71">
        <v>101</v>
      </c>
      <c r="JA29" s="71">
        <v>93</v>
      </c>
      <c r="JB29" s="71">
        <v>61</v>
      </c>
      <c r="JC29" s="71">
        <v>55</v>
      </c>
      <c r="JD29" s="71">
        <v>32</v>
      </c>
      <c r="JE29" s="72">
        <v>342</v>
      </c>
      <c r="JF29" s="73">
        <v>501</v>
      </c>
      <c r="JG29" s="70">
        <v>49</v>
      </c>
      <c r="JH29" s="71">
        <v>51</v>
      </c>
      <c r="JI29" s="72">
        <v>100</v>
      </c>
      <c r="JJ29" s="244"/>
      <c r="JK29" s="71">
        <v>106</v>
      </c>
      <c r="JL29" s="71">
        <v>106</v>
      </c>
      <c r="JM29" s="71">
        <v>79</v>
      </c>
      <c r="JN29" s="71">
        <v>80</v>
      </c>
      <c r="JO29" s="71">
        <v>57</v>
      </c>
      <c r="JP29" s="72">
        <v>428</v>
      </c>
      <c r="JQ29" s="73">
        <v>528</v>
      </c>
      <c r="JR29" s="70">
        <v>3</v>
      </c>
      <c r="JS29" s="71">
        <v>0</v>
      </c>
      <c r="JT29" s="72">
        <v>3</v>
      </c>
      <c r="JU29" s="244"/>
      <c r="JV29" s="71">
        <v>11</v>
      </c>
      <c r="JW29" s="71">
        <v>7</v>
      </c>
      <c r="JX29" s="71">
        <v>4</v>
      </c>
      <c r="JY29" s="71">
        <v>6</v>
      </c>
      <c r="JZ29" s="71">
        <v>3</v>
      </c>
      <c r="KA29" s="72">
        <v>31</v>
      </c>
      <c r="KB29" s="73">
        <v>34</v>
      </c>
      <c r="KC29" s="70">
        <v>268</v>
      </c>
      <c r="KD29" s="71">
        <v>255</v>
      </c>
      <c r="KE29" s="72">
        <v>523</v>
      </c>
      <c r="KF29" s="244"/>
      <c r="KG29" s="71">
        <v>415</v>
      </c>
      <c r="KH29" s="71">
        <v>333</v>
      </c>
      <c r="KI29" s="71">
        <v>251</v>
      </c>
      <c r="KJ29" s="71">
        <v>217</v>
      </c>
      <c r="KK29" s="71">
        <v>144</v>
      </c>
      <c r="KL29" s="72">
        <v>1360</v>
      </c>
      <c r="KM29" s="73">
        <v>1883</v>
      </c>
    </row>
    <row r="30" spans="2:299" ht="21" customHeight="1" x14ac:dyDescent="0.2">
      <c r="B30" s="126" t="s">
        <v>27</v>
      </c>
      <c r="C30" s="315">
        <v>87</v>
      </c>
      <c r="D30" s="82">
        <v>112</v>
      </c>
      <c r="E30" s="83">
        <v>199</v>
      </c>
      <c r="F30" s="241"/>
      <c r="G30" s="82">
        <v>104</v>
      </c>
      <c r="H30" s="82">
        <v>90</v>
      </c>
      <c r="I30" s="82">
        <v>74</v>
      </c>
      <c r="J30" s="82">
        <v>66</v>
      </c>
      <c r="K30" s="82">
        <v>31</v>
      </c>
      <c r="L30" s="84">
        <v>365</v>
      </c>
      <c r="M30" s="85">
        <v>564</v>
      </c>
      <c r="N30" s="70">
        <v>3</v>
      </c>
      <c r="O30" s="71">
        <v>4</v>
      </c>
      <c r="P30" s="72">
        <v>7</v>
      </c>
      <c r="Q30" s="244"/>
      <c r="R30" s="71">
        <v>2</v>
      </c>
      <c r="S30" s="71">
        <v>3</v>
      </c>
      <c r="T30" s="71">
        <v>2</v>
      </c>
      <c r="U30" s="71">
        <v>1</v>
      </c>
      <c r="V30" s="71">
        <v>0</v>
      </c>
      <c r="W30" s="72">
        <v>8</v>
      </c>
      <c r="X30" s="73">
        <v>15</v>
      </c>
      <c r="Y30" s="70">
        <v>8</v>
      </c>
      <c r="Z30" s="71">
        <v>3</v>
      </c>
      <c r="AA30" s="72">
        <v>11</v>
      </c>
      <c r="AB30" s="244"/>
      <c r="AC30" s="71">
        <v>9</v>
      </c>
      <c r="AD30" s="71">
        <v>15</v>
      </c>
      <c r="AE30" s="71">
        <v>7</v>
      </c>
      <c r="AF30" s="71">
        <v>11</v>
      </c>
      <c r="AG30" s="71">
        <v>2</v>
      </c>
      <c r="AH30" s="72">
        <v>44</v>
      </c>
      <c r="AI30" s="73">
        <v>55</v>
      </c>
      <c r="AJ30" s="70">
        <v>20</v>
      </c>
      <c r="AK30" s="71">
        <v>22</v>
      </c>
      <c r="AL30" s="72">
        <v>42</v>
      </c>
      <c r="AM30" s="244"/>
      <c r="AN30" s="71">
        <v>16</v>
      </c>
      <c r="AO30" s="71">
        <v>20</v>
      </c>
      <c r="AP30" s="71">
        <v>10</v>
      </c>
      <c r="AQ30" s="71">
        <v>8</v>
      </c>
      <c r="AR30" s="71">
        <v>5</v>
      </c>
      <c r="AS30" s="72">
        <v>59</v>
      </c>
      <c r="AT30" s="73">
        <v>101</v>
      </c>
      <c r="AU30" s="70">
        <v>19</v>
      </c>
      <c r="AV30" s="71">
        <v>29</v>
      </c>
      <c r="AW30" s="72">
        <v>48</v>
      </c>
      <c r="AX30" s="244"/>
      <c r="AY30" s="71">
        <v>27</v>
      </c>
      <c r="AZ30" s="71">
        <v>13</v>
      </c>
      <c r="BA30" s="71">
        <v>18</v>
      </c>
      <c r="BB30" s="71">
        <v>11</v>
      </c>
      <c r="BC30" s="71">
        <v>5</v>
      </c>
      <c r="BD30" s="72">
        <v>74</v>
      </c>
      <c r="BE30" s="73">
        <v>122</v>
      </c>
      <c r="BF30" s="70">
        <v>21</v>
      </c>
      <c r="BG30" s="71">
        <v>32</v>
      </c>
      <c r="BH30" s="72">
        <v>53</v>
      </c>
      <c r="BI30" s="244"/>
      <c r="BJ30" s="71">
        <v>30</v>
      </c>
      <c r="BK30" s="71">
        <v>19</v>
      </c>
      <c r="BL30" s="71">
        <v>22</v>
      </c>
      <c r="BM30" s="71">
        <v>18</v>
      </c>
      <c r="BN30" s="71">
        <v>11</v>
      </c>
      <c r="BO30" s="72">
        <v>100</v>
      </c>
      <c r="BP30" s="73">
        <v>153</v>
      </c>
      <c r="BQ30" s="70">
        <v>16</v>
      </c>
      <c r="BR30" s="71">
        <v>22</v>
      </c>
      <c r="BS30" s="72">
        <v>38</v>
      </c>
      <c r="BT30" s="244"/>
      <c r="BU30" s="71">
        <v>20</v>
      </c>
      <c r="BV30" s="71">
        <v>20</v>
      </c>
      <c r="BW30" s="71">
        <v>15</v>
      </c>
      <c r="BX30" s="71">
        <v>17</v>
      </c>
      <c r="BY30" s="71">
        <v>8</v>
      </c>
      <c r="BZ30" s="72">
        <v>80</v>
      </c>
      <c r="CA30" s="73">
        <v>118</v>
      </c>
      <c r="CB30" s="70">
        <v>2</v>
      </c>
      <c r="CC30" s="71">
        <v>1</v>
      </c>
      <c r="CD30" s="72">
        <v>3</v>
      </c>
      <c r="CE30" s="244"/>
      <c r="CF30" s="71">
        <v>3</v>
      </c>
      <c r="CG30" s="71">
        <v>2</v>
      </c>
      <c r="CH30" s="71">
        <v>5</v>
      </c>
      <c r="CI30" s="71">
        <v>1</v>
      </c>
      <c r="CJ30" s="71">
        <v>3</v>
      </c>
      <c r="CK30" s="72">
        <v>14</v>
      </c>
      <c r="CL30" s="73">
        <v>17</v>
      </c>
      <c r="CM30" s="70">
        <v>89</v>
      </c>
      <c r="CN30" s="71">
        <v>113</v>
      </c>
      <c r="CO30" s="72">
        <v>202</v>
      </c>
      <c r="CP30" s="244"/>
      <c r="CQ30" s="71">
        <v>107</v>
      </c>
      <c r="CR30" s="71">
        <v>92</v>
      </c>
      <c r="CS30" s="71">
        <v>79</v>
      </c>
      <c r="CT30" s="71">
        <v>67</v>
      </c>
      <c r="CU30" s="71">
        <v>34</v>
      </c>
      <c r="CV30" s="72">
        <v>379</v>
      </c>
      <c r="CW30" s="73">
        <v>581</v>
      </c>
      <c r="CX30" s="123">
        <v>250</v>
      </c>
      <c r="CY30" s="82">
        <v>186</v>
      </c>
      <c r="CZ30" s="83">
        <v>436</v>
      </c>
      <c r="DA30" s="241"/>
      <c r="DB30" s="82">
        <v>209</v>
      </c>
      <c r="DC30" s="82">
        <v>135</v>
      </c>
      <c r="DD30" s="82">
        <v>148</v>
      </c>
      <c r="DE30" s="82">
        <v>143</v>
      </c>
      <c r="DF30" s="82">
        <v>103</v>
      </c>
      <c r="DG30" s="84">
        <v>738</v>
      </c>
      <c r="DH30" s="85">
        <v>1174</v>
      </c>
      <c r="DI30" s="70">
        <v>1</v>
      </c>
      <c r="DJ30" s="71">
        <v>3</v>
      </c>
      <c r="DK30" s="72">
        <v>4</v>
      </c>
      <c r="DL30" s="244"/>
      <c r="DM30" s="71">
        <v>1</v>
      </c>
      <c r="DN30" s="71">
        <v>1</v>
      </c>
      <c r="DO30" s="71">
        <v>1</v>
      </c>
      <c r="DP30" s="71">
        <v>2</v>
      </c>
      <c r="DQ30" s="71">
        <v>2</v>
      </c>
      <c r="DR30" s="72">
        <v>7</v>
      </c>
      <c r="DS30" s="73">
        <v>11</v>
      </c>
      <c r="DT30" s="70">
        <v>16</v>
      </c>
      <c r="DU30" s="71">
        <v>14</v>
      </c>
      <c r="DV30" s="72">
        <v>30</v>
      </c>
      <c r="DW30" s="244"/>
      <c r="DX30" s="71">
        <v>6</v>
      </c>
      <c r="DY30" s="71">
        <v>7</v>
      </c>
      <c r="DZ30" s="71">
        <v>9</v>
      </c>
      <c r="EA30" s="71">
        <v>8</v>
      </c>
      <c r="EB30" s="71">
        <v>0</v>
      </c>
      <c r="EC30" s="72">
        <v>30</v>
      </c>
      <c r="ED30" s="73">
        <v>60</v>
      </c>
      <c r="EE30" s="70">
        <v>30</v>
      </c>
      <c r="EF30" s="71">
        <v>17</v>
      </c>
      <c r="EG30" s="72">
        <v>47</v>
      </c>
      <c r="EH30" s="244"/>
      <c r="EI30" s="71">
        <v>17</v>
      </c>
      <c r="EJ30" s="71">
        <v>14</v>
      </c>
      <c r="EK30" s="71">
        <v>8</v>
      </c>
      <c r="EL30" s="71">
        <v>12</v>
      </c>
      <c r="EM30" s="71">
        <v>11</v>
      </c>
      <c r="EN30" s="72">
        <v>62</v>
      </c>
      <c r="EO30" s="73">
        <v>109</v>
      </c>
      <c r="EP30" s="70">
        <v>68</v>
      </c>
      <c r="EQ30" s="71">
        <v>50</v>
      </c>
      <c r="ER30" s="72">
        <v>118</v>
      </c>
      <c r="ES30" s="244"/>
      <c r="ET30" s="71">
        <v>45</v>
      </c>
      <c r="EU30" s="71">
        <v>21</v>
      </c>
      <c r="EV30" s="71">
        <v>31</v>
      </c>
      <c r="EW30" s="71">
        <v>18</v>
      </c>
      <c r="EX30" s="71">
        <v>24</v>
      </c>
      <c r="EY30" s="72">
        <v>139</v>
      </c>
      <c r="EZ30" s="73">
        <v>257</v>
      </c>
      <c r="FA30" s="70">
        <v>85</v>
      </c>
      <c r="FB30" s="71">
        <v>55</v>
      </c>
      <c r="FC30" s="72">
        <v>140</v>
      </c>
      <c r="FD30" s="244"/>
      <c r="FE30" s="71">
        <v>66</v>
      </c>
      <c r="FF30" s="71">
        <v>41</v>
      </c>
      <c r="FG30" s="71">
        <v>30</v>
      </c>
      <c r="FH30" s="71">
        <v>29</v>
      </c>
      <c r="FI30" s="71">
        <v>31</v>
      </c>
      <c r="FJ30" s="72">
        <v>197</v>
      </c>
      <c r="FK30" s="73">
        <v>337</v>
      </c>
      <c r="FL30" s="70">
        <v>50</v>
      </c>
      <c r="FM30" s="71">
        <v>47</v>
      </c>
      <c r="FN30" s="72">
        <v>97</v>
      </c>
      <c r="FO30" s="244"/>
      <c r="FP30" s="71">
        <v>74</v>
      </c>
      <c r="FQ30" s="71">
        <v>51</v>
      </c>
      <c r="FR30" s="71">
        <v>69</v>
      </c>
      <c r="FS30" s="71">
        <v>74</v>
      </c>
      <c r="FT30" s="71">
        <v>35</v>
      </c>
      <c r="FU30" s="72">
        <v>303</v>
      </c>
      <c r="FV30" s="73">
        <v>400</v>
      </c>
      <c r="FW30" s="70">
        <v>0</v>
      </c>
      <c r="FX30" s="71">
        <v>3</v>
      </c>
      <c r="FY30" s="72">
        <v>3</v>
      </c>
      <c r="FZ30" s="244"/>
      <c r="GA30" s="71">
        <v>4</v>
      </c>
      <c r="GB30" s="71">
        <v>5</v>
      </c>
      <c r="GC30" s="71">
        <v>2</v>
      </c>
      <c r="GD30" s="71">
        <v>1</v>
      </c>
      <c r="GE30" s="71">
        <v>2</v>
      </c>
      <c r="GF30" s="72">
        <v>14</v>
      </c>
      <c r="GG30" s="73">
        <v>17</v>
      </c>
      <c r="GH30" s="70">
        <v>250</v>
      </c>
      <c r="GI30" s="71">
        <v>189</v>
      </c>
      <c r="GJ30" s="72">
        <v>439</v>
      </c>
      <c r="GK30" s="244"/>
      <c r="GL30" s="71">
        <v>213</v>
      </c>
      <c r="GM30" s="71">
        <v>140</v>
      </c>
      <c r="GN30" s="71">
        <v>150</v>
      </c>
      <c r="GO30" s="71">
        <v>144</v>
      </c>
      <c r="GP30" s="71">
        <v>105</v>
      </c>
      <c r="GQ30" s="72">
        <v>752</v>
      </c>
      <c r="GR30" s="73">
        <v>1191</v>
      </c>
      <c r="GS30" s="123">
        <v>337</v>
      </c>
      <c r="GT30" s="82">
        <v>298</v>
      </c>
      <c r="GU30" s="83">
        <v>635</v>
      </c>
      <c r="GV30" s="241"/>
      <c r="GW30" s="82">
        <v>313</v>
      </c>
      <c r="GX30" s="82">
        <v>225</v>
      </c>
      <c r="GY30" s="82">
        <v>222</v>
      </c>
      <c r="GZ30" s="82">
        <v>209</v>
      </c>
      <c r="HA30" s="82">
        <v>134</v>
      </c>
      <c r="HB30" s="84">
        <v>1103</v>
      </c>
      <c r="HC30" s="85">
        <v>1738</v>
      </c>
      <c r="HD30" s="70">
        <v>4</v>
      </c>
      <c r="HE30" s="71">
        <v>7</v>
      </c>
      <c r="HF30" s="72">
        <v>11</v>
      </c>
      <c r="HG30" s="244"/>
      <c r="HH30" s="71">
        <v>3</v>
      </c>
      <c r="HI30" s="71">
        <v>4</v>
      </c>
      <c r="HJ30" s="71">
        <v>3</v>
      </c>
      <c r="HK30" s="71">
        <v>3</v>
      </c>
      <c r="HL30" s="71">
        <v>2</v>
      </c>
      <c r="HM30" s="72">
        <v>15</v>
      </c>
      <c r="HN30" s="73">
        <v>26</v>
      </c>
      <c r="HO30" s="70">
        <v>24</v>
      </c>
      <c r="HP30" s="71">
        <v>17</v>
      </c>
      <c r="HQ30" s="72">
        <v>41</v>
      </c>
      <c r="HR30" s="244"/>
      <c r="HS30" s="71">
        <v>15</v>
      </c>
      <c r="HT30" s="71">
        <v>22</v>
      </c>
      <c r="HU30" s="71">
        <v>16</v>
      </c>
      <c r="HV30" s="71">
        <v>19</v>
      </c>
      <c r="HW30" s="71">
        <v>2</v>
      </c>
      <c r="HX30" s="72">
        <v>74</v>
      </c>
      <c r="HY30" s="73">
        <v>115</v>
      </c>
      <c r="HZ30" s="70">
        <v>50</v>
      </c>
      <c r="IA30" s="71">
        <v>39</v>
      </c>
      <c r="IB30" s="72">
        <v>89</v>
      </c>
      <c r="IC30" s="244"/>
      <c r="ID30" s="71">
        <v>33</v>
      </c>
      <c r="IE30" s="71">
        <v>34</v>
      </c>
      <c r="IF30" s="71">
        <v>18</v>
      </c>
      <c r="IG30" s="71">
        <v>20</v>
      </c>
      <c r="IH30" s="71">
        <v>16</v>
      </c>
      <c r="II30" s="72">
        <v>121</v>
      </c>
      <c r="IJ30" s="73">
        <v>210</v>
      </c>
      <c r="IK30" s="70">
        <v>87</v>
      </c>
      <c r="IL30" s="71">
        <v>79</v>
      </c>
      <c r="IM30" s="72">
        <v>166</v>
      </c>
      <c r="IN30" s="244"/>
      <c r="IO30" s="71">
        <v>72</v>
      </c>
      <c r="IP30" s="71">
        <v>34</v>
      </c>
      <c r="IQ30" s="71">
        <v>49</v>
      </c>
      <c r="IR30" s="71">
        <v>29</v>
      </c>
      <c r="IS30" s="71">
        <v>29</v>
      </c>
      <c r="IT30" s="72">
        <v>213</v>
      </c>
      <c r="IU30" s="73">
        <v>379</v>
      </c>
      <c r="IV30" s="70">
        <v>106</v>
      </c>
      <c r="IW30" s="71">
        <v>87</v>
      </c>
      <c r="IX30" s="72">
        <v>193</v>
      </c>
      <c r="IY30" s="244"/>
      <c r="IZ30" s="71">
        <v>96</v>
      </c>
      <c r="JA30" s="71">
        <v>60</v>
      </c>
      <c r="JB30" s="71">
        <v>52</v>
      </c>
      <c r="JC30" s="71">
        <v>47</v>
      </c>
      <c r="JD30" s="71">
        <v>42</v>
      </c>
      <c r="JE30" s="72">
        <v>297</v>
      </c>
      <c r="JF30" s="73">
        <v>490</v>
      </c>
      <c r="JG30" s="70">
        <v>66</v>
      </c>
      <c r="JH30" s="71">
        <v>69</v>
      </c>
      <c r="JI30" s="72">
        <v>135</v>
      </c>
      <c r="JJ30" s="244"/>
      <c r="JK30" s="71">
        <v>94</v>
      </c>
      <c r="JL30" s="71">
        <v>71</v>
      </c>
      <c r="JM30" s="71">
        <v>84</v>
      </c>
      <c r="JN30" s="71">
        <v>91</v>
      </c>
      <c r="JO30" s="71">
        <v>43</v>
      </c>
      <c r="JP30" s="72">
        <v>383</v>
      </c>
      <c r="JQ30" s="73">
        <v>518</v>
      </c>
      <c r="JR30" s="70">
        <v>2</v>
      </c>
      <c r="JS30" s="71">
        <v>4</v>
      </c>
      <c r="JT30" s="72">
        <v>6</v>
      </c>
      <c r="JU30" s="244"/>
      <c r="JV30" s="71">
        <v>7</v>
      </c>
      <c r="JW30" s="71">
        <v>7</v>
      </c>
      <c r="JX30" s="71">
        <v>7</v>
      </c>
      <c r="JY30" s="71">
        <v>2</v>
      </c>
      <c r="JZ30" s="71">
        <v>5</v>
      </c>
      <c r="KA30" s="72">
        <v>28</v>
      </c>
      <c r="KB30" s="73">
        <v>34</v>
      </c>
      <c r="KC30" s="70">
        <v>339</v>
      </c>
      <c r="KD30" s="71">
        <v>302</v>
      </c>
      <c r="KE30" s="72">
        <v>641</v>
      </c>
      <c r="KF30" s="244"/>
      <c r="KG30" s="71">
        <v>320</v>
      </c>
      <c r="KH30" s="71">
        <v>232</v>
      </c>
      <c r="KI30" s="71">
        <v>229</v>
      </c>
      <c r="KJ30" s="71">
        <v>211</v>
      </c>
      <c r="KK30" s="71">
        <v>139</v>
      </c>
      <c r="KL30" s="72">
        <v>1131</v>
      </c>
      <c r="KM30" s="73">
        <v>1772</v>
      </c>
    </row>
    <row r="31" spans="2:299" ht="21" customHeight="1" x14ac:dyDescent="0.2">
      <c r="B31" s="126" t="s">
        <v>28</v>
      </c>
      <c r="C31" s="315">
        <v>9</v>
      </c>
      <c r="D31" s="82">
        <v>15</v>
      </c>
      <c r="E31" s="83">
        <v>24</v>
      </c>
      <c r="F31" s="241"/>
      <c r="G31" s="82">
        <v>42</v>
      </c>
      <c r="H31" s="82">
        <v>43</v>
      </c>
      <c r="I31" s="82">
        <v>29</v>
      </c>
      <c r="J31" s="82">
        <v>20</v>
      </c>
      <c r="K31" s="82">
        <v>13</v>
      </c>
      <c r="L31" s="84">
        <v>147</v>
      </c>
      <c r="M31" s="85">
        <v>171</v>
      </c>
      <c r="N31" s="70">
        <v>0</v>
      </c>
      <c r="O31" s="71">
        <v>1</v>
      </c>
      <c r="P31" s="72">
        <v>1</v>
      </c>
      <c r="Q31" s="244"/>
      <c r="R31" s="71">
        <v>1</v>
      </c>
      <c r="S31" s="71">
        <v>1</v>
      </c>
      <c r="T31" s="71">
        <v>2</v>
      </c>
      <c r="U31" s="71">
        <v>0</v>
      </c>
      <c r="V31" s="71">
        <v>2</v>
      </c>
      <c r="W31" s="72">
        <v>6</v>
      </c>
      <c r="X31" s="73">
        <v>7</v>
      </c>
      <c r="Y31" s="70">
        <v>0</v>
      </c>
      <c r="Z31" s="71">
        <v>4</v>
      </c>
      <c r="AA31" s="72">
        <v>4</v>
      </c>
      <c r="AB31" s="244"/>
      <c r="AC31" s="71">
        <v>2</v>
      </c>
      <c r="AD31" s="71">
        <v>5</v>
      </c>
      <c r="AE31" s="71">
        <v>5</v>
      </c>
      <c r="AF31" s="71">
        <v>3</v>
      </c>
      <c r="AG31" s="71">
        <v>0</v>
      </c>
      <c r="AH31" s="72">
        <v>15</v>
      </c>
      <c r="AI31" s="73">
        <v>19</v>
      </c>
      <c r="AJ31" s="70">
        <v>1</v>
      </c>
      <c r="AK31" s="71">
        <v>2</v>
      </c>
      <c r="AL31" s="72">
        <v>3</v>
      </c>
      <c r="AM31" s="244"/>
      <c r="AN31" s="71">
        <v>8</v>
      </c>
      <c r="AO31" s="71">
        <v>9</v>
      </c>
      <c r="AP31" s="71">
        <v>4</v>
      </c>
      <c r="AQ31" s="71">
        <v>4</v>
      </c>
      <c r="AR31" s="71">
        <v>2</v>
      </c>
      <c r="AS31" s="72">
        <v>27</v>
      </c>
      <c r="AT31" s="73">
        <v>30</v>
      </c>
      <c r="AU31" s="70">
        <v>3</v>
      </c>
      <c r="AV31" s="71">
        <v>2</v>
      </c>
      <c r="AW31" s="72">
        <v>5</v>
      </c>
      <c r="AX31" s="244"/>
      <c r="AY31" s="71">
        <v>9</v>
      </c>
      <c r="AZ31" s="71">
        <v>12</v>
      </c>
      <c r="BA31" s="71">
        <v>5</v>
      </c>
      <c r="BB31" s="71">
        <v>1</v>
      </c>
      <c r="BC31" s="71">
        <v>2</v>
      </c>
      <c r="BD31" s="72">
        <v>29</v>
      </c>
      <c r="BE31" s="73">
        <v>34</v>
      </c>
      <c r="BF31" s="70">
        <v>4</v>
      </c>
      <c r="BG31" s="71">
        <v>5</v>
      </c>
      <c r="BH31" s="72">
        <v>9</v>
      </c>
      <c r="BI31" s="244"/>
      <c r="BJ31" s="71">
        <v>12</v>
      </c>
      <c r="BK31" s="71">
        <v>6</v>
      </c>
      <c r="BL31" s="71">
        <v>3</v>
      </c>
      <c r="BM31" s="71">
        <v>4</v>
      </c>
      <c r="BN31" s="71">
        <v>3</v>
      </c>
      <c r="BO31" s="72">
        <v>28</v>
      </c>
      <c r="BP31" s="73">
        <v>37</v>
      </c>
      <c r="BQ31" s="70">
        <v>1</v>
      </c>
      <c r="BR31" s="71">
        <v>1</v>
      </c>
      <c r="BS31" s="72">
        <v>2</v>
      </c>
      <c r="BT31" s="244"/>
      <c r="BU31" s="71">
        <v>10</v>
      </c>
      <c r="BV31" s="71">
        <v>10</v>
      </c>
      <c r="BW31" s="71">
        <v>10</v>
      </c>
      <c r="BX31" s="71">
        <v>8</v>
      </c>
      <c r="BY31" s="71">
        <v>4</v>
      </c>
      <c r="BZ31" s="72">
        <v>42</v>
      </c>
      <c r="CA31" s="73">
        <v>44</v>
      </c>
      <c r="CB31" s="70">
        <v>0</v>
      </c>
      <c r="CC31" s="71">
        <v>2</v>
      </c>
      <c r="CD31" s="72">
        <v>2</v>
      </c>
      <c r="CE31" s="244"/>
      <c r="CF31" s="71">
        <v>0</v>
      </c>
      <c r="CG31" s="71">
        <v>1</v>
      </c>
      <c r="CH31" s="71">
        <v>0</v>
      </c>
      <c r="CI31" s="71">
        <v>0</v>
      </c>
      <c r="CJ31" s="71">
        <v>2</v>
      </c>
      <c r="CK31" s="72">
        <v>3</v>
      </c>
      <c r="CL31" s="73">
        <v>5</v>
      </c>
      <c r="CM31" s="70">
        <v>9</v>
      </c>
      <c r="CN31" s="71">
        <v>17</v>
      </c>
      <c r="CO31" s="72">
        <v>26</v>
      </c>
      <c r="CP31" s="244"/>
      <c r="CQ31" s="71">
        <v>42</v>
      </c>
      <c r="CR31" s="71">
        <v>44</v>
      </c>
      <c r="CS31" s="71">
        <v>29</v>
      </c>
      <c r="CT31" s="71">
        <v>20</v>
      </c>
      <c r="CU31" s="71">
        <v>15</v>
      </c>
      <c r="CV31" s="72">
        <v>150</v>
      </c>
      <c r="CW31" s="73">
        <v>176</v>
      </c>
      <c r="CX31" s="123">
        <v>20</v>
      </c>
      <c r="CY31" s="82">
        <v>37</v>
      </c>
      <c r="CZ31" s="83">
        <v>57</v>
      </c>
      <c r="DA31" s="241"/>
      <c r="DB31" s="82">
        <v>54</v>
      </c>
      <c r="DC31" s="82">
        <v>66</v>
      </c>
      <c r="DD31" s="82">
        <v>52</v>
      </c>
      <c r="DE31" s="82">
        <v>55</v>
      </c>
      <c r="DF31" s="82">
        <v>29</v>
      </c>
      <c r="DG31" s="84">
        <v>256</v>
      </c>
      <c r="DH31" s="85">
        <v>313</v>
      </c>
      <c r="DI31" s="70">
        <v>4</v>
      </c>
      <c r="DJ31" s="71">
        <v>2</v>
      </c>
      <c r="DK31" s="72">
        <v>6</v>
      </c>
      <c r="DL31" s="244"/>
      <c r="DM31" s="71">
        <v>1</v>
      </c>
      <c r="DN31" s="71">
        <v>2</v>
      </c>
      <c r="DO31" s="71">
        <v>1</v>
      </c>
      <c r="DP31" s="71">
        <v>0</v>
      </c>
      <c r="DQ31" s="71">
        <v>0</v>
      </c>
      <c r="DR31" s="72">
        <v>4</v>
      </c>
      <c r="DS31" s="73">
        <v>10</v>
      </c>
      <c r="DT31" s="70">
        <v>1</v>
      </c>
      <c r="DU31" s="71">
        <v>4</v>
      </c>
      <c r="DV31" s="72">
        <v>5</v>
      </c>
      <c r="DW31" s="244"/>
      <c r="DX31" s="71">
        <v>1</v>
      </c>
      <c r="DY31" s="71">
        <v>4</v>
      </c>
      <c r="DZ31" s="71">
        <v>1</v>
      </c>
      <c r="EA31" s="71">
        <v>5</v>
      </c>
      <c r="EB31" s="71">
        <v>0</v>
      </c>
      <c r="EC31" s="72">
        <v>11</v>
      </c>
      <c r="ED31" s="73">
        <v>16</v>
      </c>
      <c r="EE31" s="70">
        <v>5</v>
      </c>
      <c r="EF31" s="71">
        <v>4</v>
      </c>
      <c r="EG31" s="72">
        <v>9</v>
      </c>
      <c r="EH31" s="244"/>
      <c r="EI31" s="71">
        <v>11</v>
      </c>
      <c r="EJ31" s="71">
        <v>8</v>
      </c>
      <c r="EK31" s="71">
        <v>6</v>
      </c>
      <c r="EL31" s="71">
        <v>4</v>
      </c>
      <c r="EM31" s="71">
        <v>3</v>
      </c>
      <c r="EN31" s="72">
        <v>32</v>
      </c>
      <c r="EO31" s="73">
        <v>41</v>
      </c>
      <c r="EP31" s="70">
        <v>7</v>
      </c>
      <c r="EQ31" s="71">
        <v>13</v>
      </c>
      <c r="ER31" s="72">
        <v>20</v>
      </c>
      <c r="ES31" s="244"/>
      <c r="ET31" s="71">
        <v>11</v>
      </c>
      <c r="EU31" s="71">
        <v>15</v>
      </c>
      <c r="EV31" s="71">
        <v>12</v>
      </c>
      <c r="EW31" s="71">
        <v>6</v>
      </c>
      <c r="EX31" s="71">
        <v>10</v>
      </c>
      <c r="EY31" s="72">
        <v>54</v>
      </c>
      <c r="EZ31" s="73">
        <v>74</v>
      </c>
      <c r="FA31" s="70">
        <v>3</v>
      </c>
      <c r="FB31" s="71">
        <v>8</v>
      </c>
      <c r="FC31" s="72">
        <v>11</v>
      </c>
      <c r="FD31" s="244"/>
      <c r="FE31" s="71">
        <v>15</v>
      </c>
      <c r="FF31" s="71">
        <v>25</v>
      </c>
      <c r="FG31" s="71">
        <v>8</v>
      </c>
      <c r="FH31" s="71">
        <v>19</v>
      </c>
      <c r="FI31" s="71">
        <v>7</v>
      </c>
      <c r="FJ31" s="72">
        <v>74</v>
      </c>
      <c r="FK31" s="73">
        <v>85</v>
      </c>
      <c r="FL31" s="70">
        <v>0</v>
      </c>
      <c r="FM31" s="71">
        <v>6</v>
      </c>
      <c r="FN31" s="72">
        <v>6</v>
      </c>
      <c r="FO31" s="244"/>
      <c r="FP31" s="71">
        <v>15</v>
      </c>
      <c r="FQ31" s="71">
        <v>12</v>
      </c>
      <c r="FR31" s="71">
        <v>24</v>
      </c>
      <c r="FS31" s="71">
        <v>21</v>
      </c>
      <c r="FT31" s="71">
        <v>9</v>
      </c>
      <c r="FU31" s="72">
        <v>81</v>
      </c>
      <c r="FV31" s="73">
        <v>87</v>
      </c>
      <c r="FW31" s="70">
        <v>1</v>
      </c>
      <c r="FX31" s="71">
        <v>1</v>
      </c>
      <c r="FY31" s="72">
        <v>2</v>
      </c>
      <c r="FZ31" s="244"/>
      <c r="GA31" s="71">
        <v>0</v>
      </c>
      <c r="GB31" s="71">
        <v>0</v>
      </c>
      <c r="GC31" s="71">
        <v>0</v>
      </c>
      <c r="GD31" s="71">
        <v>1</v>
      </c>
      <c r="GE31" s="71">
        <v>2</v>
      </c>
      <c r="GF31" s="72">
        <v>3</v>
      </c>
      <c r="GG31" s="73">
        <v>5</v>
      </c>
      <c r="GH31" s="70">
        <v>21</v>
      </c>
      <c r="GI31" s="71">
        <v>38</v>
      </c>
      <c r="GJ31" s="72">
        <v>59</v>
      </c>
      <c r="GK31" s="244"/>
      <c r="GL31" s="71">
        <v>54</v>
      </c>
      <c r="GM31" s="71">
        <v>66</v>
      </c>
      <c r="GN31" s="71">
        <v>52</v>
      </c>
      <c r="GO31" s="71">
        <v>56</v>
      </c>
      <c r="GP31" s="71">
        <v>31</v>
      </c>
      <c r="GQ31" s="72">
        <v>259</v>
      </c>
      <c r="GR31" s="73">
        <v>318</v>
      </c>
      <c r="GS31" s="123">
        <v>29</v>
      </c>
      <c r="GT31" s="82">
        <v>52</v>
      </c>
      <c r="GU31" s="83">
        <v>81</v>
      </c>
      <c r="GV31" s="241"/>
      <c r="GW31" s="82">
        <v>96</v>
      </c>
      <c r="GX31" s="82">
        <v>109</v>
      </c>
      <c r="GY31" s="82">
        <v>81</v>
      </c>
      <c r="GZ31" s="82">
        <v>75</v>
      </c>
      <c r="HA31" s="82">
        <v>42</v>
      </c>
      <c r="HB31" s="84">
        <v>403</v>
      </c>
      <c r="HC31" s="85">
        <v>484</v>
      </c>
      <c r="HD31" s="70">
        <v>4</v>
      </c>
      <c r="HE31" s="71">
        <v>3</v>
      </c>
      <c r="HF31" s="72">
        <v>7</v>
      </c>
      <c r="HG31" s="244"/>
      <c r="HH31" s="71">
        <v>2</v>
      </c>
      <c r="HI31" s="71">
        <v>3</v>
      </c>
      <c r="HJ31" s="71">
        <v>3</v>
      </c>
      <c r="HK31" s="71">
        <v>0</v>
      </c>
      <c r="HL31" s="71">
        <v>2</v>
      </c>
      <c r="HM31" s="72">
        <v>10</v>
      </c>
      <c r="HN31" s="73">
        <v>17</v>
      </c>
      <c r="HO31" s="70">
        <v>1</v>
      </c>
      <c r="HP31" s="71">
        <v>8</v>
      </c>
      <c r="HQ31" s="72">
        <v>9</v>
      </c>
      <c r="HR31" s="244"/>
      <c r="HS31" s="71">
        <v>3</v>
      </c>
      <c r="HT31" s="71">
        <v>9</v>
      </c>
      <c r="HU31" s="71">
        <v>6</v>
      </c>
      <c r="HV31" s="71">
        <v>8</v>
      </c>
      <c r="HW31" s="71">
        <v>0</v>
      </c>
      <c r="HX31" s="72">
        <v>26</v>
      </c>
      <c r="HY31" s="73">
        <v>35</v>
      </c>
      <c r="HZ31" s="70">
        <v>6</v>
      </c>
      <c r="IA31" s="71">
        <v>6</v>
      </c>
      <c r="IB31" s="72">
        <v>12</v>
      </c>
      <c r="IC31" s="244"/>
      <c r="ID31" s="71">
        <v>19</v>
      </c>
      <c r="IE31" s="71">
        <v>17</v>
      </c>
      <c r="IF31" s="71">
        <v>10</v>
      </c>
      <c r="IG31" s="71">
        <v>8</v>
      </c>
      <c r="IH31" s="71">
        <v>5</v>
      </c>
      <c r="II31" s="72">
        <v>59</v>
      </c>
      <c r="IJ31" s="73">
        <v>71</v>
      </c>
      <c r="IK31" s="70">
        <v>10</v>
      </c>
      <c r="IL31" s="71">
        <v>15</v>
      </c>
      <c r="IM31" s="72">
        <v>25</v>
      </c>
      <c r="IN31" s="244"/>
      <c r="IO31" s="71">
        <v>20</v>
      </c>
      <c r="IP31" s="71">
        <v>27</v>
      </c>
      <c r="IQ31" s="71">
        <v>17</v>
      </c>
      <c r="IR31" s="71">
        <v>7</v>
      </c>
      <c r="IS31" s="71">
        <v>12</v>
      </c>
      <c r="IT31" s="72">
        <v>83</v>
      </c>
      <c r="IU31" s="73">
        <v>108</v>
      </c>
      <c r="IV31" s="70">
        <v>7</v>
      </c>
      <c r="IW31" s="71">
        <v>13</v>
      </c>
      <c r="IX31" s="72">
        <v>20</v>
      </c>
      <c r="IY31" s="244"/>
      <c r="IZ31" s="71">
        <v>27</v>
      </c>
      <c r="JA31" s="71">
        <v>31</v>
      </c>
      <c r="JB31" s="71">
        <v>11</v>
      </c>
      <c r="JC31" s="71">
        <v>23</v>
      </c>
      <c r="JD31" s="71">
        <v>10</v>
      </c>
      <c r="JE31" s="72">
        <v>102</v>
      </c>
      <c r="JF31" s="73">
        <v>122</v>
      </c>
      <c r="JG31" s="70">
        <v>1</v>
      </c>
      <c r="JH31" s="71">
        <v>7</v>
      </c>
      <c r="JI31" s="72">
        <v>8</v>
      </c>
      <c r="JJ31" s="244"/>
      <c r="JK31" s="71">
        <v>25</v>
      </c>
      <c r="JL31" s="71">
        <v>22</v>
      </c>
      <c r="JM31" s="71">
        <v>34</v>
      </c>
      <c r="JN31" s="71">
        <v>29</v>
      </c>
      <c r="JO31" s="71">
        <v>13</v>
      </c>
      <c r="JP31" s="72">
        <v>123</v>
      </c>
      <c r="JQ31" s="73">
        <v>131</v>
      </c>
      <c r="JR31" s="70">
        <v>1</v>
      </c>
      <c r="JS31" s="71">
        <v>3</v>
      </c>
      <c r="JT31" s="72">
        <v>4</v>
      </c>
      <c r="JU31" s="244"/>
      <c r="JV31" s="71">
        <v>0</v>
      </c>
      <c r="JW31" s="71">
        <v>1</v>
      </c>
      <c r="JX31" s="71">
        <v>0</v>
      </c>
      <c r="JY31" s="71">
        <v>1</v>
      </c>
      <c r="JZ31" s="71">
        <v>4</v>
      </c>
      <c r="KA31" s="72">
        <v>6</v>
      </c>
      <c r="KB31" s="73">
        <v>10</v>
      </c>
      <c r="KC31" s="70">
        <v>30</v>
      </c>
      <c r="KD31" s="71">
        <v>55</v>
      </c>
      <c r="KE31" s="72">
        <v>85</v>
      </c>
      <c r="KF31" s="244"/>
      <c r="KG31" s="71">
        <v>96</v>
      </c>
      <c r="KH31" s="71">
        <v>110</v>
      </c>
      <c r="KI31" s="71">
        <v>81</v>
      </c>
      <c r="KJ31" s="71">
        <v>76</v>
      </c>
      <c r="KK31" s="71">
        <v>46</v>
      </c>
      <c r="KL31" s="72">
        <v>409</v>
      </c>
      <c r="KM31" s="73">
        <v>494</v>
      </c>
    </row>
    <row r="32" spans="2:299" ht="21" customHeight="1" x14ac:dyDescent="0.2">
      <c r="B32" s="126" t="s">
        <v>29</v>
      </c>
      <c r="C32" s="315">
        <v>34</v>
      </c>
      <c r="D32" s="82">
        <v>25</v>
      </c>
      <c r="E32" s="83">
        <v>59</v>
      </c>
      <c r="F32" s="241"/>
      <c r="G32" s="82">
        <v>49</v>
      </c>
      <c r="H32" s="82">
        <v>44</v>
      </c>
      <c r="I32" s="82">
        <v>39</v>
      </c>
      <c r="J32" s="82">
        <v>39</v>
      </c>
      <c r="K32" s="82">
        <v>17</v>
      </c>
      <c r="L32" s="84">
        <v>188</v>
      </c>
      <c r="M32" s="85">
        <v>247</v>
      </c>
      <c r="N32" s="70">
        <v>3</v>
      </c>
      <c r="O32" s="71">
        <v>0</v>
      </c>
      <c r="P32" s="72">
        <v>3</v>
      </c>
      <c r="Q32" s="244"/>
      <c r="R32" s="71">
        <v>3</v>
      </c>
      <c r="S32" s="71">
        <v>1</v>
      </c>
      <c r="T32" s="71">
        <v>3</v>
      </c>
      <c r="U32" s="71">
        <v>1</v>
      </c>
      <c r="V32" s="71">
        <v>0</v>
      </c>
      <c r="W32" s="72">
        <v>8</v>
      </c>
      <c r="X32" s="73">
        <v>11</v>
      </c>
      <c r="Y32" s="70">
        <v>5</v>
      </c>
      <c r="Z32" s="71">
        <v>5</v>
      </c>
      <c r="AA32" s="72">
        <v>10</v>
      </c>
      <c r="AB32" s="244"/>
      <c r="AC32" s="71">
        <v>10</v>
      </c>
      <c r="AD32" s="71">
        <v>2</v>
      </c>
      <c r="AE32" s="71">
        <v>4</v>
      </c>
      <c r="AF32" s="71">
        <v>4</v>
      </c>
      <c r="AG32" s="71">
        <v>3</v>
      </c>
      <c r="AH32" s="72">
        <v>23</v>
      </c>
      <c r="AI32" s="73">
        <v>33</v>
      </c>
      <c r="AJ32" s="70">
        <v>6</v>
      </c>
      <c r="AK32" s="71">
        <v>3</v>
      </c>
      <c r="AL32" s="72">
        <v>9</v>
      </c>
      <c r="AM32" s="244"/>
      <c r="AN32" s="71">
        <v>12</v>
      </c>
      <c r="AO32" s="71">
        <v>10</v>
      </c>
      <c r="AP32" s="71">
        <v>5</v>
      </c>
      <c r="AQ32" s="71">
        <v>7</v>
      </c>
      <c r="AR32" s="71">
        <v>1</v>
      </c>
      <c r="AS32" s="72">
        <v>35</v>
      </c>
      <c r="AT32" s="73">
        <v>44</v>
      </c>
      <c r="AU32" s="70">
        <v>8</v>
      </c>
      <c r="AV32" s="71">
        <v>7</v>
      </c>
      <c r="AW32" s="72">
        <v>15</v>
      </c>
      <c r="AX32" s="244"/>
      <c r="AY32" s="71">
        <v>4</v>
      </c>
      <c r="AZ32" s="71">
        <v>10</v>
      </c>
      <c r="BA32" s="71">
        <v>10</v>
      </c>
      <c r="BB32" s="71">
        <v>10</v>
      </c>
      <c r="BC32" s="71">
        <v>6</v>
      </c>
      <c r="BD32" s="72">
        <v>40</v>
      </c>
      <c r="BE32" s="73">
        <v>55</v>
      </c>
      <c r="BF32" s="70">
        <v>5</v>
      </c>
      <c r="BG32" s="71">
        <v>8</v>
      </c>
      <c r="BH32" s="72">
        <v>13</v>
      </c>
      <c r="BI32" s="244"/>
      <c r="BJ32" s="71">
        <v>11</v>
      </c>
      <c r="BK32" s="71">
        <v>9</v>
      </c>
      <c r="BL32" s="71">
        <v>9</v>
      </c>
      <c r="BM32" s="71">
        <v>11</v>
      </c>
      <c r="BN32" s="71">
        <v>6</v>
      </c>
      <c r="BO32" s="72">
        <v>46</v>
      </c>
      <c r="BP32" s="73">
        <v>59</v>
      </c>
      <c r="BQ32" s="70">
        <v>7</v>
      </c>
      <c r="BR32" s="71">
        <v>2</v>
      </c>
      <c r="BS32" s="72">
        <v>9</v>
      </c>
      <c r="BT32" s="244"/>
      <c r="BU32" s="71">
        <v>9</v>
      </c>
      <c r="BV32" s="71">
        <v>12</v>
      </c>
      <c r="BW32" s="71">
        <v>8</v>
      </c>
      <c r="BX32" s="71">
        <v>6</v>
      </c>
      <c r="BY32" s="71">
        <v>1</v>
      </c>
      <c r="BZ32" s="72">
        <v>36</v>
      </c>
      <c r="CA32" s="73">
        <v>45</v>
      </c>
      <c r="CB32" s="70">
        <v>2</v>
      </c>
      <c r="CC32" s="71">
        <v>1</v>
      </c>
      <c r="CD32" s="72">
        <v>3</v>
      </c>
      <c r="CE32" s="244"/>
      <c r="CF32" s="71">
        <v>1</v>
      </c>
      <c r="CG32" s="71">
        <v>5</v>
      </c>
      <c r="CH32" s="71">
        <v>2</v>
      </c>
      <c r="CI32" s="71">
        <v>1</v>
      </c>
      <c r="CJ32" s="71">
        <v>1</v>
      </c>
      <c r="CK32" s="72">
        <v>10</v>
      </c>
      <c r="CL32" s="73">
        <v>13</v>
      </c>
      <c r="CM32" s="70">
        <v>36</v>
      </c>
      <c r="CN32" s="71">
        <v>26</v>
      </c>
      <c r="CO32" s="72">
        <v>62</v>
      </c>
      <c r="CP32" s="244"/>
      <c r="CQ32" s="71">
        <v>50</v>
      </c>
      <c r="CR32" s="71">
        <v>49</v>
      </c>
      <c r="CS32" s="71">
        <v>41</v>
      </c>
      <c r="CT32" s="71">
        <v>40</v>
      </c>
      <c r="CU32" s="71">
        <v>18</v>
      </c>
      <c r="CV32" s="72">
        <v>198</v>
      </c>
      <c r="CW32" s="73">
        <v>260</v>
      </c>
      <c r="CX32" s="123">
        <v>44</v>
      </c>
      <c r="CY32" s="82">
        <v>42</v>
      </c>
      <c r="CZ32" s="83">
        <v>86</v>
      </c>
      <c r="DA32" s="241"/>
      <c r="DB32" s="82">
        <v>95</v>
      </c>
      <c r="DC32" s="82">
        <v>76</v>
      </c>
      <c r="DD32" s="82">
        <v>68</v>
      </c>
      <c r="DE32" s="82">
        <v>73</v>
      </c>
      <c r="DF32" s="82">
        <v>55</v>
      </c>
      <c r="DG32" s="84">
        <v>367</v>
      </c>
      <c r="DH32" s="85">
        <v>453</v>
      </c>
      <c r="DI32" s="70">
        <v>2</v>
      </c>
      <c r="DJ32" s="71">
        <v>4</v>
      </c>
      <c r="DK32" s="72">
        <v>6</v>
      </c>
      <c r="DL32" s="244"/>
      <c r="DM32" s="71">
        <v>2</v>
      </c>
      <c r="DN32" s="71">
        <v>3</v>
      </c>
      <c r="DO32" s="71">
        <v>1</v>
      </c>
      <c r="DP32" s="71">
        <v>0</v>
      </c>
      <c r="DQ32" s="71">
        <v>3</v>
      </c>
      <c r="DR32" s="72">
        <v>9</v>
      </c>
      <c r="DS32" s="73">
        <v>15</v>
      </c>
      <c r="DT32" s="70">
        <v>2</v>
      </c>
      <c r="DU32" s="71">
        <v>2</v>
      </c>
      <c r="DV32" s="72">
        <v>4</v>
      </c>
      <c r="DW32" s="244"/>
      <c r="DX32" s="71">
        <v>6</v>
      </c>
      <c r="DY32" s="71">
        <v>4</v>
      </c>
      <c r="DZ32" s="71">
        <v>3</v>
      </c>
      <c r="EA32" s="71">
        <v>5</v>
      </c>
      <c r="EB32" s="71">
        <v>2</v>
      </c>
      <c r="EC32" s="72">
        <v>20</v>
      </c>
      <c r="ED32" s="73">
        <v>24</v>
      </c>
      <c r="EE32" s="70">
        <v>9</v>
      </c>
      <c r="EF32" s="71">
        <v>3</v>
      </c>
      <c r="EG32" s="72">
        <v>12</v>
      </c>
      <c r="EH32" s="244"/>
      <c r="EI32" s="71">
        <v>11</v>
      </c>
      <c r="EJ32" s="71">
        <v>5</v>
      </c>
      <c r="EK32" s="71">
        <v>4</v>
      </c>
      <c r="EL32" s="71">
        <v>5</v>
      </c>
      <c r="EM32" s="71">
        <v>5</v>
      </c>
      <c r="EN32" s="72">
        <v>30</v>
      </c>
      <c r="EO32" s="73">
        <v>42</v>
      </c>
      <c r="EP32" s="70">
        <v>10</v>
      </c>
      <c r="EQ32" s="71">
        <v>15</v>
      </c>
      <c r="ER32" s="72">
        <v>25</v>
      </c>
      <c r="ES32" s="244"/>
      <c r="ET32" s="71">
        <v>24</v>
      </c>
      <c r="EU32" s="71">
        <v>19</v>
      </c>
      <c r="EV32" s="71">
        <v>13</v>
      </c>
      <c r="EW32" s="71">
        <v>13</v>
      </c>
      <c r="EX32" s="71">
        <v>10</v>
      </c>
      <c r="EY32" s="72">
        <v>79</v>
      </c>
      <c r="EZ32" s="73">
        <v>104</v>
      </c>
      <c r="FA32" s="70">
        <v>16</v>
      </c>
      <c r="FB32" s="71">
        <v>10</v>
      </c>
      <c r="FC32" s="72">
        <v>26</v>
      </c>
      <c r="FD32" s="244"/>
      <c r="FE32" s="71">
        <v>28</v>
      </c>
      <c r="FF32" s="71">
        <v>20</v>
      </c>
      <c r="FG32" s="71">
        <v>20</v>
      </c>
      <c r="FH32" s="71">
        <v>22</v>
      </c>
      <c r="FI32" s="71">
        <v>16</v>
      </c>
      <c r="FJ32" s="72">
        <v>106</v>
      </c>
      <c r="FK32" s="73">
        <v>132</v>
      </c>
      <c r="FL32" s="70">
        <v>5</v>
      </c>
      <c r="FM32" s="71">
        <v>8</v>
      </c>
      <c r="FN32" s="72">
        <v>13</v>
      </c>
      <c r="FO32" s="244"/>
      <c r="FP32" s="71">
        <v>24</v>
      </c>
      <c r="FQ32" s="71">
        <v>25</v>
      </c>
      <c r="FR32" s="71">
        <v>27</v>
      </c>
      <c r="FS32" s="71">
        <v>28</v>
      </c>
      <c r="FT32" s="71">
        <v>19</v>
      </c>
      <c r="FU32" s="72">
        <v>123</v>
      </c>
      <c r="FV32" s="73">
        <v>136</v>
      </c>
      <c r="FW32" s="70">
        <v>0</v>
      </c>
      <c r="FX32" s="71">
        <v>3</v>
      </c>
      <c r="FY32" s="72">
        <v>3</v>
      </c>
      <c r="FZ32" s="244"/>
      <c r="GA32" s="71">
        <v>2</v>
      </c>
      <c r="GB32" s="71">
        <v>1</v>
      </c>
      <c r="GC32" s="71">
        <v>1</v>
      </c>
      <c r="GD32" s="71">
        <v>0</v>
      </c>
      <c r="GE32" s="71">
        <v>0</v>
      </c>
      <c r="GF32" s="72">
        <v>4</v>
      </c>
      <c r="GG32" s="73">
        <v>7</v>
      </c>
      <c r="GH32" s="70">
        <v>44</v>
      </c>
      <c r="GI32" s="71">
        <v>45</v>
      </c>
      <c r="GJ32" s="72">
        <v>89</v>
      </c>
      <c r="GK32" s="244"/>
      <c r="GL32" s="71">
        <v>97</v>
      </c>
      <c r="GM32" s="71">
        <v>77</v>
      </c>
      <c r="GN32" s="71">
        <v>69</v>
      </c>
      <c r="GO32" s="71">
        <v>73</v>
      </c>
      <c r="GP32" s="71">
        <v>55</v>
      </c>
      <c r="GQ32" s="72">
        <v>371</v>
      </c>
      <c r="GR32" s="73">
        <v>460</v>
      </c>
      <c r="GS32" s="123">
        <v>78</v>
      </c>
      <c r="GT32" s="82">
        <v>67</v>
      </c>
      <c r="GU32" s="83">
        <v>145</v>
      </c>
      <c r="GV32" s="241"/>
      <c r="GW32" s="82">
        <v>144</v>
      </c>
      <c r="GX32" s="82">
        <v>120</v>
      </c>
      <c r="GY32" s="82">
        <v>107</v>
      </c>
      <c r="GZ32" s="82">
        <v>112</v>
      </c>
      <c r="HA32" s="82">
        <v>72</v>
      </c>
      <c r="HB32" s="84">
        <v>555</v>
      </c>
      <c r="HC32" s="85">
        <v>700</v>
      </c>
      <c r="HD32" s="70">
        <v>5</v>
      </c>
      <c r="HE32" s="71">
        <v>4</v>
      </c>
      <c r="HF32" s="72">
        <v>9</v>
      </c>
      <c r="HG32" s="244"/>
      <c r="HH32" s="71">
        <v>5</v>
      </c>
      <c r="HI32" s="71">
        <v>4</v>
      </c>
      <c r="HJ32" s="71">
        <v>4</v>
      </c>
      <c r="HK32" s="71">
        <v>1</v>
      </c>
      <c r="HL32" s="71">
        <v>3</v>
      </c>
      <c r="HM32" s="72">
        <v>17</v>
      </c>
      <c r="HN32" s="73">
        <v>26</v>
      </c>
      <c r="HO32" s="70">
        <v>7</v>
      </c>
      <c r="HP32" s="71">
        <v>7</v>
      </c>
      <c r="HQ32" s="72">
        <v>14</v>
      </c>
      <c r="HR32" s="244"/>
      <c r="HS32" s="71">
        <v>16</v>
      </c>
      <c r="HT32" s="71">
        <v>6</v>
      </c>
      <c r="HU32" s="71">
        <v>7</v>
      </c>
      <c r="HV32" s="71">
        <v>9</v>
      </c>
      <c r="HW32" s="71">
        <v>5</v>
      </c>
      <c r="HX32" s="72">
        <v>43</v>
      </c>
      <c r="HY32" s="73">
        <v>57</v>
      </c>
      <c r="HZ32" s="70">
        <v>15</v>
      </c>
      <c r="IA32" s="71">
        <v>6</v>
      </c>
      <c r="IB32" s="72">
        <v>21</v>
      </c>
      <c r="IC32" s="244"/>
      <c r="ID32" s="71">
        <v>23</v>
      </c>
      <c r="IE32" s="71">
        <v>15</v>
      </c>
      <c r="IF32" s="71">
        <v>9</v>
      </c>
      <c r="IG32" s="71">
        <v>12</v>
      </c>
      <c r="IH32" s="71">
        <v>6</v>
      </c>
      <c r="II32" s="72">
        <v>65</v>
      </c>
      <c r="IJ32" s="73">
        <v>86</v>
      </c>
      <c r="IK32" s="70">
        <v>18</v>
      </c>
      <c r="IL32" s="71">
        <v>22</v>
      </c>
      <c r="IM32" s="72">
        <v>40</v>
      </c>
      <c r="IN32" s="244"/>
      <c r="IO32" s="71">
        <v>28</v>
      </c>
      <c r="IP32" s="71">
        <v>29</v>
      </c>
      <c r="IQ32" s="71">
        <v>23</v>
      </c>
      <c r="IR32" s="71">
        <v>23</v>
      </c>
      <c r="IS32" s="71">
        <v>16</v>
      </c>
      <c r="IT32" s="72">
        <v>119</v>
      </c>
      <c r="IU32" s="73">
        <v>159</v>
      </c>
      <c r="IV32" s="70">
        <v>21</v>
      </c>
      <c r="IW32" s="71">
        <v>18</v>
      </c>
      <c r="IX32" s="72">
        <v>39</v>
      </c>
      <c r="IY32" s="244"/>
      <c r="IZ32" s="71">
        <v>39</v>
      </c>
      <c r="JA32" s="71">
        <v>29</v>
      </c>
      <c r="JB32" s="71">
        <v>29</v>
      </c>
      <c r="JC32" s="71">
        <v>33</v>
      </c>
      <c r="JD32" s="71">
        <v>22</v>
      </c>
      <c r="JE32" s="72">
        <v>152</v>
      </c>
      <c r="JF32" s="73">
        <v>191</v>
      </c>
      <c r="JG32" s="70">
        <v>12</v>
      </c>
      <c r="JH32" s="71">
        <v>10</v>
      </c>
      <c r="JI32" s="72">
        <v>22</v>
      </c>
      <c r="JJ32" s="244"/>
      <c r="JK32" s="71">
        <v>33</v>
      </c>
      <c r="JL32" s="71">
        <v>37</v>
      </c>
      <c r="JM32" s="71">
        <v>35</v>
      </c>
      <c r="JN32" s="71">
        <v>34</v>
      </c>
      <c r="JO32" s="71">
        <v>20</v>
      </c>
      <c r="JP32" s="72">
        <v>159</v>
      </c>
      <c r="JQ32" s="73">
        <v>181</v>
      </c>
      <c r="JR32" s="70">
        <v>2</v>
      </c>
      <c r="JS32" s="71">
        <v>4</v>
      </c>
      <c r="JT32" s="72">
        <v>6</v>
      </c>
      <c r="JU32" s="244"/>
      <c r="JV32" s="71">
        <v>3</v>
      </c>
      <c r="JW32" s="71">
        <v>6</v>
      </c>
      <c r="JX32" s="71">
        <v>3</v>
      </c>
      <c r="JY32" s="71">
        <v>1</v>
      </c>
      <c r="JZ32" s="71">
        <v>1</v>
      </c>
      <c r="KA32" s="72">
        <v>14</v>
      </c>
      <c r="KB32" s="73">
        <v>20</v>
      </c>
      <c r="KC32" s="70">
        <v>80</v>
      </c>
      <c r="KD32" s="71">
        <v>71</v>
      </c>
      <c r="KE32" s="72">
        <v>151</v>
      </c>
      <c r="KF32" s="244"/>
      <c r="KG32" s="71">
        <v>147</v>
      </c>
      <c r="KH32" s="71">
        <v>126</v>
      </c>
      <c r="KI32" s="71">
        <v>110</v>
      </c>
      <c r="KJ32" s="71">
        <v>113</v>
      </c>
      <c r="KK32" s="71">
        <v>73</v>
      </c>
      <c r="KL32" s="72">
        <v>569</v>
      </c>
      <c r="KM32" s="73">
        <v>720</v>
      </c>
    </row>
    <row r="33" spans="2:299" ht="21" customHeight="1" x14ac:dyDescent="0.2">
      <c r="B33" s="126" t="s">
        <v>30</v>
      </c>
      <c r="C33" s="315">
        <v>20</v>
      </c>
      <c r="D33" s="82">
        <v>12</v>
      </c>
      <c r="E33" s="83">
        <v>32</v>
      </c>
      <c r="F33" s="241"/>
      <c r="G33" s="82">
        <v>41</v>
      </c>
      <c r="H33" s="82">
        <v>33</v>
      </c>
      <c r="I33" s="82">
        <v>27</v>
      </c>
      <c r="J33" s="82">
        <v>30</v>
      </c>
      <c r="K33" s="82">
        <v>11</v>
      </c>
      <c r="L33" s="84">
        <v>142</v>
      </c>
      <c r="M33" s="85">
        <v>174</v>
      </c>
      <c r="N33" s="70">
        <v>2</v>
      </c>
      <c r="O33" s="71">
        <v>0</v>
      </c>
      <c r="P33" s="72">
        <v>2</v>
      </c>
      <c r="Q33" s="244"/>
      <c r="R33" s="71">
        <v>3</v>
      </c>
      <c r="S33" s="71">
        <v>3</v>
      </c>
      <c r="T33" s="71">
        <v>2</v>
      </c>
      <c r="U33" s="71">
        <v>2</v>
      </c>
      <c r="V33" s="71">
        <v>2</v>
      </c>
      <c r="W33" s="72">
        <v>12</v>
      </c>
      <c r="X33" s="73">
        <v>14</v>
      </c>
      <c r="Y33" s="70">
        <v>6</v>
      </c>
      <c r="Z33" s="71">
        <v>2</v>
      </c>
      <c r="AA33" s="72">
        <v>8</v>
      </c>
      <c r="AB33" s="244"/>
      <c r="AC33" s="71">
        <v>6</v>
      </c>
      <c r="AD33" s="71">
        <v>4</v>
      </c>
      <c r="AE33" s="71">
        <v>2</v>
      </c>
      <c r="AF33" s="71">
        <v>3</v>
      </c>
      <c r="AG33" s="71">
        <v>1</v>
      </c>
      <c r="AH33" s="72">
        <v>16</v>
      </c>
      <c r="AI33" s="73">
        <v>24</v>
      </c>
      <c r="AJ33" s="70">
        <v>1</v>
      </c>
      <c r="AK33" s="71">
        <v>1</v>
      </c>
      <c r="AL33" s="72">
        <v>2</v>
      </c>
      <c r="AM33" s="244"/>
      <c r="AN33" s="71">
        <v>2</v>
      </c>
      <c r="AO33" s="71">
        <v>4</v>
      </c>
      <c r="AP33" s="71">
        <v>4</v>
      </c>
      <c r="AQ33" s="71">
        <v>6</v>
      </c>
      <c r="AR33" s="71">
        <v>1</v>
      </c>
      <c r="AS33" s="72">
        <v>17</v>
      </c>
      <c r="AT33" s="73">
        <v>19</v>
      </c>
      <c r="AU33" s="70">
        <v>3</v>
      </c>
      <c r="AV33" s="71">
        <v>6</v>
      </c>
      <c r="AW33" s="72">
        <v>9</v>
      </c>
      <c r="AX33" s="244"/>
      <c r="AY33" s="71">
        <v>9</v>
      </c>
      <c r="AZ33" s="71">
        <v>8</v>
      </c>
      <c r="BA33" s="71">
        <v>6</v>
      </c>
      <c r="BB33" s="71">
        <v>7</v>
      </c>
      <c r="BC33" s="71">
        <v>0</v>
      </c>
      <c r="BD33" s="72">
        <v>30</v>
      </c>
      <c r="BE33" s="73">
        <v>39</v>
      </c>
      <c r="BF33" s="70">
        <v>5</v>
      </c>
      <c r="BG33" s="71">
        <v>1</v>
      </c>
      <c r="BH33" s="72">
        <v>6</v>
      </c>
      <c r="BI33" s="244"/>
      <c r="BJ33" s="71">
        <v>12</v>
      </c>
      <c r="BK33" s="71">
        <v>8</v>
      </c>
      <c r="BL33" s="71">
        <v>4</v>
      </c>
      <c r="BM33" s="71">
        <v>6</v>
      </c>
      <c r="BN33" s="71">
        <v>3</v>
      </c>
      <c r="BO33" s="72">
        <v>33</v>
      </c>
      <c r="BP33" s="73">
        <v>39</v>
      </c>
      <c r="BQ33" s="70">
        <v>3</v>
      </c>
      <c r="BR33" s="71">
        <v>2</v>
      </c>
      <c r="BS33" s="72">
        <v>5</v>
      </c>
      <c r="BT33" s="244"/>
      <c r="BU33" s="71">
        <v>9</v>
      </c>
      <c r="BV33" s="71">
        <v>6</v>
      </c>
      <c r="BW33" s="71">
        <v>9</v>
      </c>
      <c r="BX33" s="71">
        <v>6</v>
      </c>
      <c r="BY33" s="71">
        <v>4</v>
      </c>
      <c r="BZ33" s="72">
        <v>34</v>
      </c>
      <c r="CA33" s="73">
        <v>39</v>
      </c>
      <c r="CB33" s="70">
        <v>0</v>
      </c>
      <c r="CC33" s="71">
        <v>0</v>
      </c>
      <c r="CD33" s="72">
        <v>0</v>
      </c>
      <c r="CE33" s="244"/>
      <c r="CF33" s="71">
        <v>1</v>
      </c>
      <c r="CG33" s="71">
        <v>0</v>
      </c>
      <c r="CH33" s="71">
        <v>3</v>
      </c>
      <c r="CI33" s="71">
        <v>0</v>
      </c>
      <c r="CJ33" s="71">
        <v>2</v>
      </c>
      <c r="CK33" s="72">
        <v>6</v>
      </c>
      <c r="CL33" s="73">
        <v>6</v>
      </c>
      <c r="CM33" s="70">
        <v>20</v>
      </c>
      <c r="CN33" s="71">
        <v>12</v>
      </c>
      <c r="CO33" s="72">
        <v>32</v>
      </c>
      <c r="CP33" s="244"/>
      <c r="CQ33" s="71">
        <v>42</v>
      </c>
      <c r="CR33" s="71">
        <v>33</v>
      </c>
      <c r="CS33" s="71">
        <v>30</v>
      </c>
      <c r="CT33" s="71">
        <v>30</v>
      </c>
      <c r="CU33" s="71">
        <v>13</v>
      </c>
      <c r="CV33" s="72">
        <v>148</v>
      </c>
      <c r="CW33" s="73">
        <v>180</v>
      </c>
      <c r="CX33" s="123">
        <v>52</v>
      </c>
      <c r="CY33" s="82">
        <v>34</v>
      </c>
      <c r="CZ33" s="83">
        <v>86</v>
      </c>
      <c r="DA33" s="241"/>
      <c r="DB33" s="82">
        <v>93</v>
      </c>
      <c r="DC33" s="82">
        <v>62</v>
      </c>
      <c r="DD33" s="82">
        <v>84</v>
      </c>
      <c r="DE33" s="82">
        <v>73</v>
      </c>
      <c r="DF33" s="82">
        <v>36</v>
      </c>
      <c r="DG33" s="84">
        <v>348</v>
      </c>
      <c r="DH33" s="85">
        <v>434</v>
      </c>
      <c r="DI33" s="70">
        <v>2</v>
      </c>
      <c r="DJ33" s="71">
        <v>0</v>
      </c>
      <c r="DK33" s="72">
        <v>2</v>
      </c>
      <c r="DL33" s="244"/>
      <c r="DM33" s="71">
        <v>2</v>
      </c>
      <c r="DN33" s="71">
        <v>1</v>
      </c>
      <c r="DO33" s="71">
        <v>2</v>
      </c>
      <c r="DP33" s="71">
        <v>1</v>
      </c>
      <c r="DQ33" s="71">
        <v>1</v>
      </c>
      <c r="DR33" s="72">
        <v>7</v>
      </c>
      <c r="DS33" s="73">
        <v>9</v>
      </c>
      <c r="DT33" s="70">
        <v>3</v>
      </c>
      <c r="DU33" s="71">
        <v>2</v>
      </c>
      <c r="DV33" s="72">
        <v>5</v>
      </c>
      <c r="DW33" s="244"/>
      <c r="DX33" s="71">
        <v>3</v>
      </c>
      <c r="DY33" s="71">
        <v>3</v>
      </c>
      <c r="DZ33" s="71">
        <v>1</v>
      </c>
      <c r="EA33" s="71">
        <v>3</v>
      </c>
      <c r="EB33" s="71">
        <v>2</v>
      </c>
      <c r="EC33" s="72">
        <v>12</v>
      </c>
      <c r="ED33" s="73">
        <v>17</v>
      </c>
      <c r="EE33" s="70">
        <v>11</v>
      </c>
      <c r="EF33" s="71">
        <v>2</v>
      </c>
      <c r="EG33" s="72">
        <v>13</v>
      </c>
      <c r="EH33" s="244"/>
      <c r="EI33" s="71">
        <v>15</v>
      </c>
      <c r="EJ33" s="71">
        <v>7</v>
      </c>
      <c r="EK33" s="71">
        <v>14</v>
      </c>
      <c r="EL33" s="71">
        <v>5</v>
      </c>
      <c r="EM33" s="71">
        <v>2</v>
      </c>
      <c r="EN33" s="72">
        <v>43</v>
      </c>
      <c r="EO33" s="73">
        <v>56</v>
      </c>
      <c r="EP33" s="70">
        <v>13</v>
      </c>
      <c r="EQ33" s="71">
        <v>6</v>
      </c>
      <c r="ER33" s="72">
        <v>19</v>
      </c>
      <c r="ES33" s="244"/>
      <c r="ET33" s="71">
        <v>26</v>
      </c>
      <c r="EU33" s="71">
        <v>11</v>
      </c>
      <c r="EV33" s="71">
        <v>13</v>
      </c>
      <c r="EW33" s="71">
        <v>9</v>
      </c>
      <c r="EX33" s="71">
        <v>6</v>
      </c>
      <c r="EY33" s="72">
        <v>65</v>
      </c>
      <c r="EZ33" s="73">
        <v>84</v>
      </c>
      <c r="FA33" s="70">
        <v>12</v>
      </c>
      <c r="FB33" s="71">
        <v>13</v>
      </c>
      <c r="FC33" s="72">
        <v>25</v>
      </c>
      <c r="FD33" s="244"/>
      <c r="FE33" s="71">
        <v>29</v>
      </c>
      <c r="FF33" s="71">
        <v>18</v>
      </c>
      <c r="FG33" s="71">
        <v>16</v>
      </c>
      <c r="FH33" s="71">
        <v>23</v>
      </c>
      <c r="FI33" s="71">
        <v>14</v>
      </c>
      <c r="FJ33" s="72">
        <v>100</v>
      </c>
      <c r="FK33" s="73">
        <v>125</v>
      </c>
      <c r="FL33" s="70">
        <v>11</v>
      </c>
      <c r="FM33" s="71">
        <v>11</v>
      </c>
      <c r="FN33" s="72">
        <v>22</v>
      </c>
      <c r="FO33" s="244"/>
      <c r="FP33" s="71">
        <v>18</v>
      </c>
      <c r="FQ33" s="71">
        <v>22</v>
      </c>
      <c r="FR33" s="71">
        <v>38</v>
      </c>
      <c r="FS33" s="71">
        <v>32</v>
      </c>
      <c r="FT33" s="71">
        <v>11</v>
      </c>
      <c r="FU33" s="72">
        <v>121</v>
      </c>
      <c r="FV33" s="73">
        <v>143</v>
      </c>
      <c r="FW33" s="70">
        <v>0</v>
      </c>
      <c r="FX33" s="71">
        <v>1</v>
      </c>
      <c r="FY33" s="72">
        <v>1</v>
      </c>
      <c r="FZ33" s="244"/>
      <c r="GA33" s="71">
        <v>1</v>
      </c>
      <c r="GB33" s="71">
        <v>0</v>
      </c>
      <c r="GC33" s="71">
        <v>1</v>
      </c>
      <c r="GD33" s="71">
        <v>1</v>
      </c>
      <c r="GE33" s="71">
        <v>1</v>
      </c>
      <c r="GF33" s="72">
        <v>4</v>
      </c>
      <c r="GG33" s="73">
        <v>5</v>
      </c>
      <c r="GH33" s="70">
        <v>52</v>
      </c>
      <c r="GI33" s="71">
        <v>35</v>
      </c>
      <c r="GJ33" s="72">
        <v>87</v>
      </c>
      <c r="GK33" s="244"/>
      <c r="GL33" s="71">
        <v>94</v>
      </c>
      <c r="GM33" s="71">
        <v>62</v>
      </c>
      <c r="GN33" s="71">
        <v>85</v>
      </c>
      <c r="GO33" s="71">
        <v>74</v>
      </c>
      <c r="GP33" s="71">
        <v>37</v>
      </c>
      <c r="GQ33" s="72">
        <v>352</v>
      </c>
      <c r="GR33" s="73">
        <v>439</v>
      </c>
      <c r="GS33" s="123">
        <v>72</v>
      </c>
      <c r="GT33" s="82">
        <v>46</v>
      </c>
      <c r="GU33" s="83">
        <v>118</v>
      </c>
      <c r="GV33" s="241"/>
      <c r="GW33" s="82">
        <v>134</v>
      </c>
      <c r="GX33" s="82">
        <v>95</v>
      </c>
      <c r="GY33" s="82">
        <v>111</v>
      </c>
      <c r="GZ33" s="82">
        <v>103</v>
      </c>
      <c r="HA33" s="82">
        <v>47</v>
      </c>
      <c r="HB33" s="84">
        <v>490</v>
      </c>
      <c r="HC33" s="85">
        <v>608</v>
      </c>
      <c r="HD33" s="70">
        <v>4</v>
      </c>
      <c r="HE33" s="71">
        <v>0</v>
      </c>
      <c r="HF33" s="72">
        <v>4</v>
      </c>
      <c r="HG33" s="244"/>
      <c r="HH33" s="71">
        <v>5</v>
      </c>
      <c r="HI33" s="71">
        <v>4</v>
      </c>
      <c r="HJ33" s="71">
        <v>4</v>
      </c>
      <c r="HK33" s="71">
        <v>3</v>
      </c>
      <c r="HL33" s="71">
        <v>3</v>
      </c>
      <c r="HM33" s="72">
        <v>19</v>
      </c>
      <c r="HN33" s="73">
        <v>23</v>
      </c>
      <c r="HO33" s="70">
        <v>9</v>
      </c>
      <c r="HP33" s="71">
        <v>4</v>
      </c>
      <c r="HQ33" s="72">
        <v>13</v>
      </c>
      <c r="HR33" s="244"/>
      <c r="HS33" s="71">
        <v>9</v>
      </c>
      <c r="HT33" s="71">
        <v>7</v>
      </c>
      <c r="HU33" s="71">
        <v>3</v>
      </c>
      <c r="HV33" s="71">
        <v>6</v>
      </c>
      <c r="HW33" s="71">
        <v>3</v>
      </c>
      <c r="HX33" s="72">
        <v>28</v>
      </c>
      <c r="HY33" s="73">
        <v>41</v>
      </c>
      <c r="HZ33" s="70">
        <v>12</v>
      </c>
      <c r="IA33" s="71">
        <v>3</v>
      </c>
      <c r="IB33" s="72">
        <v>15</v>
      </c>
      <c r="IC33" s="244"/>
      <c r="ID33" s="71">
        <v>17</v>
      </c>
      <c r="IE33" s="71">
        <v>11</v>
      </c>
      <c r="IF33" s="71">
        <v>18</v>
      </c>
      <c r="IG33" s="71">
        <v>11</v>
      </c>
      <c r="IH33" s="71">
        <v>3</v>
      </c>
      <c r="II33" s="72">
        <v>60</v>
      </c>
      <c r="IJ33" s="73">
        <v>75</v>
      </c>
      <c r="IK33" s="70">
        <v>16</v>
      </c>
      <c r="IL33" s="71">
        <v>12</v>
      </c>
      <c r="IM33" s="72">
        <v>28</v>
      </c>
      <c r="IN33" s="244"/>
      <c r="IO33" s="71">
        <v>35</v>
      </c>
      <c r="IP33" s="71">
        <v>19</v>
      </c>
      <c r="IQ33" s="71">
        <v>19</v>
      </c>
      <c r="IR33" s="71">
        <v>16</v>
      </c>
      <c r="IS33" s="71">
        <v>6</v>
      </c>
      <c r="IT33" s="72">
        <v>95</v>
      </c>
      <c r="IU33" s="73">
        <v>123</v>
      </c>
      <c r="IV33" s="70">
        <v>17</v>
      </c>
      <c r="IW33" s="71">
        <v>14</v>
      </c>
      <c r="IX33" s="72">
        <v>31</v>
      </c>
      <c r="IY33" s="244"/>
      <c r="IZ33" s="71">
        <v>41</v>
      </c>
      <c r="JA33" s="71">
        <v>26</v>
      </c>
      <c r="JB33" s="71">
        <v>20</v>
      </c>
      <c r="JC33" s="71">
        <v>29</v>
      </c>
      <c r="JD33" s="71">
        <v>17</v>
      </c>
      <c r="JE33" s="72">
        <v>133</v>
      </c>
      <c r="JF33" s="73">
        <v>164</v>
      </c>
      <c r="JG33" s="70">
        <v>14</v>
      </c>
      <c r="JH33" s="71">
        <v>13</v>
      </c>
      <c r="JI33" s="72">
        <v>27</v>
      </c>
      <c r="JJ33" s="244"/>
      <c r="JK33" s="71">
        <v>27</v>
      </c>
      <c r="JL33" s="71">
        <v>28</v>
      </c>
      <c r="JM33" s="71">
        <v>47</v>
      </c>
      <c r="JN33" s="71">
        <v>38</v>
      </c>
      <c r="JO33" s="71">
        <v>15</v>
      </c>
      <c r="JP33" s="72">
        <v>155</v>
      </c>
      <c r="JQ33" s="73">
        <v>182</v>
      </c>
      <c r="JR33" s="70">
        <v>0</v>
      </c>
      <c r="JS33" s="71">
        <v>1</v>
      </c>
      <c r="JT33" s="72">
        <v>1</v>
      </c>
      <c r="JU33" s="244"/>
      <c r="JV33" s="71">
        <v>2</v>
      </c>
      <c r="JW33" s="71">
        <v>0</v>
      </c>
      <c r="JX33" s="71">
        <v>4</v>
      </c>
      <c r="JY33" s="71">
        <v>1</v>
      </c>
      <c r="JZ33" s="71">
        <v>3</v>
      </c>
      <c r="KA33" s="72">
        <v>10</v>
      </c>
      <c r="KB33" s="73">
        <v>11</v>
      </c>
      <c r="KC33" s="70">
        <v>72</v>
      </c>
      <c r="KD33" s="71">
        <v>47</v>
      </c>
      <c r="KE33" s="72">
        <v>119</v>
      </c>
      <c r="KF33" s="244"/>
      <c r="KG33" s="71">
        <v>136</v>
      </c>
      <c r="KH33" s="71">
        <v>95</v>
      </c>
      <c r="KI33" s="71">
        <v>115</v>
      </c>
      <c r="KJ33" s="71">
        <v>104</v>
      </c>
      <c r="KK33" s="71">
        <v>50</v>
      </c>
      <c r="KL33" s="72">
        <v>500</v>
      </c>
      <c r="KM33" s="73">
        <v>619</v>
      </c>
    </row>
    <row r="34" spans="2:299" ht="21" customHeight="1" x14ac:dyDescent="0.2">
      <c r="B34" s="126" t="s">
        <v>31</v>
      </c>
      <c r="C34" s="315">
        <v>19</v>
      </c>
      <c r="D34" s="82">
        <v>39</v>
      </c>
      <c r="E34" s="83">
        <v>58</v>
      </c>
      <c r="F34" s="241"/>
      <c r="G34" s="82">
        <v>58</v>
      </c>
      <c r="H34" s="82">
        <v>46</v>
      </c>
      <c r="I34" s="82">
        <v>39</v>
      </c>
      <c r="J34" s="82">
        <v>28</v>
      </c>
      <c r="K34" s="82">
        <v>13</v>
      </c>
      <c r="L34" s="84">
        <v>184</v>
      </c>
      <c r="M34" s="85">
        <v>242</v>
      </c>
      <c r="N34" s="70">
        <v>0</v>
      </c>
      <c r="O34" s="71">
        <v>0</v>
      </c>
      <c r="P34" s="72">
        <v>0</v>
      </c>
      <c r="Q34" s="244"/>
      <c r="R34" s="71">
        <v>2</v>
      </c>
      <c r="S34" s="71">
        <v>2</v>
      </c>
      <c r="T34" s="71">
        <v>4</v>
      </c>
      <c r="U34" s="71">
        <v>3</v>
      </c>
      <c r="V34" s="71">
        <v>1</v>
      </c>
      <c r="W34" s="72">
        <v>12</v>
      </c>
      <c r="X34" s="73">
        <v>12</v>
      </c>
      <c r="Y34" s="70">
        <v>4</v>
      </c>
      <c r="Z34" s="71">
        <v>6</v>
      </c>
      <c r="AA34" s="72">
        <v>10</v>
      </c>
      <c r="AB34" s="244"/>
      <c r="AC34" s="71">
        <v>7</v>
      </c>
      <c r="AD34" s="71">
        <v>7</v>
      </c>
      <c r="AE34" s="71">
        <v>4</v>
      </c>
      <c r="AF34" s="71">
        <v>3</v>
      </c>
      <c r="AG34" s="71">
        <v>2</v>
      </c>
      <c r="AH34" s="72">
        <v>23</v>
      </c>
      <c r="AI34" s="73">
        <v>33</v>
      </c>
      <c r="AJ34" s="70">
        <v>1</v>
      </c>
      <c r="AK34" s="71">
        <v>5</v>
      </c>
      <c r="AL34" s="72">
        <v>6</v>
      </c>
      <c r="AM34" s="244"/>
      <c r="AN34" s="71">
        <v>8</v>
      </c>
      <c r="AO34" s="71">
        <v>5</v>
      </c>
      <c r="AP34" s="71">
        <v>10</v>
      </c>
      <c r="AQ34" s="71">
        <v>6</v>
      </c>
      <c r="AR34" s="71">
        <v>2</v>
      </c>
      <c r="AS34" s="72">
        <v>31</v>
      </c>
      <c r="AT34" s="73">
        <v>37</v>
      </c>
      <c r="AU34" s="70">
        <v>4</v>
      </c>
      <c r="AV34" s="71">
        <v>14</v>
      </c>
      <c r="AW34" s="72">
        <v>18</v>
      </c>
      <c r="AX34" s="244"/>
      <c r="AY34" s="71">
        <v>17</v>
      </c>
      <c r="AZ34" s="71">
        <v>12</v>
      </c>
      <c r="BA34" s="71">
        <v>6</v>
      </c>
      <c r="BB34" s="71">
        <v>2</v>
      </c>
      <c r="BC34" s="71">
        <v>1</v>
      </c>
      <c r="BD34" s="72">
        <v>38</v>
      </c>
      <c r="BE34" s="73">
        <v>56</v>
      </c>
      <c r="BF34" s="70">
        <v>6</v>
      </c>
      <c r="BG34" s="71">
        <v>7</v>
      </c>
      <c r="BH34" s="72">
        <v>13</v>
      </c>
      <c r="BI34" s="244"/>
      <c r="BJ34" s="71">
        <v>13</v>
      </c>
      <c r="BK34" s="71">
        <v>9</v>
      </c>
      <c r="BL34" s="71">
        <v>5</v>
      </c>
      <c r="BM34" s="71">
        <v>6</v>
      </c>
      <c r="BN34" s="71">
        <v>3</v>
      </c>
      <c r="BO34" s="72">
        <v>36</v>
      </c>
      <c r="BP34" s="73">
        <v>49</v>
      </c>
      <c r="BQ34" s="70">
        <v>4</v>
      </c>
      <c r="BR34" s="71">
        <v>7</v>
      </c>
      <c r="BS34" s="72">
        <v>11</v>
      </c>
      <c r="BT34" s="244"/>
      <c r="BU34" s="71">
        <v>11</v>
      </c>
      <c r="BV34" s="71">
        <v>11</v>
      </c>
      <c r="BW34" s="71">
        <v>10</v>
      </c>
      <c r="BX34" s="71">
        <v>8</v>
      </c>
      <c r="BY34" s="71">
        <v>4</v>
      </c>
      <c r="BZ34" s="72">
        <v>44</v>
      </c>
      <c r="CA34" s="73">
        <v>55</v>
      </c>
      <c r="CB34" s="70">
        <v>0</v>
      </c>
      <c r="CC34" s="71">
        <v>4</v>
      </c>
      <c r="CD34" s="72">
        <v>4</v>
      </c>
      <c r="CE34" s="244"/>
      <c r="CF34" s="71">
        <v>2</v>
      </c>
      <c r="CG34" s="71">
        <v>1</v>
      </c>
      <c r="CH34" s="71">
        <v>0</v>
      </c>
      <c r="CI34" s="71">
        <v>1</v>
      </c>
      <c r="CJ34" s="71">
        <v>1</v>
      </c>
      <c r="CK34" s="72">
        <v>5</v>
      </c>
      <c r="CL34" s="73">
        <v>9</v>
      </c>
      <c r="CM34" s="70">
        <v>19</v>
      </c>
      <c r="CN34" s="71">
        <v>43</v>
      </c>
      <c r="CO34" s="72">
        <v>62</v>
      </c>
      <c r="CP34" s="244"/>
      <c r="CQ34" s="71">
        <v>60</v>
      </c>
      <c r="CR34" s="71">
        <v>47</v>
      </c>
      <c r="CS34" s="71">
        <v>39</v>
      </c>
      <c r="CT34" s="71">
        <v>29</v>
      </c>
      <c r="CU34" s="71">
        <v>14</v>
      </c>
      <c r="CV34" s="72">
        <v>189</v>
      </c>
      <c r="CW34" s="73">
        <v>251</v>
      </c>
      <c r="CX34" s="123">
        <v>55</v>
      </c>
      <c r="CY34" s="82">
        <v>90</v>
      </c>
      <c r="CZ34" s="83">
        <v>145</v>
      </c>
      <c r="DA34" s="241"/>
      <c r="DB34" s="82">
        <v>107</v>
      </c>
      <c r="DC34" s="82">
        <v>88</v>
      </c>
      <c r="DD34" s="82">
        <v>82</v>
      </c>
      <c r="DE34" s="82">
        <v>61</v>
      </c>
      <c r="DF34" s="82">
        <v>38</v>
      </c>
      <c r="DG34" s="84">
        <v>376</v>
      </c>
      <c r="DH34" s="85">
        <v>521</v>
      </c>
      <c r="DI34" s="70">
        <v>0</v>
      </c>
      <c r="DJ34" s="71">
        <v>3</v>
      </c>
      <c r="DK34" s="72">
        <v>3</v>
      </c>
      <c r="DL34" s="244"/>
      <c r="DM34" s="71">
        <v>0</v>
      </c>
      <c r="DN34" s="71">
        <v>1</v>
      </c>
      <c r="DO34" s="71">
        <v>0</v>
      </c>
      <c r="DP34" s="71">
        <v>2</v>
      </c>
      <c r="DQ34" s="71">
        <v>2</v>
      </c>
      <c r="DR34" s="72">
        <v>5</v>
      </c>
      <c r="DS34" s="73">
        <v>8</v>
      </c>
      <c r="DT34" s="70">
        <v>3</v>
      </c>
      <c r="DU34" s="71">
        <v>4</v>
      </c>
      <c r="DV34" s="72">
        <v>7</v>
      </c>
      <c r="DW34" s="244"/>
      <c r="DX34" s="71">
        <v>13</v>
      </c>
      <c r="DY34" s="71">
        <v>5</v>
      </c>
      <c r="DZ34" s="71">
        <v>4</v>
      </c>
      <c r="EA34" s="71">
        <v>7</v>
      </c>
      <c r="EB34" s="71">
        <v>1</v>
      </c>
      <c r="EC34" s="72">
        <v>30</v>
      </c>
      <c r="ED34" s="73">
        <v>37</v>
      </c>
      <c r="EE34" s="70">
        <v>5</v>
      </c>
      <c r="EF34" s="71">
        <v>10</v>
      </c>
      <c r="EG34" s="72">
        <v>15</v>
      </c>
      <c r="EH34" s="244"/>
      <c r="EI34" s="71">
        <v>10</v>
      </c>
      <c r="EJ34" s="71">
        <v>5</v>
      </c>
      <c r="EK34" s="71">
        <v>4</v>
      </c>
      <c r="EL34" s="71">
        <v>5</v>
      </c>
      <c r="EM34" s="71">
        <v>0</v>
      </c>
      <c r="EN34" s="72">
        <v>24</v>
      </c>
      <c r="EO34" s="73">
        <v>39</v>
      </c>
      <c r="EP34" s="70">
        <v>17</v>
      </c>
      <c r="EQ34" s="71">
        <v>24</v>
      </c>
      <c r="ER34" s="72">
        <v>41</v>
      </c>
      <c r="ES34" s="244"/>
      <c r="ET34" s="71">
        <v>20</v>
      </c>
      <c r="EU34" s="71">
        <v>16</v>
      </c>
      <c r="EV34" s="71">
        <v>16</v>
      </c>
      <c r="EW34" s="71">
        <v>5</v>
      </c>
      <c r="EX34" s="71">
        <v>3</v>
      </c>
      <c r="EY34" s="72">
        <v>60</v>
      </c>
      <c r="EZ34" s="73">
        <v>101</v>
      </c>
      <c r="FA34" s="70">
        <v>23</v>
      </c>
      <c r="FB34" s="71">
        <v>29</v>
      </c>
      <c r="FC34" s="72">
        <v>52</v>
      </c>
      <c r="FD34" s="244"/>
      <c r="FE34" s="71">
        <v>26</v>
      </c>
      <c r="FF34" s="71">
        <v>33</v>
      </c>
      <c r="FG34" s="71">
        <v>22</v>
      </c>
      <c r="FH34" s="71">
        <v>16</v>
      </c>
      <c r="FI34" s="71">
        <v>9</v>
      </c>
      <c r="FJ34" s="72">
        <v>106</v>
      </c>
      <c r="FK34" s="73">
        <v>158</v>
      </c>
      <c r="FL34" s="70">
        <v>7</v>
      </c>
      <c r="FM34" s="71">
        <v>20</v>
      </c>
      <c r="FN34" s="72">
        <v>27</v>
      </c>
      <c r="FO34" s="244"/>
      <c r="FP34" s="71">
        <v>38</v>
      </c>
      <c r="FQ34" s="71">
        <v>28</v>
      </c>
      <c r="FR34" s="71">
        <v>36</v>
      </c>
      <c r="FS34" s="71">
        <v>26</v>
      </c>
      <c r="FT34" s="71">
        <v>23</v>
      </c>
      <c r="FU34" s="72">
        <v>151</v>
      </c>
      <c r="FV34" s="73">
        <v>178</v>
      </c>
      <c r="FW34" s="70">
        <v>0</v>
      </c>
      <c r="FX34" s="71">
        <v>0</v>
      </c>
      <c r="FY34" s="72">
        <v>0</v>
      </c>
      <c r="FZ34" s="244"/>
      <c r="GA34" s="71">
        <v>2</v>
      </c>
      <c r="GB34" s="71">
        <v>0</v>
      </c>
      <c r="GC34" s="71">
        <v>1</v>
      </c>
      <c r="GD34" s="71">
        <v>1</v>
      </c>
      <c r="GE34" s="71">
        <v>1</v>
      </c>
      <c r="GF34" s="72">
        <v>5</v>
      </c>
      <c r="GG34" s="73">
        <v>5</v>
      </c>
      <c r="GH34" s="70">
        <v>55</v>
      </c>
      <c r="GI34" s="71">
        <v>90</v>
      </c>
      <c r="GJ34" s="72">
        <v>145</v>
      </c>
      <c r="GK34" s="244"/>
      <c r="GL34" s="71">
        <v>109</v>
      </c>
      <c r="GM34" s="71">
        <v>88</v>
      </c>
      <c r="GN34" s="71">
        <v>83</v>
      </c>
      <c r="GO34" s="71">
        <v>62</v>
      </c>
      <c r="GP34" s="71">
        <v>39</v>
      </c>
      <c r="GQ34" s="72">
        <v>381</v>
      </c>
      <c r="GR34" s="73">
        <v>526</v>
      </c>
      <c r="GS34" s="123">
        <v>74</v>
      </c>
      <c r="GT34" s="82">
        <v>129</v>
      </c>
      <c r="GU34" s="83">
        <v>203</v>
      </c>
      <c r="GV34" s="241"/>
      <c r="GW34" s="82">
        <v>165</v>
      </c>
      <c r="GX34" s="82">
        <v>134</v>
      </c>
      <c r="GY34" s="82">
        <v>121</v>
      </c>
      <c r="GZ34" s="82">
        <v>89</v>
      </c>
      <c r="HA34" s="82">
        <v>51</v>
      </c>
      <c r="HB34" s="84">
        <v>560</v>
      </c>
      <c r="HC34" s="85">
        <v>763</v>
      </c>
      <c r="HD34" s="70">
        <v>0</v>
      </c>
      <c r="HE34" s="71">
        <v>3</v>
      </c>
      <c r="HF34" s="72">
        <v>3</v>
      </c>
      <c r="HG34" s="244"/>
      <c r="HH34" s="71">
        <v>2</v>
      </c>
      <c r="HI34" s="71">
        <v>3</v>
      </c>
      <c r="HJ34" s="71">
        <v>4</v>
      </c>
      <c r="HK34" s="71">
        <v>5</v>
      </c>
      <c r="HL34" s="71">
        <v>3</v>
      </c>
      <c r="HM34" s="72">
        <v>17</v>
      </c>
      <c r="HN34" s="73">
        <v>20</v>
      </c>
      <c r="HO34" s="70">
        <v>7</v>
      </c>
      <c r="HP34" s="71">
        <v>10</v>
      </c>
      <c r="HQ34" s="72">
        <v>17</v>
      </c>
      <c r="HR34" s="244"/>
      <c r="HS34" s="71">
        <v>20</v>
      </c>
      <c r="HT34" s="71">
        <v>12</v>
      </c>
      <c r="HU34" s="71">
        <v>8</v>
      </c>
      <c r="HV34" s="71">
        <v>10</v>
      </c>
      <c r="HW34" s="71">
        <v>3</v>
      </c>
      <c r="HX34" s="72">
        <v>53</v>
      </c>
      <c r="HY34" s="73">
        <v>70</v>
      </c>
      <c r="HZ34" s="70">
        <v>6</v>
      </c>
      <c r="IA34" s="71">
        <v>15</v>
      </c>
      <c r="IB34" s="72">
        <v>21</v>
      </c>
      <c r="IC34" s="244"/>
      <c r="ID34" s="71">
        <v>18</v>
      </c>
      <c r="IE34" s="71">
        <v>10</v>
      </c>
      <c r="IF34" s="71">
        <v>14</v>
      </c>
      <c r="IG34" s="71">
        <v>11</v>
      </c>
      <c r="IH34" s="71">
        <v>2</v>
      </c>
      <c r="II34" s="72">
        <v>55</v>
      </c>
      <c r="IJ34" s="73">
        <v>76</v>
      </c>
      <c r="IK34" s="70">
        <v>21</v>
      </c>
      <c r="IL34" s="71">
        <v>38</v>
      </c>
      <c r="IM34" s="72">
        <v>59</v>
      </c>
      <c r="IN34" s="244"/>
      <c r="IO34" s="71">
        <v>37</v>
      </c>
      <c r="IP34" s="71">
        <v>28</v>
      </c>
      <c r="IQ34" s="71">
        <v>22</v>
      </c>
      <c r="IR34" s="71">
        <v>7</v>
      </c>
      <c r="IS34" s="71">
        <v>4</v>
      </c>
      <c r="IT34" s="72">
        <v>98</v>
      </c>
      <c r="IU34" s="73">
        <v>157</v>
      </c>
      <c r="IV34" s="70">
        <v>29</v>
      </c>
      <c r="IW34" s="71">
        <v>36</v>
      </c>
      <c r="IX34" s="72">
        <v>65</v>
      </c>
      <c r="IY34" s="244"/>
      <c r="IZ34" s="71">
        <v>39</v>
      </c>
      <c r="JA34" s="71">
        <v>42</v>
      </c>
      <c r="JB34" s="71">
        <v>27</v>
      </c>
      <c r="JC34" s="71">
        <v>22</v>
      </c>
      <c r="JD34" s="71">
        <v>12</v>
      </c>
      <c r="JE34" s="72">
        <v>142</v>
      </c>
      <c r="JF34" s="73">
        <v>207</v>
      </c>
      <c r="JG34" s="70">
        <v>11</v>
      </c>
      <c r="JH34" s="71">
        <v>27</v>
      </c>
      <c r="JI34" s="72">
        <v>38</v>
      </c>
      <c r="JJ34" s="244"/>
      <c r="JK34" s="71">
        <v>49</v>
      </c>
      <c r="JL34" s="71">
        <v>39</v>
      </c>
      <c r="JM34" s="71">
        <v>46</v>
      </c>
      <c r="JN34" s="71">
        <v>34</v>
      </c>
      <c r="JO34" s="71">
        <v>27</v>
      </c>
      <c r="JP34" s="72">
        <v>195</v>
      </c>
      <c r="JQ34" s="73">
        <v>233</v>
      </c>
      <c r="JR34" s="70">
        <v>0</v>
      </c>
      <c r="JS34" s="71">
        <v>4</v>
      </c>
      <c r="JT34" s="72">
        <v>4</v>
      </c>
      <c r="JU34" s="244"/>
      <c r="JV34" s="71">
        <v>4</v>
      </c>
      <c r="JW34" s="71">
        <v>1</v>
      </c>
      <c r="JX34" s="71">
        <v>1</v>
      </c>
      <c r="JY34" s="71">
        <v>2</v>
      </c>
      <c r="JZ34" s="71">
        <v>2</v>
      </c>
      <c r="KA34" s="72">
        <v>10</v>
      </c>
      <c r="KB34" s="73">
        <v>14</v>
      </c>
      <c r="KC34" s="70">
        <v>74</v>
      </c>
      <c r="KD34" s="71">
        <v>133</v>
      </c>
      <c r="KE34" s="72">
        <v>207</v>
      </c>
      <c r="KF34" s="244"/>
      <c r="KG34" s="71">
        <v>169</v>
      </c>
      <c r="KH34" s="71">
        <v>135</v>
      </c>
      <c r="KI34" s="71">
        <v>122</v>
      </c>
      <c r="KJ34" s="71">
        <v>91</v>
      </c>
      <c r="KK34" s="71">
        <v>53</v>
      </c>
      <c r="KL34" s="72">
        <v>570</v>
      </c>
      <c r="KM34" s="73">
        <v>777</v>
      </c>
    </row>
    <row r="35" spans="2:299" ht="21" customHeight="1" x14ac:dyDescent="0.2">
      <c r="B35" s="126" t="s">
        <v>32</v>
      </c>
      <c r="C35" s="315">
        <v>25</v>
      </c>
      <c r="D35" s="82">
        <v>23</v>
      </c>
      <c r="E35" s="83">
        <v>48</v>
      </c>
      <c r="F35" s="241"/>
      <c r="G35" s="82">
        <v>61</v>
      </c>
      <c r="H35" s="82">
        <v>62</v>
      </c>
      <c r="I35" s="82">
        <v>36</v>
      </c>
      <c r="J35" s="82">
        <v>29</v>
      </c>
      <c r="K35" s="82">
        <v>23</v>
      </c>
      <c r="L35" s="84">
        <v>211</v>
      </c>
      <c r="M35" s="85">
        <v>259</v>
      </c>
      <c r="N35" s="70">
        <v>2</v>
      </c>
      <c r="O35" s="71">
        <v>1</v>
      </c>
      <c r="P35" s="72">
        <v>3</v>
      </c>
      <c r="Q35" s="244"/>
      <c r="R35" s="71">
        <v>6</v>
      </c>
      <c r="S35" s="71">
        <v>2</v>
      </c>
      <c r="T35" s="71">
        <v>2</v>
      </c>
      <c r="U35" s="71">
        <v>2</v>
      </c>
      <c r="V35" s="71">
        <v>1</v>
      </c>
      <c r="W35" s="72">
        <v>13</v>
      </c>
      <c r="X35" s="73">
        <v>16</v>
      </c>
      <c r="Y35" s="70">
        <v>8</v>
      </c>
      <c r="Z35" s="71">
        <v>1</v>
      </c>
      <c r="AA35" s="72">
        <v>9</v>
      </c>
      <c r="AB35" s="244"/>
      <c r="AC35" s="71">
        <v>2</v>
      </c>
      <c r="AD35" s="71">
        <v>5</v>
      </c>
      <c r="AE35" s="71">
        <v>3</v>
      </c>
      <c r="AF35" s="71">
        <v>6</v>
      </c>
      <c r="AG35" s="71">
        <v>2</v>
      </c>
      <c r="AH35" s="72">
        <v>18</v>
      </c>
      <c r="AI35" s="73">
        <v>27</v>
      </c>
      <c r="AJ35" s="70">
        <v>3</v>
      </c>
      <c r="AK35" s="71">
        <v>0</v>
      </c>
      <c r="AL35" s="72">
        <v>3</v>
      </c>
      <c r="AM35" s="244"/>
      <c r="AN35" s="71">
        <v>9</v>
      </c>
      <c r="AO35" s="71">
        <v>11</v>
      </c>
      <c r="AP35" s="71">
        <v>3</v>
      </c>
      <c r="AQ35" s="71">
        <v>2</v>
      </c>
      <c r="AR35" s="71">
        <v>7</v>
      </c>
      <c r="AS35" s="72">
        <v>32</v>
      </c>
      <c r="AT35" s="73">
        <v>35</v>
      </c>
      <c r="AU35" s="70">
        <v>4</v>
      </c>
      <c r="AV35" s="71">
        <v>8</v>
      </c>
      <c r="AW35" s="72">
        <v>12</v>
      </c>
      <c r="AX35" s="244"/>
      <c r="AY35" s="71">
        <v>19</v>
      </c>
      <c r="AZ35" s="71">
        <v>15</v>
      </c>
      <c r="BA35" s="71">
        <v>8</v>
      </c>
      <c r="BB35" s="71">
        <v>8</v>
      </c>
      <c r="BC35" s="71">
        <v>4</v>
      </c>
      <c r="BD35" s="72">
        <v>54</v>
      </c>
      <c r="BE35" s="73">
        <v>66</v>
      </c>
      <c r="BF35" s="70">
        <v>7</v>
      </c>
      <c r="BG35" s="71">
        <v>9</v>
      </c>
      <c r="BH35" s="72">
        <v>16</v>
      </c>
      <c r="BI35" s="244"/>
      <c r="BJ35" s="71">
        <v>17</v>
      </c>
      <c r="BK35" s="71">
        <v>15</v>
      </c>
      <c r="BL35" s="71">
        <v>12</v>
      </c>
      <c r="BM35" s="71">
        <v>6</v>
      </c>
      <c r="BN35" s="71">
        <v>8</v>
      </c>
      <c r="BO35" s="72">
        <v>58</v>
      </c>
      <c r="BP35" s="73">
        <v>74</v>
      </c>
      <c r="BQ35" s="70">
        <v>1</v>
      </c>
      <c r="BR35" s="71">
        <v>4</v>
      </c>
      <c r="BS35" s="72">
        <v>5</v>
      </c>
      <c r="BT35" s="244"/>
      <c r="BU35" s="71">
        <v>8</v>
      </c>
      <c r="BV35" s="71">
        <v>14</v>
      </c>
      <c r="BW35" s="71">
        <v>8</v>
      </c>
      <c r="BX35" s="71">
        <v>5</v>
      </c>
      <c r="BY35" s="71">
        <v>1</v>
      </c>
      <c r="BZ35" s="72">
        <v>36</v>
      </c>
      <c r="CA35" s="73">
        <v>41</v>
      </c>
      <c r="CB35" s="70">
        <v>2</v>
      </c>
      <c r="CC35" s="71">
        <v>1</v>
      </c>
      <c r="CD35" s="72">
        <v>3</v>
      </c>
      <c r="CE35" s="244"/>
      <c r="CF35" s="71">
        <v>5</v>
      </c>
      <c r="CG35" s="71">
        <v>4</v>
      </c>
      <c r="CH35" s="71">
        <v>1</v>
      </c>
      <c r="CI35" s="71">
        <v>2</v>
      </c>
      <c r="CJ35" s="71">
        <v>3</v>
      </c>
      <c r="CK35" s="72">
        <v>15</v>
      </c>
      <c r="CL35" s="73">
        <v>18</v>
      </c>
      <c r="CM35" s="70">
        <v>27</v>
      </c>
      <c r="CN35" s="71">
        <v>24</v>
      </c>
      <c r="CO35" s="72">
        <v>51</v>
      </c>
      <c r="CP35" s="244"/>
      <c r="CQ35" s="71">
        <v>66</v>
      </c>
      <c r="CR35" s="71">
        <v>66</v>
      </c>
      <c r="CS35" s="71">
        <v>37</v>
      </c>
      <c r="CT35" s="71">
        <v>31</v>
      </c>
      <c r="CU35" s="71">
        <v>26</v>
      </c>
      <c r="CV35" s="72">
        <v>226</v>
      </c>
      <c r="CW35" s="73">
        <v>277</v>
      </c>
      <c r="CX35" s="123">
        <v>38</v>
      </c>
      <c r="CY35" s="82">
        <v>65</v>
      </c>
      <c r="CZ35" s="83">
        <v>103</v>
      </c>
      <c r="DA35" s="241"/>
      <c r="DB35" s="82">
        <v>116</v>
      </c>
      <c r="DC35" s="82">
        <v>83</v>
      </c>
      <c r="DD35" s="82">
        <v>79</v>
      </c>
      <c r="DE35" s="82">
        <v>77</v>
      </c>
      <c r="DF35" s="82">
        <v>38</v>
      </c>
      <c r="DG35" s="84">
        <v>393</v>
      </c>
      <c r="DH35" s="85">
        <v>496</v>
      </c>
      <c r="DI35" s="70">
        <v>2</v>
      </c>
      <c r="DJ35" s="71">
        <v>2</v>
      </c>
      <c r="DK35" s="72">
        <v>4</v>
      </c>
      <c r="DL35" s="244"/>
      <c r="DM35" s="71">
        <v>1</v>
      </c>
      <c r="DN35" s="71">
        <v>3</v>
      </c>
      <c r="DO35" s="71">
        <v>2</v>
      </c>
      <c r="DP35" s="71">
        <v>0</v>
      </c>
      <c r="DQ35" s="71">
        <v>2</v>
      </c>
      <c r="DR35" s="72">
        <v>8</v>
      </c>
      <c r="DS35" s="73">
        <v>12</v>
      </c>
      <c r="DT35" s="70">
        <v>2</v>
      </c>
      <c r="DU35" s="71">
        <v>3</v>
      </c>
      <c r="DV35" s="72">
        <v>5</v>
      </c>
      <c r="DW35" s="244"/>
      <c r="DX35" s="71">
        <v>8</v>
      </c>
      <c r="DY35" s="71">
        <v>2</v>
      </c>
      <c r="DZ35" s="71">
        <v>2</v>
      </c>
      <c r="EA35" s="71">
        <v>5</v>
      </c>
      <c r="EB35" s="71">
        <v>2</v>
      </c>
      <c r="EC35" s="72">
        <v>19</v>
      </c>
      <c r="ED35" s="73">
        <v>24</v>
      </c>
      <c r="EE35" s="70">
        <v>6</v>
      </c>
      <c r="EF35" s="71">
        <v>10</v>
      </c>
      <c r="EG35" s="72">
        <v>16</v>
      </c>
      <c r="EH35" s="244"/>
      <c r="EI35" s="71">
        <v>19</v>
      </c>
      <c r="EJ35" s="71">
        <v>5</v>
      </c>
      <c r="EK35" s="71">
        <v>4</v>
      </c>
      <c r="EL35" s="71">
        <v>1</v>
      </c>
      <c r="EM35" s="71">
        <v>6</v>
      </c>
      <c r="EN35" s="72">
        <v>35</v>
      </c>
      <c r="EO35" s="73">
        <v>51</v>
      </c>
      <c r="EP35" s="70">
        <v>11</v>
      </c>
      <c r="EQ35" s="71">
        <v>12</v>
      </c>
      <c r="ER35" s="72">
        <v>23</v>
      </c>
      <c r="ES35" s="244"/>
      <c r="ET35" s="71">
        <v>22</v>
      </c>
      <c r="EU35" s="71">
        <v>23</v>
      </c>
      <c r="EV35" s="71">
        <v>19</v>
      </c>
      <c r="EW35" s="71">
        <v>9</v>
      </c>
      <c r="EX35" s="71">
        <v>8</v>
      </c>
      <c r="EY35" s="72">
        <v>81</v>
      </c>
      <c r="EZ35" s="73">
        <v>104</v>
      </c>
      <c r="FA35" s="70">
        <v>11</v>
      </c>
      <c r="FB35" s="71">
        <v>15</v>
      </c>
      <c r="FC35" s="72">
        <v>26</v>
      </c>
      <c r="FD35" s="244"/>
      <c r="FE35" s="71">
        <v>32</v>
      </c>
      <c r="FF35" s="71">
        <v>20</v>
      </c>
      <c r="FG35" s="71">
        <v>16</v>
      </c>
      <c r="FH35" s="71">
        <v>23</v>
      </c>
      <c r="FI35" s="71">
        <v>7</v>
      </c>
      <c r="FJ35" s="72">
        <v>98</v>
      </c>
      <c r="FK35" s="73">
        <v>124</v>
      </c>
      <c r="FL35" s="70">
        <v>6</v>
      </c>
      <c r="FM35" s="71">
        <v>23</v>
      </c>
      <c r="FN35" s="72">
        <v>29</v>
      </c>
      <c r="FO35" s="244"/>
      <c r="FP35" s="71">
        <v>34</v>
      </c>
      <c r="FQ35" s="71">
        <v>30</v>
      </c>
      <c r="FR35" s="71">
        <v>36</v>
      </c>
      <c r="FS35" s="71">
        <v>39</v>
      </c>
      <c r="FT35" s="71">
        <v>13</v>
      </c>
      <c r="FU35" s="72">
        <v>152</v>
      </c>
      <c r="FV35" s="73">
        <v>181</v>
      </c>
      <c r="FW35" s="70">
        <v>1</v>
      </c>
      <c r="FX35" s="71">
        <v>1</v>
      </c>
      <c r="FY35" s="72">
        <v>2</v>
      </c>
      <c r="FZ35" s="244"/>
      <c r="GA35" s="71">
        <v>3</v>
      </c>
      <c r="GB35" s="71">
        <v>3</v>
      </c>
      <c r="GC35" s="71">
        <v>1</v>
      </c>
      <c r="GD35" s="71">
        <v>0</v>
      </c>
      <c r="GE35" s="71">
        <v>2</v>
      </c>
      <c r="GF35" s="72">
        <v>9</v>
      </c>
      <c r="GG35" s="73">
        <v>11</v>
      </c>
      <c r="GH35" s="70">
        <v>39</v>
      </c>
      <c r="GI35" s="71">
        <v>66</v>
      </c>
      <c r="GJ35" s="72">
        <v>105</v>
      </c>
      <c r="GK35" s="244"/>
      <c r="GL35" s="71">
        <v>119</v>
      </c>
      <c r="GM35" s="71">
        <v>86</v>
      </c>
      <c r="GN35" s="71">
        <v>80</v>
      </c>
      <c r="GO35" s="71">
        <v>77</v>
      </c>
      <c r="GP35" s="71">
        <v>40</v>
      </c>
      <c r="GQ35" s="72">
        <v>402</v>
      </c>
      <c r="GR35" s="73">
        <v>507</v>
      </c>
      <c r="GS35" s="123">
        <v>63</v>
      </c>
      <c r="GT35" s="82">
        <v>88</v>
      </c>
      <c r="GU35" s="83">
        <v>151</v>
      </c>
      <c r="GV35" s="241"/>
      <c r="GW35" s="82">
        <v>177</v>
      </c>
      <c r="GX35" s="82">
        <v>145</v>
      </c>
      <c r="GY35" s="82">
        <v>115</v>
      </c>
      <c r="GZ35" s="82">
        <v>106</v>
      </c>
      <c r="HA35" s="82">
        <v>61</v>
      </c>
      <c r="HB35" s="84">
        <v>604</v>
      </c>
      <c r="HC35" s="85">
        <v>755</v>
      </c>
      <c r="HD35" s="70">
        <v>4</v>
      </c>
      <c r="HE35" s="71">
        <v>3</v>
      </c>
      <c r="HF35" s="72">
        <v>7</v>
      </c>
      <c r="HG35" s="244"/>
      <c r="HH35" s="71">
        <v>7</v>
      </c>
      <c r="HI35" s="71">
        <v>5</v>
      </c>
      <c r="HJ35" s="71">
        <v>4</v>
      </c>
      <c r="HK35" s="71">
        <v>2</v>
      </c>
      <c r="HL35" s="71">
        <v>3</v>
      </c>
      <c r="HM35" s="72">
        <v>21</v>
      </c>
      <c r="HN35" s="73">
        <v>28</v>
      </c>
      <c r="HO35" s="70">
        <v>10</v>
      </c>
      <c r="HP35" s="71">
        <v>4</v>
      </c>
      <c r="HQ35" s="72">
        <v>14</v>
      </c>
      <c r="HR35" s="244"/>
      <c r="HS35" s="71">
        <v>10</v>
      </c>
      <c r="HT35" s="71">
        <v>7</v>
      </c>
      <c r="HU35" s="71">
        <v>5</v>
      </c>
      <c r="HV35" s="71">
        <v>11</v>
      </c>
      <c r="HW35" s="71">
        <v>4</v>
      </c>
      <c r="HX35" s="72">
        <v>37</v>
      </c>
      <c r="HY35" s="73">
        <v>51</v>
      </c>
      <c r="HZ35" s="70">
        <v>9</v>
      </c>
      <c r="IA35" s="71">
        <v>10</v>
      </c>
      <c r="IB35" s="72">
        <v>19</v>
      </c>
      <c r="IC35" s="244"/>
      <c r="ID35" s="71">
        <v>28</v>
      </c>
      <c r="IE35" s="71">
        <v>16</v>
      </c>
      <c r="IF35" s="71">
        <v>7</v>
      </c>
      <c r="IG35" s="71">
        <v>3</v>
      </c>
      <c r="IH35" s="71">
        <v>13</v>
      </c>
      <c r="II35" s="72">
        <v>67</v>
      </c>
      <c r="IJ35" s="73">
        <v>86</v>
      </c>
      <c r="IK35" s="70">
        <v>15</v>
      </c>
      <c r="IL35" s="71">
        <v>20</v>
      </c>
      <c r="IM35" s="72">
        <v>35</v>
      </c>
      <c r="IN35" s="244"/>
      <c r="IO35" s="71">
        <v>41</v>
      </c>
      <c r="IP35" s="71">
        <v>38</v>
      </c>
      <c r="IQ35" s="71">
        <v>27</v>
      </c>
      <c r="IR35" s="71">
        <v>17</v>
      </c>
      <c r="IS35" s="71">
        <v>12</v>
      </c>
      <c r="IT35" s="72">
        <v>135</v>
      </c>
      <c r="IU35" s="73">
        <v>170</v>
      </c>
      <c r="IV35" s="70">
        <v>18</v>
      </c>
      <c r="IW35" s="71">
        <v>24</v>
      </c>
      <c r="IX35" s="72">
        <v>42</v>
      </c>
      <c r="IY35" s="244"/>
      <c r="IZ35" s="71">
        <v>49</v>
      </c>
      <c r="JA35" s="71">
        <v>35</v>
      </c>
      <c r="JB35" s="71">
        <v>28</v>
      </c>
      <c r="JC35" s="71">
        <v>29</v>
      </c>
      <c r="JD35" s="71">
        <v>15</v>
      </c>
      <c r="JE35" s="72">
        <v>156</v>
      </c>
      <c r="JF35" s="73">
        <v>198</v>
      </c>
      <c r="JG35" s="70">
        <v>7</v>
      </c>
      <c r="JH35" s="71">
        <v>27</v>
      </c>
      <c r="JI35" s="72">
        <v>34</v>
      </c>
      <c r="JJ35" s="244"/>
      <c r="JK35" s="71">
        <v>42</v>
      </c>
      <c r="JL35" s="71">
        <v>44</v>
      </c>
      <c r="JM35" s="71">
        <v>44</v>
      </c>
      <c r="JN35" s="71">
        <v>44</v>
      </c>
      <c r="JO35" s="71">
        <v>14</v>
      </c>
      <c r="JP35" s="72">
        <v>188</v>
      </c>
      <c r="JQ35" s="73">
        <v>222</v>
      </c>
      <c r="JR35" s="70">
        <v>3</v>
      </c>
      <c r="JS35" s="71">
        <v>2</v>
      </c>
      <c r="JT35" s="72">
        <v>5</v>
      </c>
      <c r="JU35" s="244"/>
      <c r="JV35" s="71">
        <v>8</v>
      </c>
      <c r="JW35" s="71">
        <v>7</v>
      </c>
      <c r="JX35" s="71">
        <v>2</v>
      </c>
      <c r="JY35" s="71">
        <v>2</v>
      </c>
      <c r="JZ35" s="71">
        <v>5</v>
      </c>
      <c r="KA35" s="72">
        <v>24</v>
      </c>
      <c r="KB35" s="73">
        <v>29</v>
      </c>
      <c r="KC35" s="70">
        <v>66</v>
      </c>
      <c r="KD35" s="71">
        <v>90</v>
      </c>
      <c r="KE35" s="72">
        <v>156</v>
      </c>
      <c r="KF35" s="244"/>
      <c r="KG35" s="71">
        <v>185</v>
      </c>
      <c r="KH35" s="71">
        <v>152</v>
      </c>
      <c r="KI35" s="71">
        <v>117</v>
      </c>
      <c r="KJ35" s="71">
        <v>108</v>
      </c>
      <c r="KK35" s="71">
        <v>66</v>
      </c>
      <c r="KL35" s="72">
        <v>628</v>
      </c>
      <c r="KM35" s="73">
        <v>784</v>
      </c>
    </row>
    <row r="36" spans="2:299" ht="21" customHeight="1" x14ac:dyDescent="0.2">
      <c r="B36" s="126" t="s">
        <v>33</v>
      </c>
      <c r="C36" s="315">
        <v>29</v>
      </c>
      <c r="D36" s="82">
        <v>20</v>
      </c>
      <c r="E36" s="83">
        <v>49</v>
      </c>
      <c r="F36" s="241"/>
      <c r="G36" s="82">
        <v>59</v>
      </c>
      <c r="H36" s="82">
        <v>42</v>
      </c>
      <c r="I36" s="82">
        <v>35</v>
      </c>
      <c r="J36" s="82">
        <v>30</v>
      </c>
      <c r="K36" s="82">
        <v>14</v>
      </c>
      <c r="L36" s="84">
        <v>180</v>
      </c>
      <c r="M36" s="85">
        <v>229</v>
      </c>
      <c r="N36" s="70">
        <v>1</v>
      </c>
      <c r="O36" s="71">
        <v>1</v>
      </c>
      <c r="P36" s="72">
        <v>2</v>
      </c>
      <c r="Q36" s="244"/>
      <c r="R36" s="71">
        <v>1</v>
      </c>
      <c r="S36" s="71">
        <v>2</v>
      </c>
      <c r="T36" s="71">
        <v>3</v>
      </c>
      <c r="U36" s="71">
        <v>3</v>
      </c>
      <c r="V36" s="71">
        <v>0</v>
      </c>
      <c r="W36" s="72">
        <v>9</v>
      </c>
      <c r="X36" s="73">
        <v>11</v>
      </c>
      <c r="Y36" s="70">
        <v>3</v>
      </c>
      <c r="Z36" s="71">
        <v>5</v>
      </c>
      <c r="AA36" s="72">
        <v>8</v>
      </c>
      <c r="AB36" s="244"/>
      <c r="AC36" s="71">
        <v>9</v>
      </c>
      <c r="AD36" s="71">
        <v>8</v>
      </c>
      <c r="AE36" s="71">
        <v>5</v>
      </c>
      <c r="AF36" s="71">
        <v>8</v>
      </c>
      <c r="AG36" s="71">
        <v>5</v>
      </c>
      <c r="AH36" s="72">
        <v>35</v>
      </c>
      <c r="AI36" s="73">
        <v>43</v>
      </c>
      <c r="AJ36" s="70">
        <v>5</v>
      </c>
      <c r="AK36" s="71">
        <v>3</v>
      </c>
      <c r="AL36" s="72">
        <v>8</v>
      </c>
      <c r="AM36" s="244"/>
      <c r="AN36" s="71">
        <v>13</v>
      </c>
      <c r="AO36" s="71">
        <v>5</v>
      </c>
      <c r="AP36" s="71">
        <v>9</v>
      </c>
      <c r="AQ36" s="71">
        <v>5</v>
      </c>
      <c r="AR36" s="71">
        <v>4</v>
      </c>
      <c r="AS36" s="72">
        <v>36</v>
      </c>
      <c r="AT36" s="73">
        <v>44</v>
      </c>
      <c r="AU36" s="70">
        <v>8</v>
      </c>
      <c r="AV36" s="71">
        <v>5</v>
      </c>
      <c r="AW36" s="72">
        <v>13</v>
      </c>
      <c r="AX36" s="244"/>
      <c r="AY36" s="71">
        <v>13</v>
      </c>
      <c r="AZ36" s="71">
        <v>14</v>
      </c>
      <c r="BA36" s="71">
        <v>3</v>
      </c>
      <c r="BB36" s="71">
        <v>4</v>
      </c>
      <c r="BC36" s="71">
        <v>1</v>
      </c>
      <c r="BD36" s="72">
        <v>35</v>
      </c>
      <c r="BE36" s="73">
        <v>48</v>
      </c>
      <c r="BF36" s="70">
        <v>3</v>
      </c>
      <c r="BG36" s="71">
        <v>4</v>
      </c>
      <c r="BH36" s="72">
        <v>7</v>
      </c>
      <c r="BI36" s="244"/>
      <c r="BJ36" s="71">
        <v>12</v>
      </c>
      <c r="BK36" s="71">
        <v>6</v>
      </c>
      <c r="BL36" s="71">
        <v>11</v>
      </c>
      <c r="BM36" s="71">
        <v>8</v>
      </c>
      <c r="BN36" s="71">
        <v>3</v>
      </c>
      <c r="BO36" s="72">
        <v>40</v>
      </c>
      <c r="BP36" s="73">
        <v>47</v>
      </c>
      <c r="BQ36" s="70">
        <v>9</v>
      </c>
      <c r="BR36" s="71">
        <v>2</v>
      </c>
      <c r="BS36" s="72">
        <v>11</v>
      </c>
      <c r="BT36" s="244"/>
      <c r="BU36" s="71">
        <v>11</v>
      </c>
      <c r="BV36" s="71">
        <v>7</v>
      </c>
      <c r="BW36" s="71">
        <v>4</v>
      </c>
      <c r="BX36" s="71">
        <v>2</v>
      </c>
      <c r="BY36" s="71">
        <v>1</v>
      </c>
      <c r="BZ36" s="72">
        <v>25</v>
      </c>
      <c r="CA36" s="73">
        <v>36</v>
      </c>
      <c r="CB36" s="70">
        <v>1</v>
      </c>
      <c r="CC36" s="71">
        <v>0</v>
      </c>
      <c r="CD36" s="72">
        <v>1</v>
      </c>
      <c r="CE36" s="244"/>
      <c r="CF36" s="71">
        <v>2</v>
      </c>
      <c r="CG36" s="71">
        <v>1</v>
      </c>
      <c r="CH36" s="71">
        <v>0</v>
      </c>
      <c r="CI36" s="71">
        <v>1</v>
      </c>
      <c r="CJ36" s="71">
        <v>1</v>
      </c>
      <c r="CK36" s="72">
        <v>5</v>
      </c>
      <c r="CL36" s="73">
        <v>6</v>
      </c>
      <c r="CM36" s="70">
        <v>30</v>
      </c>
      <c r="CN36" s="71">
        <v>20</v>
      </c>
      <c r="CO36" s="72">
        <v>50</v>
      </c>
      <c r="CP36" s="244"/>
      <c r="CQ36" s="71">
        <v>61</v>
      </c>
      <c r="CR36" s="71">
        <v>43</v>
      </c>
      <c r="CS36" s="71">
        <v>35</v>
      </c>
      <c r="CT36" s="71">
        <v>31</v>
      </c>
      <c r="CU36" s="71">
        <v>15</v>
      </c>
      <c r="CV36" s="72">
        <v>185</v>
      </c>
      <c r="CW36" s="73">
        <v>235</v>
      </c>
      <c r="CX36" s="123">
        <v>50</v>
      </c>
      <c r="CY36" s="82">
        <v>76</v>
      </c>
      <c r="CZ36" s="83">
        <v>126</v>
      </c>
      <c r="DA36" s="241"/>
      <c r="DB36" s="82">
        <v>113</v>
      </c>
      <c r="DC36" s="82">
        <v>85</v>
      </c>
      <c r="DD36" s="82">
        <v>74</v>
      </c>
      <c r="DE36" s="82">
        <v>69</v>
      </c>
      <c r="DF36" s="82">
        <v>56</v>
      </c>
      <c r="DG36" s="84">
        <v>397</v>
      </c>
      <c r="DH36" s="85">
        <v>523</v>
      </c>
      <c r="DI36" s="70">
        <v>1</v>
      </c>
      <c r="DJ36" s="71">
        <v>2</v>
      </c>
      <c r="DK36" s="72">
        <v>3</v>
      </c>
      <c r="DL36" s="244"/>
      <c r="DM36" s="71">
        <v>2</v>
      </c>
      <c r="DN36" s="71">
        <v>1</v>
      </c>
      <c r="DO36" s="71">
        <v>1</v>
      </c>
      <c r="DP36" s="71">
        <v>3</v>
      </c>
      <c r="DQ36" s="71">
        <v>3</v>
      </c>
      <c r="DR36" s="72">
        <v>10</v>
      </c>
      <c r="DS36" s="73">
        <v>13</v>
      </c>
      <c r="DT36" s="70">
        <v>4</v>
      </c>
      <c r="DU36" s="71">
        <v>10</v>
      </c>
      <c r="DV36" s="72">
        <v>14</v>
      </c>
      <c r="DW36" s="244"/>
      <c r="DX36" s="71">
        <v>3</v>
      </c>
      <c r="DY36" s="71">
        <v>5</v>
      </c>
      <c r="DZ36" s="71">
        <v>5</v>
      </c>
      <c r="EA36" s="71">
        <v>1</v>
      </c>
      <c r="EB36" s="71">
        <v>2</v>
      </c>
      <c r="EC36" s="72">
        <v>16</v>
      </c>
      <c r="ED36" s="73">
        <v>30</v>
      </c>
      <c r="EE36" s="70">
        <v>2</v>
      </c>
      <c r="EF36" s="71">
        <v>8</v>
      </c>
      <c r="EG36" s="72">
        <v>10</v>
      </c>
      <c r="EH36" s="244"/>
      <c r="EI36" s="71">
        <v>16</v>
      </c>
      <c r="EJ36" s="71">
        <v>11</v>
      </c>
      <c r="EK36" s="71">
        <v>11</v>
      </c>
      <c r="EL36" s="71">
        <v>8</v>
      </c>
      <c r="EM36" s="71">
        <v>6</v>
      </c>
      <c r="EN36" s="72">
        <v>52</v>
      </c>
      <c r="EO36" s="73">
        <v>62</v>
      </c>
      <c r="EP36" s="70">
        <v>8</v>
      </c>
      <c r="EQ36" s="71">
        <v>14</v>
      </c>
      <c r="ER36" s="72">
        <v>22</v>
      </c>
      <c r="ES36" s="244"/>
      <c r="ET36" s="71">
        <v>28</v>
      </c>
      <c r="EU36" s="71">
        <v>18</v>
      </c>
      <c r="EV36" s="71">
        <v>9</v>
      </c>
      <c r="EW36" s="71">
        <v>16</v>
      </c>
      <c r="EX36" s="71">
        <v>9</v>
      </c>
      <c r="EY36" s="72">
        <v>80</v>
      </c>
      <c r="EZ36" s="73">
        <v>102</v>
      </c>
      <c r="FA36" s="70">
        <v>24</v>
      </c>
      <c r="FB36" s="71">
        <v>24</v>
      </c>
      <c r="FC36" s="72">
        <v>48</v>
      </c>
      <c r="FD36" s="244"/>
      <c r="FE36" s="71">
        <v>33</v>
      </c>
      <c r="FF36" s="71">
        <v>18</v>
      </c>
      <c r="FG36" s="71">
        <v>17</v>
      </c>
      <c r="FH36" s="71">
        <v>12</v>
      </c>
      <c r="FI36" s="71">
        <v>15</v>
      </c>
      <c r="FJ36" s="72">
        <v>95</v>
      </c>
      <c r="FK36" s="73">
        <v>143</v>
      </c>
      <c r="FL36" s="70">
        <v>11</v>
      </c>
      <c r="FM36" s="71">
        <v>18</v>
      </c>
      <c r="FN36" s="72">
        <v>29</v>
      </c>
      <c r="FO36" s="244"/>
      <c r="FP36" s="71">
        <v>31</v>
      </c>
      <c r="FQ36" s="71">
        <v>32</v>
      </c>
      <c r="FR36" s="71">
        <v>31</v>
      </c>
      <c r="FS36" s="71">
        <v>29</v>
      </c>
      <c r="FT36" s="71">
        <v>21</v>
      </c>
      <c r="FU36" s="72">
        <v>144</v>
      </c>
      <c r="FV36" s="73">
        <v>173</v>
      </c>
      <c r="FW36" s="70">
        <v>0</v>
      </c>
      <c r="FX36" s="71">
        <v>0</v>
      </c>
      <c r="FY36" s="72">
        <v>0</v>
      </c>
      <c r="FZ36" s="244"/>
      <c r="GA36" s="71">
        <v>1</v>
      </c>
      <c r="GB36" s="71">
        <v>0</v>
      </c>
      <c r="GC36" s="71">
        <v>0</v>
      </c>
      <c r="GD36" s="71">
        <v>1</v>
      </c>
      <c r="GE36" s="71">
        <v>1</v>
      </c>
      <c r="GF36" s="72">
        <v>3</v>
      </c>
      <c r="GG36" s="73">
        <v>3</v>
      </c>
      <c r="GH36" s="70">
        <v>50</v>
      </c>
      <c r="GI36" s="71">
        <v>76</v>
      </c>
      <c r="GJ36" s="72">
        <v>126</v>
      </c>
      <c r="GK36" s="244"/>
      <c r="GL36" s="71">
        <v>114</v>
      </c>
      <c r="GM36" s="71">
        <v>85</v>
      </c>
      <c r="GN36" s="71">
        <v>74</v>
      </c>
      <c r="GO36" s="71">
        <v>70</v>
      </c>
      <c r="GP36" s="71">
        <v>57</v>
      </c>
      <c r="GQ36" s="72">
        <v>400</v>
      </c>
      <c r="GR36" s="73">
        <v>526</v>
      </c>
      <c r="GS36" s="123">
        <v>79</v>
      </c>
      <c r="GT36" s="82">
        <v>96</v>
      </c>
      <c r="GU36" s="83">
        <v>175</v>
      </c>
      <c r="GV36" s="241"/>
      <c r="GW36" s="82">
        <v>172</v>
      </c>
      <c r="GX36" s="82">
        <v>127</v>
      </c>
      <c r="GY36" s="82">
        <v>109</v>
      </c>
      <c r="GZ36" s="82">
        <v>99</v>
      </c>
      <c r="HA36" s="82">
        <v>70</v>
      </c>
      <c r="HB36" s="84">
        <v>577</v>
      </c>
      <c r="HC36" s="85">
        <v>752</v>
      </c>
      <c r="HD36" s="70">
        <v>2</v>
      </c>
      <c r="HE36" s="71">
        <v>3</v>
      </c>
      <c r="HF36" s="72">
        <v>5</v>
      </c>
      <c r="HG36" s="244"/>
      <c r="HH36" s="71">
        <v>3</v>
      </c>
      <c r="HI36" s="71">
        <v>3</v>
      </c>
      <c r="HJ36" s="71">
        <v>4</v>
      </c>
      <c r="HK36" s="71">
        <v>6</v>
      </c>
      <c r="HL36" s="71">
        <v>3</v>
      </c>
      <c r="HM36" s="72">
        <v>19</v>
      </c>
      <c r="HN36" s="73">
        <v>24</v>
      </c>
      <c r="HO36" s="70">
        <v>7</v>
      </c>
      <c r="HP36" s="71">
        <v>15</v>
      </c>
      <c r="HQ36" s="72">
        <v>22</v>
      </c>
      <c r="HR36" s="244"/>
      <c r="HS36" s="71">
        <v>12</v>
      </c>
      <c r="HT36" s="71">
        <v>13</v>
      </c>
      <c r="HU36" s="71">
        <v>10</v>
      </c>
      <c r="HV36" s="71">
        <v>9</v>
      </c>
      <c r="HW36" s="71">
        <v>7</v>
      </c>
      <c r="HX36" s="72">
        <v>51</v>
      </c>
      <c r="HY36" s="73">
        <v>73</v>
      </c>
      <c r="HZ36" s="70">
        <v>7</v>
      </c>
      <c r="IA36" s="71">
        <v>11</v>
      </c>
      <c r="IB36" s="72">
        <v>18</v>
      </c>
      <c r="IC36" s="244"/>
      <c r="ID36" s="71">
        <v>29</v>
      </c>
      <c r="IE36" s="71">
        <v>16</v>
      </c>
      <c r="IF36" s="71">
        <v>20</v>
      </c>
      <c r="IG36" s="71">
        <v>13</v>
      </c>
      <c r="IH36" s="71">
        <v>10</v>
      </c>
      <c r="II36" s="72">
        <v>88</v>
      </c>
      <c r="IJ36" s="73">
        <v>106</v>
      </c>
      <c r="IK36" s="70">
        <v>16</v>
      </c>
      <c r="IL36" s="71">
        <v>19</v>
      </c>
      <c r="IM36" s="72">
        <v>35</v>
      </c>
      <c r="IN36" s="244"/>
      <c r="IO36" s="71">
        <v>41</v>
      </c>
      <c r="IP36" s="71">
        <v>32</v>
      </c>
      <c r="IQ36" s="71">
        <v>12</v>
      </c>
      <c r="IR36" s="71">
        <v>20</v>
      </c>
      <c r="IS36" s="71">
        <v>10</v>
      </c>
      <c r="IT36" s="72">
        <v>115</v>
      </c>
      <c r="IU36" s="73">
        <v>150</v>
      </c>
      <c r="IV36" s="70">
        <v>27</v>
      </c>
      <c r="IW36" s="71">
        <v>28</v>
      </c>
      <c r="IX36" s="72">
        <v>55</v>
      </c>
      <c r="IY36" s="244"/>
      <c r="IZ36" s="71">
        <v>45</v>
      </c>
      <c r="JA36" s="71">
        <v>24</v>
      </c>
      <c r="JB36" s="71">
        <v>28</v>
      </c>
      <c r="JC36" s="71">
        <v>20</v>
      </c>
      <c r="JD36" s="71">
        <v>18</v>
      </c>
      <c r="JE36" s="72">
        <v>135</v>
      </c>
      <c r="JF36" s="73">
        <v>190</v>
      </c>
      <c r="JG36" s="70">
        <v>20</v>
      </c>
      <c r="JH36" s="71">
        <v>20</v>
      </c>
      <c r="JI36" s="72">
        <v>40</v>
      </c>
      <c r="JJ36" s="244"/>
      <c r="JK36" s="71">
        <v>42</v>
      </c>
      <c r="JL36" s="71">
        <v>39</v>
      </c>
      <c r="JM36" s="71">
        <v>35</v>
      </c>
      <c r="JN36" s="71">
        <v>31</v>
      </c>
      <c r="JO36" s="71">
        <v>22</v>
      </c>
      <c r="JP36" s="72">
        <v>169</v>
      </c>
      <c r="JQ36" s="73">
        <v>209</v>
      </c>
      <c r="JR36" s="70">
        <v>1</v>
      </c>
      <c r="JS36" s="71">
        <v>0</v>
      </c>
      <c r="JT36" s="72">
        <v>1</v>
      </c>
      <c r="JU36" s="244"/>
      <c r="JV36" s="71">
        <v>3</v>
      </c>
      <c r="JW36" s="71">
        <v>1</v>
      </c>
      <c r="JX36" s="71">
        <v>0</v>
      </c>
      <c r="JY36" s="71">
        <v>2</v>
      </c>
      <c r="JZ36" s="71">
        <v>2</v>
      </c>
      <c r="KA36" s="72">
        <v>8</v>
      </c>
      <c r="KB36" s="73">
        <v>9</v>
      </c>
      <c r="KC36" s="70">
        <v>80</v>
      </c>
      <c r="KD36" s="71">
        <v>96</v>
      </c>
      <c r="KE36" s="72">
        <v>176</v>
      </c>
      <c r="KF36" s="244"/>
      <c r="KG36" s="71">
        <v>175</v>
      </c>
      <c r="KH36" s="71">
        <v>128</v>
      </c>
      <c r="KI36" s="71">
        <v>109</v>
      </c>
      <c r="KJ36" s="71">
        <v>101</v>
      </c>
      <c r="KK36" s="71">
        <v>72</v>
      </c>
      <c r="KL36" s="72">
        <v>585</v>
      </c>
      <c r="KM36" s="73">
        <v>761</v>
      </c>
    </row>
    <row r="37" spans="2:299" ht="21" customHeight="1" x14ac:dyDescent="0.2">
      <c r="B37" s="126" t="s">
        <v>34</v>
      </c>
      <c r="C37" s="315">
        <v>17</v>
      </c>
      <c r="D37" s="82">
        <v>21</v>
      </c>
      <c r="E37" s="83">
        <v>38</v>
      </c>
      <c r="F37" s="241"/>
      <c r="G37" s="82">
        <v>38</v>
      </c>
      <c r="H37" s="82">
        <v>35</v>
      </c>
      <c r="I37" s="82">
        <v>13</v>
      </c>
      <c r="J37" s="82">
        <v>28</v>
      </c>
      <c r="K37" s="82">
        <v>12</v>
      </c>
      <c r="L37" s="84">
        <v>126</v>
      </c>
      <c r="M37" s="85">
        <v>164</v>
      </c>
      <c r="N37" s="70">
        <v>0</v>
      </c>
      <c r="O37" s="71">
        <v>4</v>
      </c>
      <c r="P37" s="72">
        <v>4</v>
      </c>
      <c r="Q37" s="244"/>
      <c r="R37" s="71">
        <v>1</v>
      </c>
      <c r="S37" s="71">
        <v>2</v>
      </c>
      <c r="T37" s="71">
        <v>1</v>
      </c>
      <c r="U37" s="71">
        <v>3</v>
      </c>
      <c r="V37" s="71">
        <v>0</v>
      </c>
      <c r="W37" s="72">
        <v>7</v>
      </c>
      <c r="X37" s="73">
        <v>11</v>
      </c>
      <c r="Y37" s="70">
        <v>1</v>
      </c>
      <c r="Z37" s="71">
        <v>2</v>
      </c>
      <c r="AA37" s="72">
        <v>3</v>
      </c>
      <c r="AB37" s="244"/>
      <c r="AC37" s="71">
        <v>2</v>
      </c>
      <c r="AD37" s="71">
        <v>3</v>
      </c>
      <c r="AE37" s="71">
        <v>1</v>
      </c>
      <c r="AF37" s="71">
        <v>0</v>
      </c>
      <c r="AG37" s="71">
        <v>1</v>
      </c>
      <c r="AH37" s="72">
        <v>7</v>
      </c>
      <c r="AI37" s="73">
        <v>10</v>
      </c>
      <c r="AJ37" s="70">
        <v>1</v>
      </c>
      <c r="AK37" s="71">
        <v>4</v>
      </c>
      <c r="AL37" s="72">
        <v>5</v>
      </c>
      <c r="AM37" s="244"/>
      <c r="AN37" s="71">
        <v>5</v>
      </c>
      <c r="AO37" s="71">
        <v>6</v>
      </c>
      <c r="AP37" s="71">
        <v>1</v>
      </c>
      <c r="AQ37" s="71">
        <v>9</v>
      </c>
      <c r="AR37" s="71">
        <v>2</v>
      </c>
      <c r="AS37" s="72">
        <v>23</v>
      </c>
      <c r="AT37" s="73">
        <v>28</v>
      </c>
      <c r="AU37" s="70">
        <v>8</v>
      </c>
      <c r="AV37" s="71">
        <v>3</v>
      </c>
      <c r="AW37" s="72">
        <v>11</v>
      </c>
      <c r="AX37" s="244"/>
      <c r="AY37" s="71">
        <v>13</v>
      </c>
      <c r="AZ37" s="71">
        <v>10</v>
      </c>
      <c r="BA37" s="71">
        <v>1</v>
      </c>
      <c r="BB37" s="71">
        <v>5</v>
      </c>
      <c r="BC37" s="71">
        <v>2</v>
      </c>
      <c r="BD37" s="72">
        <v>31</v>
      </c>
      <c r="BE37" s="73">
        <v>42</v>
      </c>
      <c r="BF37" s="70">
        <v>6</v>
      </c>
      <c r="BG37" s="71">
        <v>6</v>
      </c>
      <c r="BH37" s="72">
        <v>12</v>
      </c>
      <c r="BI37" s="244"/>
      <c r="BJ37" s="71">
        <v>12</v>
      </c>
      <c r="BK37" s="71">
        <v>5</v>
      </c>
      <c r="BL37" s="71">
        <v>6</v>
      </c>
      <c r="BM37" s="71">
        <v>8</v>
      </c>
      <c r="BN37" s="71">
        <v>4</v>
      </c>
      <c r="BO37" s="72">
        <v>35</v>
      </c>
      <c r="BP37" s="73">
        <v>47</v>
      </c>
      <c r="BQ37" s="70">
        <v>1</v>
      </c>
      <c r="BR37" s="71">
        <v>2</v>
      </c>
      <c r="BS37" s="72">
        <v>3</v>
      </c>
      <c r="BT37" s="244"/>
      <c r="BU37" s="71">
        <v>5</v>
      </c>
      <c r="BV37" s="71">
        <v>9</v>
      </c>
      <c r="BW37" s="71">
        <v>3</v>
      </c>
      <c r="BX37" s="71">
        <v>3</v>
      </c>
      <c r="BY37" s="71">
        <v>3</v>
      </c>
      <c r="BZ37" s="72">
        <v>23</v>
      </c>
      <c r="CA37" s="73">
        <v>26</v>
      </c>
      <c r="CB37" s="70">
        <v>0</v>
      </c>
      <c r="CC37" s="71">
        <v>0</v>
      </c>
      <c r="CD37" s="72">
        <v>0</v>
      </c>
      <c r="CE37" s="244"/>
      <c r="CF37" s="71">
        <v>3</v>
      </c>
      <c r="CG37" s="71">
        <v>2</v>
      </c>
      <c r="CH37" s="71">
        <v>0</v>
      </c>
      <c r="CI37" s="71">
        <v>1</v>
      </c>
      <c r="CJ37" s="71">
        <v>2</v>
      </c>
      <c r="CK37" s="72">
        <v>8</v>
      </c>
      <c r="CL37" s="73">
        <v>8</v>
      </c>
      <c r="CM37" s="70">
        <v>17</v>
      </c>
      <c r="CN37" s="71">
        <v>21</v>
      </c>
      <c r="CO37" s="72">
        <v>38</v>
      </c>
      <c r="CP37" s="244"/>
      <c r="CQ37" s="71">
        <v>41</v>
      </c>
      <c r="CR37" s="71">
        <v>37</v>
      </c>
      <c r="CS37" s="71">
        <v>13</v>
      </c>
      <c r="CT37" s="71">
        <v>29</v>
      </c>
      <c r="CU37" s="71">
        <v>14</v>
      </c>
      <c r="CV37" s="72">
        <v>134</v>
      </c>
      <c r="CW37" s="73">
        <v>172</v>
      </c>
      <c r="CX37" s="123">
        <v>47</v>
      </c>
      <c r="CY37" s="82">
        <v>39</v>
      </c>
      <c r="CZ37" s="83">
        <v>86</v>
      </c>
      <c r="DA37" s="241"/>
      <c r="DB37" s="82">
        <v>91</v>
      </c>
      <c r="DC37" s="82">
        <v>55</v>
      </c>
      <c r="DD37" s="82">
        <v>42</v>
      </c>
      <c r="DE37" s="82">
        <v>51</v>
      </c>
      <c r="DF37" s="82">
        <v>25</v>
      </c>
      <c r="DG37" s="84">
        <v>264</v>
      </c>
      <c r="DH37" s="85">
        <v>350</v>
      </c>
      <c r="DI37" s="70">
        <v>1</v>
      </c>
      <c r="DJ37" s="71">
        <v>0</v>
      </c>
      <c r="DK37" s="72">
        <v>1</v>
      </c>
      <c r="DL37" s="244"/>
      <c r="DM37" s="71">
        <v>1</v>
      </c>
      <c r="DN37" s="71">
        <v>0</v>
      </c>
      <c r="DO37" s="71">
        <v>2</v>
      </c>
      <c r="DP37" s="71">
        <v>0</v>
      </c>
      <c r="DQ37" s="71">
        <v>1</v>
      </c>
      <c r="DR37" s="72">
        <v>4</v>
      </c>
      <c r="DS37" s="73">
        <v>5</v>
      </c>
      <c r="DT37" s="70">
        <v>2</v>
      </c>
      <c r="DU37" s="71">
        <v>0</v>
      </c>
      <c r="DV37" s="72">
        <v>2</v>
      </c>
      <c r="DW37" s="244"/>
      <c r="DX37" s="71">
        <v>8</v>
      </c>
      <c r="DY37" s="71">
        <v>2</v>
      </c>
      <c r="DZ37" s="71">
        <v>1</v>
      </c>
      <c r="EA37" s="71">
        <v>0</v>
      </c>
      <c r="EB37" s="71">
        <v>3</v>
      </c>
      <c r="EC37" s="72">
        <v>14</v>
      </c>
      <c r="ED37" s="73">
        <v>16</v>
      </c>
      <c r="EE37" s="70">
        <v>5</v>
      </c>
      <c r="EF37" s="71">
        <v>2</v>
      </c>
      <c r="EG37" s="72">
        <v>7</v>
      </c>
      <c r="EH37" s="244"/>
      <c r="EI37" s="71">
        <v>9</v>
      </c>
      <c r="EJ37" s="71">
        <v>4</v>
      </c>
      <c r="EK37" s="71">
        <v>5</v>
      </c>
      <c r="EL37" s="71">
        <v>6</v>
      </c>
      <c r="EM37" s="71">
        <v>0</v>
      </c>
      <c r="EN37" s="72">
        <v>24</v>
      </c>
      <c r="EO37" s="73">
        <v>31</v>
      </c>
      <c r="EP37" s="70">
        <v>11</v>
      </c>
      <c r="EQ37" s="71">
        <v>12</v>
      </c>
      <c r="ER37" s="72">
        <v>23</v>
      </c>
      <c r="ES37" s="244"/>
      <c r="ET37" s="71">
        <v>16</v>
      </c>
      <c r="EU37" s="71">
        <v>13</v>
      </c>
      <c r="EV37" s="71">
        <v>5</v>
      </c>
      <c r="EW37" s="71">
        <v>8</v>
      </c>
      <c r="EX37" s="71">
        <v>3</v>
      </c>
      <c r="EY37" s="72">
        <v>45</v>
      </c>
      <c r="EZ37" s="73">
        <v>68</v>
      </c>
      <c r="FA37" s="70">
        <v>18</v>
      </c>
      <c r="FB37" s="71">
        <v>15</v>
      </c>
      <c r="FC37" s="72">
        <v>33</v>
      </c>
      <c r="FD37" s="244"/>
      <c r="FE37" s="71">
        <v>31</v>
      </c>
      <c r="FF37" s="71">
        <v>12</v>
      </c>
      <c r="FG37" s="71">
        <v>10</v>
      </c>
      <c r="FH37" s="71">
        <v>18</v>
      </c>
      <c r="FI37" s="71">
        <v>4</v>
      </c>
      <c r="FJ37" s="72">
        <v>75</v>
      </c>
      <c r="FK37" s="73">
        <v>108</v>
      </c>
      <c r="FL37" s="70">
        <v>10</v>
      </c>
      <c r="FM37" s="71">
        <v>10</v>
      </c>
      <c r="FN37" s="72">
        <v>20</v>
      </c>
      <c r="FO37" s="244"/>
      <c r="FP37" s="71">
        <v>26</v>
      </c>
      <c r="FQ37" s="71">
        <v>24</v>
      </c>
      <c r="FR37" s="71">
        <v>19</v>
      </c>
      <c r="FS37" s="71">
        <v>19</v>
      </c>
      <c r="FT37" s="71">
        <v>14</v>
      </c>
      <c r="FU37" s="72">
        <v>102</v>
      </c>
      <c r="FV37" s="73">
        <v>122</v>
      </c>
      <c r="FW37" s="70">
        <v>0</v>
      </c>
      <c r="FX37" s="71">
        <v>0</v>
      </c>
      <c r="FY37" s="72">
        <v>0</v>
      </c>
      <c r="FZ37" s="244"/>
      <c r="GA37" s="71">
        <v>1</v>
      </c>
      <c r="GB37" s="71">
        <v>1</v>
      </c>
      <c r="GC37" s="71">
        <v>1</v>
      </c>
      <c r="GD37" s="71">
        <v>0</v>
      </c>
      <c r="GE37" s="71">
        <v>2</v>
      </c>
      <c r="GF37" s="72">
        <v>5</v>
      </c>
      <c r="GG37" s="73">
        <v>5</v>
      </c>
      <c r="GH37" s="70">
        <v>47</v>
      </c>
      <c r="GI37" s="71">
        <v>39</v>
      </c>
      <c r="GJ37" s="72">
        <v>86</v>
      </c>
      <c r="GK37" s="244"/>
      <c r="GL37" s="71">
        <v>92</v>
      </c>
      <c r="GM37" s="71">
        <v>56</v>
      </c>
      <c r="GN37" s="71">
        <v>43</v>
      </c>
      <c r="GO37" s="71">
        <v>51</v>
      </c>
      <c r="GP37" s="71">
        <v>27</v>
      </c>
      <c r="GQ37" s="72">
        <v>269</v>
      </c>
      <c r="GR37" s="73">
        <v>355</v>
      </c>
      <c r="GS37" s="123">
        <v>64</v>
      </c>
      <c r="GT37" s="82">
        <v>60</v>
      </c>
      <c r="GU37" s="83">
        <v>124</v>
      </c>
      <c r="GV37" s="241"/>
      <c r="GW37" s="82">
        <v>129</v>
      </c>
      <c r="GX37" s="82">
        <v>90</v>
      </c>
      <c r="GY37" s="82">
        <v>55</v>
      </c>
      <c r="GZ37" s="82">
        <v>79</v>
      </c>
      <c r="HA37" s="82">
        <v>37</v>
      </c>
      <c r="HB37" s="84">
        <v>390</v>
      </c>
      <c r="HC37" s="85">
        <v>514</v>
      </c>
      <c r="HD37" s="70">
        <v>1</v>
      </c>
      <c r="HE37" s="71">
        <v>4</v>
      </c>
      <c r="HF37" s="72">
        <v>5</v>
      </c>
      <c r="HG37" s="244"/>
      <c r="HH37" s="71">
        <v>2</v>
      </c>
      <c r="HI37" s="71">
        <v>2</v>
      </c>
      <c r="HJ37" s="71">
        <v>3</v>
      </c>
      <c r="HK37" s="71">
        <v>3</v>
      </c>
      <c r="HL37" s="71">
        <v>1</v>
      </c>
      <c r="HM37" s="72">
        <v>11</v>
      </c>
      <c r="HN37" s="73">
        <v>16</v>
      </c>
      <c r="HO37" s="70">
        <v>3</v>
      </c>
      <c r="HP37" s="71">
        <v>2</v>
      </c>
      <c r="HQ37" s="72">
        <v>5</v>
      </c>
      <c r="HR37" s="244"/>
      <c r="HS37" s="71">
        <v>10</v>
      </c>
      <c r="HT37" s="71">
        <v>5</v>
      </c>
      <c r="HU37" s="71">
        <v>2</v>
      </c>
      <c r="HV37" s="71">
        <v>0</v>
      </c>
      <c r="HW37" s="71">
        <v>4</v>
      </c>
      <c r="HX37" s="72">
        <v>21</v>
      </c>
      <c r="HY37" s="73">
        <v>26</v>
      </c>
      <c r="HZ37" s="70">
        <v>6</v>
      </c>
      <c r="IA37" s="71">
        <v>6</v>
      </c>
      <c r="IB37" s="72">
        <v>12</v>
      </c>
      <c r="IC37" s="244"/>
      <c r="ID37" s="71">
        <v>14</v>
      </c>
      <c r="IE37" s="71">
        <v>10</v>
      </c>
      <c r="IF37" s="71">
        <v>6</v>
      </c>
      <c r="IG37" s="71">
        <v>15</v>
      </c>
      <c r="IH37" s="71">
        <v>2</v>
      </c>
      <c r="II37" s="72">
        <v>47</v>
      </c>
      <c r="IJ37" s="73">
        <v>59</v>
      </c>
      <c r="IK37" s="70">
        <v>19</v>
      </c>
      <c r="IL37" s="71">
        <v>15</v>
      </c>
      <c r="IM37" s="72">
        <v>34</v>
      </c>
      <c r="IN37" s="244"/>
      <c r="IO37" s="71">
        <v>29</v>
      </c>
      <c r="IP37" s="71">
        <v>23</v>
      </c>
      <c r="IQ37" s="71">
        <v>6</v>
      </c>
      <c r="IR37" s="71">
        <v>13</v>
      </c>
      <c r="IS37" s="71">
        <v>5</v>
      </c>
      <c r="IT37" s="72">
        <v>76</v>
      </c>
      <c r="IU37" s="73">
        <v>110</v>
      </c>
      <c r="IV37" s="70">
        <v>24</v>
      </c>
      <c r="IW37" s="71">
        <v>21</v>
      </c>
      <c r="IX37" s="72">
        <v>45</v>
      </c>
      <c r="IY37" s="244"/>
      <c r="IZ37" s="71">
        <v>43</v>
      </c>
      <c r="JA37" s="71">
        <v>17</v>
      </c>
      <c r="JB37" s="71">
        <v>16</v>
      </c>
      <c r="JC37" s="71">
        <v>26</v>
      </c>
      <c r="JD37" s="71">
        <v>8</v>
      </c>
      <c r="JE37" s="72">
        <v>110</v>
      </c>
      <c r="JF37" s="73">
        <v>155</v>
      </c>
      <c r="JG37" s="70">
        <v>11</v>
      </c>
      <c r="JH37" s="71">
        <v>12</v>
      </c>
      <c r="JI37" s="72">
        <v>23</v>
      </c>
      <c r="JJ37" s="244"/>
      <c r="JK37" s="71">
        <v>31</v>
      </c>
      <c r="JL37" s="71">
        <v>33</v>
      </c>
      <c r="JM37" s="71">
        <v>22</v>
      </c>
      <c r="JN37" s="71">
        <v>22</v>
      </c>
      <c r="JO37" s="71">
        <v>17</v>
      </c>
      <c r="JP37" s="72">
        <v>125</v>
      </c>
      <c r="JQ37" s="73">
        <v>148</v>
      </c>
      <c r="JR37" s="70">
        <v>0</v>
      </c>
      <c r="JS37" s="71">
        <v>0</v>
      </c>
      <c r="JT37" s="72">
        <v>0</v>
      </c>
      <c r="JU37" s="244"/>
      <c r="JV37" s="71">
        <v>4</v>
      </c>
      <c r="JW37" s="71">
        <v>3</v>
      </c>
      <c r="JX37" s="71">
        <v>1</v>
      </c>
      <c r="JY37" s="71">
        <v>1</v>
      </c>
      <c r="JZ37" s="71">
        <v>4</v>
      </c>
      <c r="KA37" s="72">
        <v>13</v>
      </c>
      <c r="KB37" s="73">
        <v>13</v>
      </c>
      <c r="KC37" s="70">
        <v>64</v>
      </c>
      <c r="KD37" s="71">
        <v>60</v>
      </c>
      <c r="KE37" s="72">
        <v>124</v>
      </c>
      <c r="KF37" s="244"/>
      <c r="KG37" s="71">
        <v>133</v>
      </c>
      <c r="KH37" s="71">
        <v>93</v>
      </c>
      <c r="KI37" s="71">
        <v>56</v>
      </c>
      <c r="KJ37" s="71">
        <v>80</v>
      </c>
      <c r="KK37" s="71">
        <v>41</v>
      </c>
      <c r="KL37" s="72">
        <v>403</v>
      </c>
      <c r="KM37" s="73">
        <v>527</v>
      </c>
    </row>
    <row r="38" spans="2:299" ht="21" customHeight="1" x14ac:dyDescent="0.2">
      <c r="B38" s="126" t="s">
        <v>35</v>
      </c>
      <c r="C38" s="315">
        <v>48</v>
      </c>
      <c r="D38" s="82">
        <v>53</v>
      </c>
      <c r="E38" s="83">
        <v>101</v>
      </c>
      <c r="F38" s="241"/>
      <c r="G38" s="82">
        <v>170</v>
      </c>
      <c r="H38" s="82">
        <v>87</v>
      </c>
      <c r="I38" s="82">
        <v>58</v>
      </c>
      <c r="J38" s="82">
        <v>45</v>
      </c>
      <c r="K38" s="82">
        <v>27</v>
      </c>
      <c r="L38" s="84">
        <v>387</v>
      </c>
      <c r="M38" s="85">
        <v>488</v>
      </c>
      <c r="N38" s="70">
        <v>1</v>
      </c>
      <c r="O38" s="71">
        <v>2</v>
      </c>
      <c r="P38" s="72">
        <v>3</v>
      </c>
      <c r="Q38" s="244"/>
      <c r="R38" s="71">
        <v>10</v>
      </c>
      <c r="S38" s="71">
        <v>3</v>
      </c>
      <c r="T38" s="71">
        <v>9</v>
      </c>
      <c r="U38" s="71">
        <v>3</v>
      </c>
      <c r="V38" s="71">
        <v>2</v>
      </c>
      <c r="W38" s="72">
        <v>27</v>
      </c>
      <c r="X38" s="73">
        <v>30</v>
      </c>
      <c r="Y38" s="70">
        <v>6</v>
      </c>
      <c r="Z38" s="71">
        <v>4</v>
      </c>
      <c r="AA38" s="72">
        <v>10</v>
      </c>
      <c r="AB38" s="244"/>
      <c r="AC38" s="71">
        <v>11</v>
      </c>
      <c r="AD38" s="71">
        <v>9</v>
      </c>
      <c r="AE38" s="71">
        <v>4</v>
      </c>
      <c r="AF38" s="71">
        <v>3</v>
      </c>
      <c r="AG38" s="71">
        <v>3</v>
      </c>
      <c r="AH38" s="72">
        <v>30</v>
      </c>
      <c r="AI38" s="73">
        <v>40</v>
      </c>
      <c r="AJ38" s="70">
        <v>9</v>
      </c>
      <c r="AK38" s="71">
        <v>15</v>
      </c>
      <c r="AL38" s="72">
        <v>24</v>
      </c>
      <c r="AM38" s="244"/>
      <c r="AN38" s="71">
        <v>29</v>
      </c>
      <c r="AO38" s="71">
        <v>16</v>
      </c>
      <c r="AP38" s="71">
        <v>9</v>
      </c>
      <c r="AQ38" s="71">
        <v>10</v>
      </c>
      <c r="AR38" s="71">
        <v>5</v>
      </c>
      <c r="AS38" s="72">
        <v>69</v>
      </c>
      <c r="AT38" s="73">
        <v>93</v>
      </c>
      <c r="AU38" s="70">
        <v>13</v>
      </c>
      <c r="AV38" s="71">
        <v>13</v>
      </c>
      <c r="AW38" s="72">
        <v>26</v>
      </c>
      <c r="AX38" s="244"/>
      <c r="AY38" s="71">
        <v>49</v>
      </c>
      <c r="AZ38" s="71">
        <v>21</v>
      </c>
      <c r="BA38" s="71">
        <v>11</v>
      </c>
      <c r="BB38" s="71">
        <v>7</v>
      </c>
      <c r="BC38" s="71">
        <v>5</v>
      </c>
      <c r="BD38" s="72">
        <v>93</v>
      </c>
      <c r="BE38" s="73">
        <v>119</v>
      </c>
      <c r="BF38" s="70">
        <v>9</v>
      </c>
      <c r="BG38" s="71">
        <v>14</v>
      </c>
      <c r="BH38" s="72">
        <v>23</v>
      </c>
      <c r="BI38" s="244"/>
      <c r="BJ38" s="71">
        <v>46</v>
      </c>
      <c r="BK38" s="71">
        <v>16</v>
      </c>
      <c r="BL38" s="71">
        <v>11</v>
      </c>
      <c r="BM38" s="71">
        <v>12</v>
      </c>
      <c r="BN38" s="71">
        <v>4</v>
      </c>
      <c r="BO38" s="72">
        <v>89</v>
      </c>
      <c r="BP38" s="73">
        <v>112</v>
      </c>
      <c r="BQ38" s="70">
        <v>10</v>
      </c>
      <c r="BR38" s="71">
        <v>5</v>
      </c>
      <c r="BS38" s="72">
        <v>15</v>
      </c>
      <c r="BT38" s="244"/>
      <c r="BU38" s="71">
        <v>25</v>
      </c>
      <c r="BV38" s="71">
        <v>22</v>
      </c>
      <c r="BW38" s="71">
        <v>14</v>
      </c>
      <c r="BX38" s="71">
        <v>10</v>
      </c>
      <c r="BY38" s="71">
        <v>8</v>
      </c>
      <c r="BZ38" s="72">
        <v>79</v>
      </c>
      <c r="CA38" s="73">
        <v>94</v>
      </c>
      <c r="CB38" s="70">
        <v>1</v>
      </c>
      <c r="CC38" s="71">
        <v>2</v>
      </c>
      <c r="CD38" s="72">
        <v>3</v>
      </c>
      <c r="CE38" s="244"/>
      <c r="CF38" s="71">
        <v>3</v>
      </c>
      <c r="CG38" s="71">
        <v>1</v>
      </c>
      <c r="CH38" s="71">
        <v>0</v>
      </c>
      <c r="CI38" s="71">
        <v>3</v>
      </c>
      <c r="CJ38" s="71">
        <v>1</v>
      </c>
      <c r="CK38" s="72">
        <v>8</v>
      </c>
      <c r="CL38" s="73">
        <v>11</v>
      </c>
      <c r="CM38" s="70">
        <v>49</v>
      </c>
      <c r="CN38" s="71">
        <v>55</v>
      </c>
      <c r="CO38" s="72">
        <v>104</v>
      </c>
      <c r="CP38" s="244"/>
      <c r="CQ38" s="71">
        <v>173</v>
      </c>
      <c r="CR38" s="71">
        <v>88</v>
      </c>
      <c r="CS38" s="71">
        <v>58</v>
      </c>
      <c r="CT38" s="71">
        <v>48</v>
      </c>
      <c r="CU38" s="71">
        <v>28</v>
      </c>
      <c r="CV38" s="72">
        <v>395</v>
      </c>
      <c r="CW38" s="73">
        <v>499</v>
      </c>
      <c r="CX38" s="123">
        <v>123</v>
      </c>
      <c r="CY38" s="82">
        <v>151</v>
      </c>
      <c r="CZ38" s="83">
        <v>274</v>
      </c>
      <c r="DA38" s="241"/>
      <c r="DB38" s="82">
        <v>317</v>
      </c>
      <c r="DC38" s="82">
        <v>207</v>
      </c>
      <c r="DD38" s="82">
        <v>145</v>
      </c>
      <c r="DE38" s="82">
        <v>166</v>
      </c>
      <c r="DF38" s="82">
        <v>87</v>
      </c>
      <c r="DG38" s="84">
        <v>922</v>
      </c>
      <c r="DH38" s="85">
        <v>1196</v>
      </c>
      <c r="DI38" s="70">
        <v>3</v>
      </c>
      <c r="DJ38" s="71">
        <v>6</v>
      </c>
      <c r="DK38" s="72">
        <v>9</v>
      </c>
      <c r="DL38" s="244"/>
      <c r="DM38" s="71">
        <v>2</v>
      </c>
      <c r="DN38" s="71">
        <v>4</v>
      </c>
      <c r="DO38" s="71">
        <v>3</v>
      </c>
      <c r="DP38" s="71">
        <v>6</v>
      </c>
      <c r="DQ38" s="71">
        <v>0</v>
      </c>
      <c r="DR38" s="72">
        <v>15</v>
      </c>
      <c r="DS38" s="73">
        <v>24</v>
      </c>
      <c r="DT38" s="70">
        <v>3</v>
      </c>
      <c r="DU38" s="71">
        <v>13</v>
      </c>
      <c r="DV38" s="72">
        <v>16</v>
      </c>
      <c r="DW38" s="244"/>
      <c r="DX38" s="71">
        <v>16</v>
      </c>
      <c r="DY38" s="71">
        <v>10</v>
      </c>
      <c r="DZ38" s="71">
        <v>9</v>
      </c>
      <c r="EA38" s="71">
        <v>7</v>
      </c>
      <c r="EB38" s="71">
        <v>4</v>
      </c>
      <c r="EC38" s="72">
        <v>46</v>
      </c>
      <c r="ED38" s="73">
        <v>62</v>
      </c>
      <c r="EE38" s="70">
        <v>16</v>
      </c>
      <c r="EF38" s="71">
        <v>23</v>
      </c>
      <c r="EG38" s="72">
        <v>39</v>
      </c>
      <c r="EH38" s="244"/>
      <c r="EI38" s="71">
        <v>39</v>
      </c>
      <c r="EJ38" s="71">
        <v>21</v>
      </c>
      <c r="EK38" s="71">
        <v>6</v>
      </c>
      <c r="EL38" s="71">
        <v>13</v>
      </c>
      <c r="EM38" s="71">
        <v>10</v>
      </c>
      <c r="EN38" s="72">
        <v>89</v>
      </c>
      <c r="EO38" s="73">
        <v>128</v>
      </c>
      <c r="EP38" s="70">
        <v>44</v>
      </c>
      <c r="EQ38" s="71">
        <v>34</v>
      </c>
      <c r="ER38" s="72">
        <v>78</v>
      </c>
      <c r="ES38" s="244"/>
      <c r="ET38" s="71">
        <v>73</v>
      </c>
      <c r="EU38" s="71">
        <v>41</v>
      </c>
      <c r="EV38" s="71">
        <v>26</v>
      </c>
      <c r="EW38" s="71">
        <v>24</v>
      </c>
      <c r="EX38" s="71">
        <v>18</v>
      </c>
      <c r="EY38" s="72">
        <v>182</v>
      </c>
      <c r="EZ38" s="73">
        <v>260</v>
      </c>
      <c r="FA38" s="70">
        <v>32</v>
      </c>
      <c r="FB38" s="71">
        <v>47</v>
      </c>
      <c r="FC38" s="72">
        <v>79</v>
      </c>
      <c r="FD38" s="244"/>
      <c r="FE38" s="71">
        <v>99</v>
      </c>
      <c r="FF38" s="71">
        <v>56</v>
      </c>
      <c r="FG38" s="71">
        <v>42</v>
      </c>
      <c r="FH38" s="71">
        <v>40</v>
      </c>
      <c r="FI38" s="71">
        <v>21</v>
      </c>
      <c r="FJ38" s="72">
        <v>258</v>
      </c>
      <c r="FK38" s="73">
        <v>337</v>
      </c>
      <c r="FL38" s="70">
        <v>25</v>
      </c>
      <c r="FM38" s="71">
        <v>28</v>
      </c>
      <c r="FN38" s="72">
        <v>53</v>
      </c>
      <c r="FO38" s="244"/>
      <c r="FP38" s="71">
        <v>88</v>
      </c>
      <c r="FQ38" s="71">
        <v>75</v>
      </c>
      <c r="FR38" s="71">
        <v>59</v>
      </c>
      <c r="FS38" s="71">
        <v>76</v>
      </c>
      <c r="FT38" s="71">
        <v>34</v>
      </c>
      <c r="FU38" s="72">
        <v>332</v>
      </c>
      <c r="FV38" s="73">
        <v>385</v>
      </c>
      <c r="FW38" s="70">
        <v>0</v>
      </c>
      <c r="FX38" s="71">
        <v>1</v>
      </c>
      <c r="FY38" s="72">
        <v>1</v>
      </c>
      <c r="FZ38" s="244"/>
      <c r="GA38" s="71">
        <v>1</v>
      </c>
      <c r="GB38" s="71">
        <v>5</v>
      </c>
      <c r="GC38" s="71">
        <v>2</v>
      </c>
      <c r="GD38" s="71">
        <v>1</v>
      </c>
      <c r="GE38" s="71">
        <v>1</v>
      </c>
      <c r="GF38" s="72">
        <v>10</v>
      </c>
      <c r="GG38" s="73">
        <v>11</v>
      </c>
      <c r="GH38" s="70">
        <v>123</v>
      </c>
      <c r="GI38" s="71">
        <v>152</v>
      </c>
      <c r="GJ38" s="72">
        <v>275</v>
      </c>
      <c r="GK38" s="244"/>
      <c r="GL38" s="71">
        <v>318</v>
      </c>
      <c r="GM38" s="71">
        <v>212</v>
      </c>
      <c r="GN38" s="71">
        <v>147</v>
      </c>
      <c r="GO38" s="71">
        <v>167</v>
      </c>
      <c r="GP38" s="71">
        <v>88</v>
      </c>
      <c r="GQ38" s="72">
        <v>932</v>
      </c>
      <c r="GR38" s="73">
        <v>1207</v>
      </c>
      <c r="GS38" s="123">
        <v>171</v>
      </c>
      <c r="GT38" s="82">
        <v>204</v>
      </c>
      <c r="GU38" s="83">
        <v>375</v>
      </c>
      <c r="GV38" s="241"/>
      <c r="GW38" s="82">
        <v>487</v>
      </c>
      <c r="GX38" s="82">
        <v>294</v>
      </c>
      <c r="GY38" s="82">
        <v>203</v>
      </c>
      <c r="GZ38" s="82">
        <v>211</v>
      </c>
      <c r="HA38" s="82">
        <v>114</v>
      </c>
      <c r="HB38" s="84">
        <v>1309</v>
      </c>
      <c r="HC38" s="85">
        <v>1684</v>
      </c>
      <c r="HD38" s="70">
        <v>4</v>
      </c>
      <c r="HE38" s="71">
        <v>8</v>
      </c>
      <c r="HF38" s="72">
        <v>12</v>
      </c>
      <c r="HG38" s="244"/>
      <c r="HH38" s="71">
        <v>12</v>
      </c>
      <c r="HI38" s="71">
        <v>7</v>
      </c>
      <c r="HJ38" s="71">
        <v>12</v>
      </c>
      <c r="HK38" s="71">
        <v>9</v>
      </c>
      <c r="HL38" s="71">
        <v>2</v>
      </c>
      <c r="HM38" s="72">
        <v>42</v>
      </c>
      <c r="HN38" s="73">
        <v>54</v>
      </c>
      <c r="HO38" s="70">
        <v>9</v>
      </c>
      <c r="HP38" s="71">
        <v>17</v>
      </c>
      <c r="HQ38" s="72">
        <v>26</v>
      </c>
      <c r="HR38" s="244"/>
      <c r="HS38" s="71">
        <v>27</v>
      </c>
      <c r="HT38" s="71">
        <v>19</v>
      </c>
      <c r="HU38" s="71">
        <v>13</v>
      </c>
      <c r="HV38" s="71">
        <v>10</v>
      </c>
      <c r="HW38" s="71">
        <v>7</v>
      </c>
      <c r="HX38" s="72">
        <v>76</v>
      </c>
      <c r="HY38" s="73">
        <v>102</v>
      </c>
      <c r="HZ38" s="70">
        <v>25</v>
      </c>
      <c r="IA38" s="71">
        <v>38</v>
      </c>
      <c r="IB38" s="72">
        <v>63</v>
      </c>
      <c r="IC38" s="244"/>
      <c r="ID38" s="71">
        <v>68</v>
      </c>
      <c r="IE38" s="71">
        <v>37</v>
      </c>
      <c r="IF38" s="71">
        <v>15</v>
      </c>
      <c r="IG38" s="71">
        <v>23</v>
      </c>
      <c r="IH38" s="71">
        <v>15</v>
      </c>
      <c r="II38" s="72">
        <v>158</v>
      </c>
      <c r="IJ38" s="73">
        <v>221</v>
      </c>
      <c r="IK38" s="70">
        <v>57</v>
      </c>
      <c r="IL38" s="71">
        <v>47</v>
      </c>
      <c r="IM38" s="72">
        <v>104</v>
      </c>
      <c r="IN38" s="244"/>
      <c r="IO38" s="71">
        <v>122</v>
      </c>
      <c r="IP38" s="71">
        <v>62</v>
      </c>
      <c r="IQ38" s="71">
        <v>37</v>
      </c>
      <c r="IR38" s="71">
        <v>31</v>
      </c>
      <c r="IS38" s="71">
        <v>23</v>
      </c>
      <c r="IT38" s="72">
        <v>275</v>
      </c>
      <c r="IU38" s="73">
        <v>379</v>
      </c>
      <c r="IV38" s="70">
        <v>41</v>
      </c>
      <c r="IW38" s="71">
        <v>61</v>
      </c>
      <c r="IX38" s="72">
        <v>102</v>
      </c>
      <c r="IY38" s="244"/>
      <c r="IZ38" s="71">
        <v>145</v>
      </c>
      <c r="JA38" s="71">
        <v>72</v>
      </c>
      <c r="JB38" s="71">
        <v>53</v>
      </c>
      <c r="JC38" s="71">
        <v>52</v>
      </c>
      <c r="JD38" s="71">
        <v>25</v>
      </c>
      <c r="JE38" s="72">
        <v>347</v>
      </c>
      <c r="JF38" s="73">
        <v>449</v>
      </c>
      <c r="JG38" s="70">
        <v>35</v>
      </c>
      <c r="JH38" s="71">
        <v>33</v>
      </c>
      <c r="JI38" s="72">
        <v>68</v>
      </c>
      <c r="JJ38" s="244"/>
      <c r="JK38" s="71">
        <v>113</v>
      </c>
      <c r="JL38" s="71">
        <v>97</v>
      </c>
      <c r="JM38" s="71">
        <v>73</v>
      </c>
      <c r="JN38" s="71">
        <v>86</v>
      </c>
      <c r="JO38" s="71">
        <v>42</v>
      </c>
      <c r="JP38" s="72">
        <v>411</v>
      </c>
      <c r="JQ38" s="73">
        <v>479</v>
      </c>
      <c r="JR38" s="70">
        <v>1</v>
      </c>
      <c r="JS38" s="71">
        <v>3</v>
      </c>
      <c r="JT38" s="72">
        <v>4</v>
      </c>
      <c r="JU38" s="244"/>
      <c r="JV38" s="71">
        <v>4</v>
      </c>
      <c r="JW38" s="71">
        <v>6</v>
      </c>
      <c r="JX38" s="71">
        <v>2</v>
      </c>
      <c r="JY38" s="71">
        <v>4</v>
      </c>
      <c r="JZ38" s="71">
        <v>2</v>
      </c>
      <c r="KA38" s="72">
        <v>18</v>
      </c>
      <c r="KB38" s="73">
        <v>22</v>
      </c>
      <c r="KC38" s="70">
        <v>172</v>
      </c>
      <c r="KD38" s="71">
        <v>207</v>
      </c>
      <c r="KE38" s="72">
        <v>379</v>
      </c>
      <c r="KF38" s="244"/>
      <c r="KG38" s="71">
        <v>491</v>
      </c>
      <c r="KH38" s="71">
        <v>300</v>
      </c>
      <c r="KI38" s="71">
        <v>205</v>
      </c>
      <c r="KJ38" s="71">
        <v>215</v>
      </c>
      <c r="KK38" s="71">
        <v>116</v>
      </c>
      <c r="KL38" s="72">
        <v>1327</v>
      </c>
      <c r="KM38" s="73">
        <v>1706</v>
      </c>
    </row>
    <row r="39" spans="2:299" ht="21" customHeight="1" x14ac:dyDescent="0.2">
      <c r="B39" s="126" t="s">
        <v>36</v>
      </c>
      <c r="C39" s="315">
        <v>69</v>
      </c>
      <c r="D39" s="82">
        <v>86</v>
      </c>
      <c r="E39" s="83">
        <v>155</v>
      </c>
      <c r="F39" s="241"/>
      <c r="G39" s="82">
        <v>140</v>
      </c>
      <c r="H39" s="82">
        <v>141</v>
      </c>
      <c r="I39" s="82">
        <v>100</v>
      </c>
      <c r="J39" s="82">
        <v>77</v>
      </c>
      <c r="K39" s="82">
        <v>55</v>
      </c>
      <c r="L39" s="84">
        <v>513</v>
      </c>
      <c r="M39" s="85">
        <v>668</v>
      </c>
      <c r="N39" s="70">
        <v>9</v>
      </c>
      <c r="O39" s="71">
        <v>5</v>
      </c>
      <c r="P39" s="72">
        <v>14</v>
      </c>
      <c r="Q39" s="244"/>
      <c r="R39" s="71">
        <v>9</v>
      </c>
      <c r="S39" s="71">
        <v>15</v>
      </c>
      <c r="T39" s="71">
        <v>7</v>
      </c>
      <c r="U39" s="71">
        <v>5</v>
      </c>
      <c r="V39" s="71">
        <v>2</v>
      </c>
      <c r="W39" s="72">
        <v>38</v>
      </c>
      <c r="X39" s="73">
        <v>52</v>
      </c>
      <c r="Y39" s="70">
        <v>7</v>
      </c>
      <c r="Z39" s="71">
        <v>14</v>
      </c>
      <c r="AA39" s="72">
        <v>21</v>
      </c>
      <c r="AB39" s="244"/>
      <c r="AC39" s="71">
        <v>21</v>
      </c>
      <c r="AD39" s="71">
        <v>22</v>
      </c>
      <c r="AE39" s="71">
        <v>13</v>
      </c>
      <c r="AF39" s="71">
        <v>13</v>
      </c>
      <c r="AG39" s="71">
        <v>12</v>
      </c>
      <c r="AH39" s="72">
        <v>81</v>
      </c>
      <c r="AI39" s="73">
        <v>102</v>
      </c>
      <c r="AJ39" s="70">
        <v>15</v>
      </c>
      <c r="AK39" s="71">
        <v>14</v>
      </c>
      <c r="AL39" s="72">
        <v>29</v>
      </c>
      <c r="AM39" s="244"/>
      <c r="AN39" s="71">
        <v>25</v>
      </c>
      <c r="AO39" s="71">
        <v>21</v>
      </c>
      <c r="AP39" s="71">
        <v>13</v>
      </c>
      <c r="AQ39" s="71">
        <v>16</v>
      </c>
      <c r="AR39" s="71">
        <v>8</v>
      </c>
      <c r="AS39" s="72">
        <v>83</v>
      </c>
      <c r="AT39" s="73">
        <v>112</v>
      </c>
      <c r="AU39" s="70">
        <v>17</v>
      </c>
      <c r="AV39" s="71">
        <v>24</v>
      </c>
      <c r="AW39" s="72">
        <v>41</v>
      </c>
      <c r="AX39" s="244"/>
      <c r="AY39" s="71">
        <v>44</v>
      </c>
      <c r="AZ39" s="71">
        <v>34</v>
      </c>
      <c r="BA39" s="71">
        <v>26</v>
      </c>
      <c r="BB39" s="71">
        <v>15</v>
      </c>
      <c r="BC39" s="71">
        <v>14</v>
      </c>
      <c r="BD39" s="72">
        <v>133</v>
      </c>
      <c r="BE39" s="73">
        <v>174</v>
      </c>
      <c r="BF39" s="70">
        <v>17</v>
      </c>
      <c r="BG39" s="71">
        <v>20</v>
      </c>
      <c r="BH39" s="72">
        <v>37</v>
      </c>
      <c r="BI39" s="244"/>
      <c r="BJ39" s="71">
        <v>25</v>
      </c>
      <c r="BK39" s="71">
        <v>29</v>
      </c>
      <c r="BL39" s="71">
        <v>26</v>
      </c>
      <c r="BM39" s="71">
        <v>18</v>
      </c>
      <c r="BN39" s="71">
        <v>8</v>
      </c>
      <c r="BO39" s="72">
        <v>106</v>
      </c>
      <c r="BP39" s="73">
        <v>143</v>
      </c>
      <c r="BQ39" s="70">
        <v>4</v>
      </c>
      <c r="BR39" s="71">
        <v>9</v>
      </c>
      <c r="BS39" s="72">
        <v>13</v>
      </c>
      <c r="BT39" s="244"/>
      <c r="BU39" s="71">
        <v>16</v>
      </c>
      <c r="BV39" s="71">
        <v>20</v>
      </c>
      <c r="BW39" s="71">
        <v>15</v>
      </c>
      <c r="BX39" s="71">
        <v>10</v>
      </c>
      <c r="BY39" s="71">
        <v>11</v>
      </c>
      <c r="BZ39" s="72">
        <v>72</v>
      </c>
      <c r="CA39" s="73">
        <v>85</v>
      </c>
      <c r="CB39" s="70">
        <v>1</v>
      </c>
      <c r="CC39" s="71">
        <v>4</v>
      </c>
      <c r="CD39" s="72">
        <v>5</v>
      </c>
      <c r="CE39" s="244"/>
      <c r="CF39" s="71">
        <v>7</v>
      </c>
      <c r="CG39" s="71">
        <v>3</v>
      </c>
      <c r="CH39" s="71">
        <v>6</v>
      </c>
      <c r="CI39" s="71">
        <v>7</v>
      </c>
      <c r="CJ39" s="71">
        <v>2</v>
      </c>
      <c r="CK39" s="72">
        <v>25</v>
      </c>
      <c r="CL39" s="73">
        <v>30</v>
      </c>
      <c r="CM39" s="70">
        <v>70</v>
      </c>
      <c r="CN39" s="71">
        <v>90</v>
      </c>
      <c r="CO39" s="72">
        <v>160</v>
      </c>
      <c r="CP39" s="244"/>
      <c r="CQ39" s="71">
        <v>147</v>
      </c>
      <c r="CR39" s="71">
        <v>144</v>
      </c>
      <c r="CS39" s="71">
        <v>106</v>
      </c>
      <c r="CT39" s="71">
        <v>84</v>
      </c>
      <c r="CU39" s="71">
        <v>57</v>
      </c>
      <c r="CV39" s="72">
        <v>538</v>
      </c>
      <c r="CW39" s="73">
        <v>698</v>
      </c>
      <c r="CX39" s="123">
        <v>99</v>
      </c>
      <c r="CY39" s="82">
        <v>169</v>
      </c>
      <c r="CZ39" s="83">
        <v>268</v>
      </c>
      <c r="DA39" s="241"/>
      <c r="DB39" s="82">
        <v>258</v>
      </c>
      <c r="DC39" s="82">
        <v>199</v>
      </c>
      <c r="DD39" s="82">
        <v>164</v>
      </c>
      <c r="DE39" s="82">
        <v>180</v>
      </c>
      <c r="DF39" s="82">
        <v>141</v>
      </c>
      <c r="DG39" s="84">
        <v>942</v>
      </c>
      <c r="DH39" s="85">
        <v>1210</v>
      </c>
      <c r="DI39" s="70">
        <v>1</v>
      </c>
      <c r="DJ39" s="71">
        <v>8</v>
      </c>
      <c r="DK39" s="72">
        <v>9</v>
      </c>
      <c r="DL39" s="244"/>
      <c r="DM39" s="71">
        <v>3</v>
      </c>
      <c r="DN39" s="71">
        <v>9</v>
      </c>
      <c r="DO39" s="71">
        <v>5</v>
      </c>
      <c r="DP39" s="71">
        <v>5</v>
      </c>
      <c r="DQ39" s="71">
        <v>6</v>
      </c>
      <c r="DR39" s="72">
        <v>28</v>
      </c>
      <c r="DS39" s="73">
        <v>37</v>
      </c>
      <c r="DT39" s="70">
        <v>9</v>
      </c>
      <c r="DU39" s="71">
        <v>22</v>
      </c>
      <c r="DV39" s="72">
        <v>31</v>
      </c>
      <c r="DW39" s="244"/>
      <c r="DX39" s="71">
        <v>23</v>
      </c>
      <c r="DY39" s="71">
        <v>16</v>
      </c>
      <c r="DZ39" s="71">
        <v>11</v>
      </c>
      <c r="EA39" s="71">
        <v>14</v>
      </c>
      <c r="EB39" s="71">
        <v>5</v>
      </c>
      <c r="EC39" s="72">
        <v>69</v>
      </c>
      <c r="ED39" s="73">
        <v>100</v>
      </c>
      <c r="EE39" s="70">
        <v>16</v>
      </c>
      <c r="EF39" s="71">
        <v>26</v>
      </c>
      <c r="EG39" s="72">
        <v>42</v>
      </c>
      <c r="EH39" s="244"/>
      <c r="EI39" s="71">
        <v>38</v>
      </c>
      <c r="EJ39" s="71">
        <v>23</v>
      </c>
      <c r="EK39" s="71">
        <v>9</v>
      </c>
      <c r="EL39" s="71">
        <v>20</v>
      </c>
      <c r="EM39" s="71">
        <v>22</v>
      </c>
      <c r="EN39" s="72">
        <v>112</v>
      </c>
      <c r="EO39" s="73">
        <v>154</v>
      </c>
      <c r="EP39" s="70">
        <v>33</v>
      </c>
      <c r="EQ39" s="71">
        <v>55</v>
      </c>
      <c r="ER39" s="72">
        <v>88</v>
      </c>
      <c r="ES39" s="244"/>
      <c r="ET39" s="71">
        <v>76</v>
      </c>
      <c r="EU39" s="71">
        <v>51</v>
      </c>
      <c r="EV39" s="71">
        <v>38</v>
      </c>
      <c r="EW39" s="71">
        <v>30</v>
      </c>
      <c r="EX39" s="71">
        <v>35</v>
      </c>
      <c r="EY39" s="72">
        <v>230</v>
      </c>
      <c r="EZ39" s="73">
        <v>318</v>
      </c>
      <c r="FA39" s="70">
        <v>29</v>
      </c>
      <c r="FB39" s="71">
        <v>39</v>
      </c>
      <c r="FC39" s="72">
        <v>68</v>
      </c>
      <c r="FD39" s="244"/>
      <c r="FE39" s="71">
        <v>63</v>
      </c>
      <c r="FF39" s="71">
        <v>49</v>
      </c>
      <c r="FG39" s="71">
        <v>48</v>
      </c>
      <c r="FH39" s="71">
        <v>38</v>
      </c>
      <c r="FI39" s="71">
        <v>31</v>
      </c>
      <c r="FJ39" s="72">
        <v>229</v>
      </c>
      <c r="FK39" s="73">
        <v>297</v>
      </c>
      <c r="FL39" s="70">
        <v>11</v>
      </c>
      <c r="FM39" s="71">
        <v>19</v>
      </c>
      <c r="FN39" s="72">
        <v>30</v>
      </c>
      <c r="FO39" s="244"/>
      <c r="FP39" s="71">
        <v>55</v>
      </c>
      <c r="FQ39" s="71">
        <v>51</v>
      </c>
      <c r="FR39" s="71">
        <v>53</v>
      </c>
      <c r="FS39" s="71">
        <v>73</v>
      </c>
      <c r="FT39" s="71">
        <v>42</v>
      </c>
      <c r="FU39" s="72">
        <v>274</v>
      </c>
      <c r="FV39" s="73">
        <v>304</v>
      </c>
      <c r="FW39" s="70">
        <v>1</v>
      </c>
      <c r="FX39" s="71">
        <v>2</v>
      </c>
      <c r="FY39" s="72">
        <v>3</v>
      </c>
      <c r="FZ39" s="244"/>
      <c r="GA39" s="71">
        <v>3</v>
      </c>
      <c r="GB39" s="71">
        <v>2</v>
      </c>
      <c r="GC39" s="71">
        <v>1</v>
      </c>
      <c r="GD39" s="71">
        <v>3</v>
      </c>
      <c r="GE39" s="71">
        <v>2</v>
      </c>
      <c r="GF39" s="72">
        <v>11</v>
      </c>
      <c r="GG39" s="73">
        <v>14</v>
      </c>
      <c r="GH39" s="70">
        <v>100</v>
      </c>
      <c r="GI39" s="71">
        <v>171</v>
      </c>
      <c r="GJ39" s="72">
        <v>271</v>
      </c>
      <c r="GK39" s="244"/>
      <c r="GL39" s="71">
        <v>261</v>
      </c>
      <c r="GM39" s="71">
        <v>201</v>
      </c>
      <c r="GN39" s="71">
        <v>165</v>
      </c>
      <c r="GO39" s="71">
        <v>183</v>
      </c>
      <c r="GP39" s="71">
        <v>143</v>
      </c>
      <c r="GQ39" s="72">
        <v>953</v>
      </c>
      <c r="GR39" s="73">
        <v>1224</v>
      </c>
      <c r="GS39" s="123">
        <v>168</v>
      </c>
      <c r="GT39" s="82">
        <v>255</v>
      </c>
      <c r="GU39" s="83">
        <v>423</v>
      </c>
      <c r="GV39" s="241"/>
      <c r="GW39" s="82">
        <v>398</v>
      </c>
      <c r="GX39" s="82">
        <v>340</v>
      </c>
      <c r="GY39" s="82">
        <v>264</v>
      </c>
      <c r="GZ39" s="82">
        <v>257</v>
      </c>
      <c r="HA39" s="82">
        <v>196</v>
      </c>
      <c r="HB39" s="84">
        <v>1455</v>
      </c>
      <c r="HC39" s="85">
        <v>1878</v>
      </c>
      <c r="HD39" s="70">
        <v>10</v>
      </c>
      <c r="HE39" s="71">
        <v>13</v>
      </c>
      <c r="HF39" s="72">
        <v>23</v>
      </c>
      <c r="HG39" s="244"/>
      <c r="HH39" s="71">
        <v>12</v>
      </c>
      <c r="HI39" s="71">
        <v>24</v>
      </c>
      <c r="HJ39" s="71">
        <v>12</v>
      </c>
      <c r="HK39" s="71">
        <v>10</v>
      </c>
      <c r="HL39" s="71">
        <v>8</v>
      </c>
      <c r="HM39" s="72">
        <v>66</v>
      </c>
      <c r="HN39" s="73">
        <v>89</v>
      </c>
      <c r="HO39" s="70">
        <v>16</v>
      </c>
      <c r="HP39" s="71">
        <v>36</v>
      </c>
      <c r="HQ39" s="72">
        <v>52</v>
      </c>
      <c r="HR39" s="244"/>
      <c r="HS39" s="71">
        <v>44</v>
      </c>
      <c r="HT39" s="71">
        <v>38</v>
      </c>
      <c r="HU39" s="71">
        <v>24</v>
      </c>
      <c r="HV39" s="71">
        <v>27</v>
      </c>
      <c r="HW39" s="71">
        <v>17</v>
      </c>
      <c r="HX39" s="72">
        <v>150</v>
      </c>
      <c r="HY39" s="73">
        <v>202</v>
      </c>
      <c r="HZ39" s="70">
        <v>31</v>
      </c>
      <c r="IA39" s="71">
        <v>40</v>
      </c>
      <c r="IB39" s="72">
        <v>71</v>
      </c>
      <c r="IC39" s="244"/>
      <c r="ID39" s="71">
        <v>63</v>
      </c>
      <c r="IE39" s="71">
        <v>44</v>
      </c>
      <c r="IF39" s="71">
        <v>22</v>
      </c>
      <c r="IG39" s="71">
        <v>36</v>
      </c>
      <c r="IH39" s="71">
        <v>30</v>
      </c>
      <c r="II39" s="72">
        <v>195</v>
      </c>
      <c r="IJ39" s="73">
        <v>266</v>
      </c>
      <c r="IK39" s="70">
        <v>50</v>
      </c>
      <c r="IL39" s="71">
        <v>79</v>
      </c>
      <c r="IM39" s="72">
        <v>129</v>
      </c>
      <c r="IN39" s="244"/>
      <c r="IO39" s="71">
        <v>120</v>
      </c>
      <c r="IP39" s="71">
        <v>85</v>
      </c>
      <c r="IQ39" s="71">
        <v>64</v>
      </c>
      <c r="IR39" s="71">
        <v>45</v>
      </c>
      <c r="IS39" s="71">
        <v>49</v>
      </c>
      <c r="IT39" s="72">
        <v>363</v>
      </c>
      <c r="IU39" s="73">
        <v>492</v>
      </c>
      <c r="IV39" s="70">
        <v>46</v>
      </c>
      <c r="IW39" s="71">
        <v>59</v>
      </c>
      <c r="IX39" s="72">
        <v>105</v>
      </c>
      <c r="IY39" s="244"/>
      <c r="IZ39" s="71">
        <v>88</v>
      </c>
      <c r="JA39" s="71">
        <v>78</v>
      </c>
      <c r="JB39" s="71">
        <v>74</v>
      </c>
      <c r="JC39" s="71">
        <v>56</v>
      </c>
      <c r="JD39" s="71">
        <v>39</v>
      </c>
      <c r="JE39" s="72">
        <v>335</v>
      </c>
      <c r="JF39" s="73">
        <v>440</v>
      </c>
      <c r="JG39" s="70">
        <v>15</v>
      </c>
      <c r="JH39" s="71">
        <v>28</v>
      </c>
      <c r="JI39" s="72">
        <v>43</v>
      </c>
      <c r="JJ39" s="244"/>
      <c r="JK39" s="71">
        <v>71</v>
      </c>
      <c r="JL39" s="71">
        <v>71</v>
      </c>
      <c r="JM39" s="71">
        <v>68</v>
      </c>
      <c r="JN39" s="71">
        <v>83</v>
      </c>
      <c r="JO39" s="71">
        <v>53</v>
      </c>
      <c r="JP39" s="72">
        <v>346</v>
      </c>
      <c r="JQ39" s="73">
        <v>389</v>
      </c>
      <c r="JR39" s="70">
        <v>2</v>
      </c>
      <c r="JS39" s="71">
        <v>6</v>
      </c>
      <c r="JT39" s="72">
        <v>8</v>
      </c>
      <c r="JU39" s="244"/>
      <c r="JV39" s="71">
        <v>10</v>
      </c>
      <c r="JW39" s="71">
        <v>5</v>
      </c>
      <c r="JX39" s="71">
        <v>7</v>
      </c>
      <c r="JY39" s="71">
        <v>10</v>
      </c>
      <c r="JZ39" s="71">
        <v>4</v>
      </c>
      <c r="KA39" s="72">
        <v>36</v>
      </c>
      <c r="KB39" s="73">
        <v>44</v>
      </c>
      <c r="KC39" s="70">
        <v>170</v>
      </c>
      <c r="KD39" s="71">
        <v>261</v>
      </c>
      <c r="KE39" s="72">
        <v>431</v>
      </c>
      <c r="KF39" s="244"/>
      <c r="KG39" s="71">
        <v>408</v>
      </c>
      <c r="KH39" s="71">
        <v>345</v>
      </c>
      <c r="KI39" s="71">
        <v>271</v>
      </c>
      <c r="KJ39" s="71">
        <v>267</v>
      </c>
      <c r="KK39" s="71">
        <v>200</v>
      </c>
      <c r="KL39" s="72">
        <v>1491</v>
      </c>
      <c r="KM39" s="73">
        <v>1922</v>
      </c>
    </row>
    <row r="40" spans="2:299" ht="21" customHeight="1" thickBot="1" x14ac:dyDescent="0.25">
      <c r="B40" s="127" t="s">
        <v>37</v>
      </c>
      <c r="C40" s="316">
        <v>2</v>
      </c>
      <c r="D40" s="87">
        <v>5</v>
      </c>
      <c r="E40" s="88">
        <v>7</v>
      </c>
      <c r="F40" s="242"/>
      <c r="G40" s="87">
        <v>7</v>
      </c>
      <c r="H40" s="87">
        <v>4</v>
      </c>
      <c r="I40" s="87">
        <v>12</v>
      </c>
      <c r="J40" s="87">
        <v>6</v>
      </c>
      <c r="K40" s="87">
        <v>3</v>
      </c>
      <c r="L40" s="89">
        <v>32</v>
      </c>
      <c r="M40" s="90">
        <v>39</v>
      </c>
      <c r="N40" s="74">
        <v>0</v>
      </c>
      <c r="O40" s="75">
        <v>1</v>
      </c>
      <c r="P40" s="76">
        <v>1</v>
      </c>
      <c r="Q40" s="245"/>
      <c r="R40" s="75">
        <v>1</v>
      </c>
      <c r="S40" s="75">
        <v>1</v>
      </c>
      <c r="T40" s="75">
        <v>0</v>
      </c>
      <c r="U40" s="75">
        <v>1</v>
      </c>
      <c r="V40" s="75">
        <v>1</v>
      </c>
      <c r="W40" s="76">
        <v>4</v>
      </c>
      <c r="X40" s="77">
        <v>5</v>
      </c>
      <c r="Y40" s="74">
        <v>0</v>
      </c>
      <c r="Z40" s="75">
        <v>1</v>
      </c>
      <c r="AA40" s="76">
        <v>1</v>
      </c>
      <c r="AB40" s="245"/>
      <c r="AC40" s="75">
        <v>0</v>
      </c>
      <c r="AD40" s="75">
        <v>0</v>
      </c>
      <c r="AE40" s="75">
        <v>3</v>
      </c>
      <c r="AF40" s="75">
        <v>0</v>
      </c>
      <c r="AG40" s="75">
        <v>0</v>
      </c>
      <c r="AH40" s="76">
        <v>3</v>
      </c>
      <c r="AI40" s="77">
        <v>4</v>
      </c>
      <c r="AJ40" s="74">
        <v>0</v>
      </c>
      <c r="AK40" s="75">
        <v>1</v>
      </c>
      <c r="AL40" s="76">
        <v>1</v>
      </c>
      <c r="AM40" s="245"/>
      <c r="AN40" s="75">
        <v>1</v>
      </c>
      <c r="AO40" s="75">
        <v>0</v>
      </c>
      <c r="AP40" s="75">
        <v>2</v>
      </c>
      <c r="AQ40" s="75">
        <v>1</v>
      </c>
      <c r="AR40" s="75">
        <v>0</v>
      </c>
      <c r="AS40" s="76">
        <v>4</v>
      </c>
      <c r="AT40" s="77">
        <v>5</v>
      </c>
      <c r="AU40" s="74">
        <v>2</v>
      </c>
      <c r="AV40" s="75">
        <v>1</v>
      </c>
      <c r="AW40" s="76">
        <v>3</v>
      </c>
      <c r="AX40" s="245"/>
      <c r="AY40" s="75">
        <v>3</v>
      </c>
      <c r="AZ40" s="75">
        <v>0</v>
      </c>
      <c r="BA40" s="75">
        <v>1</v>
      </c>
      <c r="BB40" s="75">
        <v>1</v>
      </c>
      <c r="BC40" s="75">
        <v>0</v>
      </c>
      <c r="BD40" s="76">
        <v>5</v>
      </c>
      <c r="BE40" s="77">
        <v>8</v>
      </c>
      <c r="BF40" s="74">
        <v>0</v>
      </c>
      <c r="BG40" s="75">
        <v>1</v>
      </c>
      <c r="BH40" s="76">
        <v>1</v>
      </c>
      <c r="BI40" s="245"/>
      <c r="BJ40" s="75">
        <v>1</v>
      </c>
      <c r="BK40" s="75">
        <v>1</v>
      </c>
      <c r="BL40" s="75">
        <v>4</v>
      </c>
      <c r="BM40" s="75">
        <v>3</v>
      </c>
      <c r="BN40" s="75">
        <v>1</v>
      </c>
      <c r="BO40" s="76">
        <v>10</v>
      </c>
      <c r="BP40" s="77">
        <v>11</v>
      </c>
      <c r="BQ40" s="74">
        <v>0</v>
      </c>
      <c r="BR40" s="75">
        <v>0</v>
      </c>
      <c r="BS40" s="76">
        <v>0</v>
      </c>
      <c r="BT40" s="245"/>
      <c r="BU40" s="75">
        <v>1</v>
      </c>
      <c r="BV40" s="75">
        <v>2</v>
      </c>
      <c r="BW40" s="75">
        <v>2</v>
      </c>
      <c r="BX40" s="75">
        <v>0</v>
      </c>
      <c r="BY40" s="75">
        <v>1</v>
      </c>
      <c r="BZ40" s="76">
        <v>6</v>
      </c>
      <c r="CA40" s="77">
        <v>6</v>
      </c>
      <c r="CB40" s="74">
        <v>0</v>
      </c>
      <c r="CC40" s="75">
        <v>0</v>
      </c>
      <c r="CD40" s="76">
        <v>0</v>
      </c>
      <c r="CE40" s="245"/>
      <c r="CF40" s="75">
        <v>1</v>
      </c>
      <c r="CG40" s="75">
        <v>0</v>
      </c>
      <c r="CH40" s="75">
        <v>0</v>
      </c>
      <c r="CI40" s="75">
        <v>1</v>
      </c>
      <c r="CJ40" s="75">
        <v>0</v>
      </c>
      <c r="CK40" s="76">
        <v>2</v>
      </c>
      <c r="CL40" s="77">
        <v>2</v>
      </c>
      <c r="CM40" s="74">
        <v>2</v>
      </c>
      <c r="CN40" s="75">
        <v>5</v>
      </c>
      <c r="CO40" s="76">
        <v>7</v>
      </c>
      <c r="CP40" s="245"/>
      <c r="CQ40" s="75">
        <v>8</v>
      </c>
      <c r="CR40" s="75">
        <v>4</v>
      </c>
      <c r="CS40" s="75">
        <v>12</v>
      </c>
      <c r="CT40" s="75">
        <v>7</v>
      </c>
      <c r="CU40" s="75">
        <v>3</v>
      </c>
      <c r="CV40" s="76">
        <v>34</v>
      </c>
      <c r="CW40" s="77">
        <v>41</v>
      </c>
      <c r="CX40" s="124">
        <v>14</v>
      </c>
      <c r="CY40" s="87">
        <v>5</v>
      </c>
      <c r="CZ40" s="88">
        <v>19</v>
      </c>
      <c r="DA40" s="242"/>
      <c r="DB40" s="87">
        <v>21</v>
      </c>
      <c r="DC40" s="87">
        <v>17</v>
      </c>
      <c r="DD40" s="87">
        <v>30</v>
      </c>
      <c r="DE40" s="87">
        <v>14</v>
      </c>
      <c r="DF40" s="87">
        <v>9</v>
      </c>
      <c r="DG40" s="89">
        <v>91</v>
      </c>
      <c r="DH40" s="90">
        <v>110</v>
      </c>
      <c r="DI40" s="74">
        <v>0</v>
      </c>
      <c r="DJ40" s="75">
        <v>0</v>
      </c>
      <c r="DK40" s="76">
        <v>0</v>
      </c>
      <c r="DL40" s="245"/>
      <c r="DM40" s="75">
        <v>0</v>
      </c>
      <c r="DN40" s="75">
        <v>0</v>
      </c>
      <c r="DO40" s="75">
        <v>1</v>
      </c>
      <c r="DP40" s="75">
        <v>0</v>
      </c>
      <c r="DQ40" s="75">
        <v>2</v>
      </c>
      <c r="DR40" s="76">
        <v>3</v>
      </c>
      <c r="DS40" s="77">
        <v>3</v>
      </c>
      <c r="DT40" s="74">
        <v>1</v>
      </c>
      <c r="DU40" s="75">
        <v>0</v>
      </c>
      <c r="DV40" s="76">
        <v>1</v>
      </c>
      <c r="DW40" s="245"/>
      <c r="DX40" s="75">
        <v>1</v>
      </c>
      <c r="DY40" s="75">
        <v>1</v>
      </c>
      <c r="DZ40" s="75">
        <v>0</v>
      </c>
      <c r="EA40" s="75">
        <v>1</v>
      </c>
      <c r="EB40" s="75">
        <v>0</v>
      </c>
      <c r="EC40" s="76">
        <v>3</v>
      </c>
      <c r="ED40" s="77">
        <v>4</v>
      </c>
      <c r="EE40" s="74">
        <v>2</v>
      </c>
      <c r="EF40" s="75">
        <v>1</v>
      </c>
      <c r="EG40" s="76">
        <v>3</v>
      </c>
      <c r="EH40" s="245"/>
      <c r="EI40" s="75">
        <v>2</v>
      </c>
      <c r="EJ40" s="75">
        <v>2</v>
      </c>
      <c r="EK40" s="75">
        <v>4</v>
      </c>
      <c r="EL40" s="75">
        <v>3</v>
      </c>
      <c r="EM40" s="75">
        <v>0</v>
      </c>
      <c r="EN40" s="76">
        <v>11</v>
      </c>
      <c r="EO40" s="77">
        <v>14</v>
      </c>
      <c r="EP40" s="74">
        <v>6</v>
      </c>
      <c r="EQ40" s="75">
        <v>1</v>
      </c>
      <c r="ER40" s="76">
        <v>7</v>
      </c>
      <c r="ES40" s="245"/>
      <c r="ET40" s="75">
        <v>4</v>
      </c>
      <c r="EU40" s="75">
        <v>5</v>
      </c>
      <c r="EV40" s="75">
        <v>5</v>
      </c>
      <c r="EW40" s="75">
        <v>2</v>
      </c>
      <c r="EX40" s="75">
        <v>2</v>
      </c>
      <c r="EY40" s="76">
        <v>18</v>
      </c>
      <c r="EZ40" s="77">
        <v>25</v>
      </c>
      <c r="FA40" s="74">
        <v>5</v>
      </c>
      <c r="FB40" s="75">
        <v>2</v>
      </c>
      <c r="FC40" s="76">
        <v>7</v>
      </c>
      <c r="FD40" s="245"/>
      <c r="FE40" s="75">
        <v>9</v>
      </c>
      <c r="FF40" s="75">
        <v>5</v>
      </c>
      <c r="FG40" s="75">
        <v>11</v>
      </c>
      <c r="FH40" s="75">
        <v>2</v>
      </c>
      <c r="FI40" s="75">
        <v>2</v>
      </c>
      <c r="FJ40" s="76">
        <v>29</v>
      </c>
      <c r="FK40" s="77">
        <v>36</v>
      </c>
      <c r="FL40" s="74">
        <v>0</v>
      </c>
      <c r="FM40" s="75">
        <v>1</v>
      </c>
      <c r="FN40" s="76">
        <v>1</v>
      </c>
      <c r="FO40" s="245"/>
      <c r="FP40" s="75">
        <v>5</v>
      </c>
      <c r="FQ40" s="75">
        <v>4</v>
      </c>
      <c r="FR40" s="75">
        <v>9</v>
      </c>
      <c r="FS40" s="75">
        <v>6</v>
      </c>
      <c r="FT40" s="75">
        <v>3</v>
      </c>
      <c r="FU40" s="76">
        <v>27</v>
      </c>
      <c r="FV40" s="77">
        <v>28</v>
      </c>
      <c r="FW40" s="74">
        <v>0</v>
      </c>
      <c r="FX40" s="75">
        <v>0</v>
      </c>
      <c r="FY40" s="76">
        <v>0</v>
      </c>
      <c r="FZ40" s="245"/>
      <c r="GA40" s="75">
        <v>0</v>
      </c>
      <c r="GB40" s="75">
        <v>1</v>
      </c>
      <c r="GC40" s="75">
        <v>1</v>
      </c>
      <c r="GD40" s="75">
        <v>1</v>
      </c>
      <c r="GE40" s="75">
        <v>0</v>
      </c>
      <c r="GF40" s="76">
        <v>3</v>
      </c>
      <c r="GG40" s="77">
        <v>3</v>
      </c>
      <c r="GH40" s="74">
        <v>14</v>
      </c>
      <c r="GI40" s="75">
        <v>5</v>
      </c>
      <c r="GJ40" s="76">
        <v>19</v>
      </c>
      <c r="GK40" s="245"/>
      <c r="GL40" s="75">
        <v>21</v>
      </c>
      <c r="GM40" s="75">
        <v>18</v>
      </c>
      <c r="GN40" s="75">
        <v>31</v>
      </c>
      <c r="GO40" s="75">
        <v>15</v>
      </c>
      <c r="GP40" s="75">
        <v>9</v>
      </c>
      <c r="GQ40" s="76">
        <v>94</v>
      </c>
      <c r="GR40" s="77">
        <v>113</v>
      </c>
      <c r="GS40" s="124">
        <v>16</v>
      </c>
      <c r="GT40" s="87">
        <v>10</v>
      </c>
      <c r="GU40" s="88">
        <v>26</v>
      </c>
      <c r="GV40" s="242"/>
      <c r="GW40" s="87">
        <v>28</v>
      </c>
      <c r="GX40" s="87">
        <v>21</v>
      </c>
      <c r="GY40" s="87">
        <v>42</v>
      </c>
      <c r="GZ40" s="87">
        <v>20</v>
      </c>
      <c r="HA40" s="87">
        <v>12</v>
      </c>
      <c r="HB40" s="89">
        <v>123</v>
      </c>
      <c r="HC40" s="90">
        <v>149</v>
      </c>
      <c r="HD40" s="74">
        <v>0</v>
      </c>
      <c r="HE40" s="75">
        <v>1</v>
      </c>
      <c r="HF40" s="76">
        <v>1</v>
      </c>
      <c r="HG40" s="245"/>
      <c r="HH40" s="75">
        <v>1</v>
      </c>
      <c r="HI40" s="75">
        <v>1</v>
      </c>
      <c r="HJ40" s="75">
        <v>1</v>
      </c>
      <c r="HK40" s="75">
        <v>1</v>
      </c>
      <c r="HL40" s="75">
        <v>3</v>
      </c>
      <c r="HM40" s="76">
        <v>7</v>
      </c>
      <c r="HN40" s="77">
        <v>8</v>
      </c>
      <c r="HO40" s="74">
        <v>1</v>
      </c>
      <c r="HP40" s="75">
        <v>1</v>
      </c>
      <c r="HQ40" s="76">
        <v>2</v>
      </c>
      <c r="HR40" s="245"/>
      <c r="HS40" s="75">
        <v>1</v>
      </c>
      <c r="HT40" s="75">
        <v>1</v>
      </c>
      <c r="HU40" s="75">
        <v>3</v>
      </c>
      <c r="HV40" s="75">
        <v>1</v>
      </c>
      <c r="HW40" s="75">
        <v>0</v>
      </c>
      <c r="HX40" s="76">
        <v>6</v>
      </c>
      <c r="HY40" s="77">
        <v>8</v>
      </c>
      <c r="HZ40" s="74">
        <v>2</v>
      </c>
      <c r="IA40" s="75">
        <v>2</v>
      </c>
      <c r="IB40" s="76">
        <v>4</v>
      </c>
      <c r="IC40" s="245"/>
      <c r="ID40" s="75">
        <v>3</v>
      </c>
      <c r="IE40" s="75">
        <v>2</v>
      </c>
      <c r="IF40" s="75">
        <v>6</v>
      </c>
      <c r="IG40" s="75">
        <v>4</v>
      </c>
      <c r="IH40" s="75">
        <v>0</v>
      </c>
      <c r="II40" s="76">
        <v>15</v>
      </c>
      <c r="IJ40" s="77">
        <v>19</v>
      </c>
      <c r="IK40" s="74">
        <v>8</v>
      </c>
      <c r="IL40" s="75">
        <v>2</v>
      </c>
      <c r="IM40" s="76">
        <v>10</v>
      </c>
      <c r="IN40" s="245"/>
      <c r="IO40" s="75">
        <v>7</v>
      </c>
      <c r="IP40" s="75">
        <v>5</v>
      </c>
      <c r="IQ40" s="75">
        <v>6</v>
      </c>
      <c r="IR40" s="75">
        <v>3</v>
      </c>
      <c r="IS40" s="75">
        <v>2</v>
      </c>
      <c r="IT40" s="76">
        <v>23</v>
      </c>
      <c r="IU40" s="77">
        <v>33</v>
      </c>
      <c r="IV40" s="74">
        <v>5</v>
      </c>
      <c r="IW40" s="75">
        <v>3</v>
      </c>
      <c r="IX40" s="76">
        <v>8</v>
      </c>
      <c r="IY40" s="245"/>
      <c r="IZ40" s="75">
        <v>10</v>
      </c>
      <c r="JA40" s="75">
        <v>6</v>
      </c>
      <c r="JB40" s="75">
        <v>15</v>
      </c>
      <c r="JC40" s="75">
        <v>5</v>
      </c>
      <c r="JD40" s="75">
        <v>3</v>
      </c>
      <c r="JE40" s="76">
        <v>39</v>
      </c>
      <c r="JF40" s="77">
        <v>47</v>
      </c>
      <c r="JG40" s="74">
        <v>0</v>
      </c>
      <c r="JH40" s="75">
        <v>1</v>
      </c>
      <c r="JI40" s="76">
        <v>1</v>
      </c>
      <c r="JJ40" s="245"/>
      <c r="JK40" s="75">
        <v>6</v>
      </c>
      <c r="JL40" s="75">
        <v>6</v>
      </c>
      <c r="JM40" s="75">
        <v>11</v>
      </c>
      <c r="JN40" s="75">
        <v>6</v>
      </c>
      <c r="JO40" s="75">
        <v>4</v>
      </c>
      <c r="JP40" s="76">
        <v>33</v>
      </c>
      <c r="JQ40" s="77">
        <v>34</v>
      </c>
      <c r="JR40" s="74">
        <v>0</v>
      </c>
      <c r="JS40" s="75">
        <v>0</v>
      </c>
      <c r="JT40" s="76">
        <v>0</v>
      </c>
      <c r="JU40" s="245"/>
      <c r="JV40" s="75">
        <v>1</v>
      </c>
      <c r="JW40" s="75">
        <v>1</v>
      </c>
      <c r="JX40" s="75">
        <v>1</v>
      </c>
      <c r="JY40" s="75">
        <v>2</v>
      </c>
      <c r="JZ40" s="75">
        <v>0</v>
      </c>
      <c r="KA40" s="76">
        <v>5</v>
      </c>
      <c r="KB40" s="77">
        <v>5</v>
      </c>
      <c r="KC40" s="74">
        <v>16</v>
      </c>
      <c r="KD40" s="75">
        <v>10</v>
      </c>
      <c r="KE40" s="76">
        <v>26</v>
      </c>
      <c r="KF40" s="245"/>
      <c r="KG40" s="75">
        <v>29</v>
      </c>
      <c r="KH40" s="75">
        <v>22</v>
      </c>
      <c r="KI40" s="75">
        <v>43</v>
      </c>
      <c r="KJ40" s="75">
        <v>22</v>
      </c>
      <c r="KK40" s="75">
        <v>12</v>
      </c>
      <c r="KL40" s="76">
        <v>128</v>
      </c>
      <c r="KM40" s="77">
        <v>154</v>
      </c>
    </row>
    <row r="41" spans="2:299" ht="32.25" customHeight="1" x14ac:dyDescent="0.2">
      <c r="C41" s="310" t="s">
        <v>126</v>
      </c>
    </row>
  </sheetData>
  <mergeCells count="36">
    <mergeCell ref="GS3:KM3"/>
    <mergeCell ref="GS4:JQ4"/>
    <mergeCell ref="JR4:KB5"/>
    <mergeCell ref="KC4:KM5"/>
    <mergeCell ref="GS5:HC5"/>
    <mergeCell ref="HD5:HN5"/>
    <mergeCell ref="HO5:HY5"/>
    <mergeCell ref="HZ5:IJ5"/>
    <mergeCell ref="IK5:IU5"/>
    <mergeCell ref="IV5:JF5"/>
    <mergeCell ref="JG5:JQ5"/>
    <mergeCell ref="B3:B5"/>
    <mergeCell ref="CX3:GR3"/>
    <mergeCell ref="CX4:FV4"/>
    <mergeCell ref="FW4:GG5"/>
    <mergeCell ref="GH4:GR5"/>
    <mergeCell ref="CX5:DH5"/>
    <mergeCell ref="DI5:DS5"/>
    <mergeCell ref="DT5:ED5"/>
    <mergeCell ref="EE5:EO5"/>
    <mergeCell ref="EP5:EZ5"/>
    <mergeCell ref="FA5:FK5"/>
    <mergeCell ref="FL5:FV5"/>
    <mergeCell ref="I1:J1"/>
    <mergeCell ref="CB4:CL5"/>
    <mergeCell ref="CM4:CW5"/>
    <mergeCell ref="C5:M5"/>
    <mergeCell ref="N5:X5"/>
    <mergeCell ref="Y5:AI5"/>
    <mergeCell ref="AJ5:AT5"/>
    <mergeCell ref="AU5:BE5"/>
    <mergeCell ref="BF5:BP5"/>
    <mergeCell ref="BQ5:CA5"/>
    <mergeCell ref="C3:CW3"/>
    <mergeCell ref="C4:CA4"/>
    <mergeCell ref="F1:G1"/>
  </mergeCells>
  <phoneticPr fontId="4"/>
  <printOptions horizontalCentered="1"/>
  <pageMargins left="0.59055118110236227" right="0.39370078740157483" top="0.59055118110236227" bottom="0.55118110236220474" header="0.23622047244094491" footer="0.27559055118110237"/>
  <pageSetup paperSize="9" scale="45" orientation="landscape" r:id="rId1"/>
  <headerFooter alignWithMargins="0">
    <oddFooter>&amp;L&amp;20&amp;X&amp;A&amp;C&amp;P/&amp;N</oddFooter>
  </headerFooter>
  <colBreaks count="4" manualBreakCount="4">
    <brk id="35" max="40" man="1"/>
    <brk id="68" max="1048575" man="1"/>
    <brk id="101" max="1048575" man="1"/>
    <brk id="134" max="40" man="1"/>
  </colBreaks>
</worksheet>
</file>

<file path=xl/worksheets/sheet2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6"/>
  </sheetPr>
  <dimension ref="A1:AQ218"/>
  <sheetViews>
    <sheetView zoomScaleNormal="100" zoomScaleSheetLayoutView="55" workbookViewId="0">
      <pane xSplit="2" ySplit="6" topLeftCell="C7" activePane="bottomRight" state="frozen"/>
      <selection pane="topRight" activeCell="B1" sqref="B1"/>
      <selection pane="bottomLeft" activeCell="A7" sqref="A7"/>
      <selection pane="bottomRight" activeCell="B1" sqref="B1"/>
    </sheetView>
  </sheetViews>
  <sheetFormatPr defaultColWidth="9" defaultRowHeight="13.2" x14ac:dyDescent="0.2"/>
  <cols>
    <col min="1" max="1" width="2.77734375" style="44" customWidth="1"/>
    <col min="2" max="2" width="9" style="1" customWidth="1"/>
    <col min="3" max="3" width="8.88671875" style="1" customWidth="1"/>
    <col min="4" max="4" width="8.109375" style="1" customWidth="1"/>
    <col min="5" max="5" width="10.109375" style="1" bestFit="1" customWidth="1"/>
    <col min="6" max="7" width="9" style="1"/>
    <col min="8" max="8" width="9.6640625" style="1" bestFit="1" customWidth="1"/>
    <col min="9" max="9" width="9.109375" style="1" bestFit="1" customWidth="1"/>
    <col min="10" max="11" width="9" style="1"/>
    <col min="12" max="12" width="9.6640625" style="1" customWidth="1"/>
    <col min="13" max="22" width="8.77734375" style="1" customWidth="1"/>
    <col min="23" max="42" width="9.6640625" style="1" customWidth="1"/>
    <col min="43" max="16384" width="9" style="1"/>
  </cols>
  <sheetData>
    <row r="1" spans="2:43" ht="24" customHeight="1" x14ac:dyDescent="0.2">
      <c r="B1" s="20" t="s">
        <v>56</v>
      </c>
      <c r="H1" s="500">
        <f>第１表!F2</f>
        <v>5</v>
      </c>
      <c r="I1" s="246">
        <f>第１表!G2</f>
        <v>2</v>
      </c>
      <c r="J1" s="555">
        <f>IF(I1&lt;3,I1-2+12,I1-2)</f>
        <v>12</v>
      </c>
      <c r="K1" s="555"/>
    </row>
    <row r="2" spans="2:43" ht="24" customHeight="1" thickBot="1" x14ac:dyDescent="0.25">
      <c r="B2" s="20" t="s">
        <v>158</v>
      </c>
      <c r="F2" s="20" t="s">
        <v>140</v>
      </c>
    </row>
    <row r="3" spans="2:43" ht="21" customHeight="1" x14ac:dyDescent="0.2">
      <c r="B3" s="573"/>
      <c r="C3" s="576" t="s">
        <v>57</v>
      </c>
      <c r="D3" s="577"/>
      <c r="E3" s="577"/>
      <c r="F3" s="577"/>
      <c r="G3" s="577"/>
      <c r="H3" s="577"/>
      <c r="I3" s="577"/>
      <c r="J3" s="577"/>
      <c r="K3" s="577"/>
      <c r="L3" s="577"/>
      <c r="M3" s="576" t="s">
        <v>58</v>
      </c>
      <c r="N3" s="579"/>
      <c r="O3" s="579"/>
      <c r="P3" s="579"/>
      <c r="Q3" s="579"/>
      <c r="R3" s="579"/>
      <c r="S3" s="579"/>
      <c r="T3" s="579"/>
      <c r="U3" s="579"/>
      <c r="V3" s="579"/>
      <c r="W3" s="576" t="s">
        <v>59</v>
      </c>
      <c r="X3" s="577"/>
      <c r="Y3" s="577"/>
      <c r="Z3" s="577"/>
      <c r="AA3" s="577"/>
      <c r="AB3" s="577"/>
      <c r="AC3" s="577"/>
      <c r="AD3" s="577"/>
      <c r="AE3" s="577"/>
      <c r="AF3" s="577"/>
      <c r="AG3" s="605" t="s">
        <v>151</v>
      </c>
      <c r="AH3" s="577"/>
      <c r="AI3" s="577"/>
      <c r="AJ3" s="577"/>
      <c r="AK3" s="577"/>
      <c r="AL3" s="577"/>
      <c r="AM3" s="577"/>
      <c r="AN3" s="577"/>
      <c r="AO3" s="577"/>
      <c r="AP3" s="578"/>
    </row>
    <row r="4" spans="2:43" ht="21" customHeight="1" x14ac:dyDescent="0.2">
      <c r="B4" s="575"/>
      <c r="C4" s="581" t="s">
        <v>61</v>
      </c>
      <c r="D4" s="582"/>
      <c r="E4" s="583"/>
      <c r="F4" s="584" t="s">
        <v>62</v>
      </c>
      <c r="G4" s="585"/>
      <c r="H4" s="585"/>
      <c r="I4" s="585"/>
      <c r="J4" s="585"/>
      <c r="K4" s="586"/>
      <c r="L4" s="597" t="s">
        <v>52</v>
      </c>
      <c r="M4" s="581" t="s">
        <v>61</v>
      </c>
      <c r="N4" s="582"/>
      <c r="O4" s="583"/>
      <c r="P4" s="584" t="s">
        <v>62</v>
      </c>
      <c r="Q4" s="585"/>
      <c r="R4" s="585"/>
      <c r="S4" s="585"/>
      <c r="T4" s="585"/>
      <c r="U4" s="586"/>
      <c r="V4" s="587" t="s">
        <v>52</v>
      </c>
      <c r="W4" s="581" t="s">
        <v>61</v>
      </c>
      <c r="X4" s="582"/>
      <c r="Y4" s="583"/>
      <c r="Z4" s="584" t="s">
        <v>62</v>
      </c>
      <c r="AA4" s="585"/>
      <c r="AB4" s="585"/>
      <c r="AC4" s="585"/>
      <c r="AD4" s="585"/>
      <c r="AE4" s="586"/>
      <c r="AF4" s="597" t="s">
        <v>52</v>
      </c>
      <c r="AG4" s="581" t="s">
        <v>61</v>
      </c>
      <c r="AH4" s="582"/>
      <c r="AI4" s="583"/>
      <c r="AJ4" s="584" t="s">
        <v>62</v>
      </c>
      <c r="AK4" s="585"/>
      <c r="AL4" s="585"/>
      <c r="AM4" s="585"/>
      <c r="AN4" s="585"/>
      <c r="AO4" s="586"/>
      <c r="AP4" s="587" t="s">
        <v>52</v>
      </c>
    </row>
    <row r="5" spans="2:43" ht="30" customHeight="1" thickBot="1" x14ac:dyDescent="0.25">
      <c r="B5" s="362" t="s">
        <v>42</v>
      </c>
      <c r="C5" s="31" t="s">
        <v>43</v>
      </c>
      <c r="D5" s="32" t="s">
        <v>44</v>
      </c>
      <c r="E5" s="32" t="s">
        <v>45</v>
      </c>
      <c r="F5" s="33" t="s">
        <v>47</v>
      </c>
      <c r="G5" s="34" t="s">
        <v>48</v>
      </c>
      <c r="H5" s="34" t="s">
        <v>49</v>
      </c>
      <c r="I5" s="35" t="s">
        <v>50</v>
      </c>
      <c r="J5" s="32" t="s">
        <v>51</v>
      </c>
      <c r="K5" s="36" t="s">
        <v>95</v>
      </c>
      <c r="L5" s="596"/>
      <c r="M5" s="31" t="s">
        <v>43</v>
      </c>
      <c r="N5" s="32" t="s">
        <v>44</v>
      </c>
      <c r="O5" s="36" t="s">
        <v>45</v>
      </c>
      <c r="P5" s="15" t="s">
        <v>47</v>
      </c>
      <c r="Q5" s="34" t="s">
        <v>48</v>
      </c>
      <c r="R5" s="34" t="s">
        <v>49</v>
      </c>
      <c r="S5" s="35" t="s">
        <v>50</v>
      </c>
      <c r="T5" s="32" t="s">
        <v>51</v>
      </c>
      <c r="U5" s="36" t="s">
        <v>45</v>
      </c>
      <c r="V5" s="588"/>
      <c r="W5" s="31" t="s">
        <v>43</v>
      </c>
      <c r="X5" s="32" t="s">
        <v>44</v>
      </c>
      <c r="Y5" s="32" t="s">
        <v>45</v>
      </c>
      <c r="Z5" s="33" t="s">
        <v>47</v>
      </c>
      <c r="AA5" s="34" t="s">
        <v>48</v>
      </c>
      <c r="AB5" s="34" t="s">
        <v>49</v>
      </c>
      <c r="AC5" s="35" t="s">
        <v>50</v>
      </c>
      <c r="AD5" s="32" t="s">
        <v>51</v>
      </c>
      <c r="AE5" s="36" t="s">
        <v>45</v>
      </c>
      <c r="AF5" s="596"/>
      <c r="AG5" s="31" t="s">
        <v>43</v>
      </c>
      <c r="AH5" s="32" t="s">
        <v>44</v>
      </c>
      <c r="AI5" s="32" t="s">
        <v>45</v>
      </c>
      <c r="AJ5" s="33" t="s">
        <v>47</v>
      </c>
      <c r="AK5" s="34" t="s">
        <v>48</v>
      </c>
      <c r="AL5" s="34" t="s">
        <v>49</v>
      </c>
      <c r="AM5" s="35" t="s">
        <v>50</v>
      </c>
      <c r="AN5" s="32" t="s">
        <v>51</v>
      </c>
      <c r="AO5" s="36" t="s">
        <v>45</v>
      </c>
      <c r="AP5" s="588"/>
    </row>
    <row r="6" spans="2:43" ht="21" customHeight="1" x14ac:dyDescent="0.2">
      <c r="B6" s="361" t="s">
        <v>4</v>
      </c>
      <c r="C6" s="185">
        <v>0</v>
      </c>
      <c r="D6" s="186">
        <v>0</v>
      </c>
      <c r="E6" s="186">
        <v>0</v>
      </c>
      <c r="F6" s="187">
        <v>14</v>
      </c>
      <c r="G6" s="188">
        <v>62</v>
      </c>
      <c r="H6" s="188">
        <v>451</v>
      </c>
      <c r="I6" s="188">
        <v>668</v>
      </c>
      <c r="J6" s="186">
        <v>380</v>
      </c>
      <c r="K6" s="189">
        <v>1575</v>
      </c>
      <c r="L6" s="190">
        <v>1575</v>
      </c>
      <c r="M6" s="185">
        <v>0</v>
      </c>
      <c r="N6" s="186">
        <v>0</v>
      </c>
      <c r="O6" s="189">
        <v>0</v>
      </c>
      <c r="P6" s="192">
        <v>74</v>
      </c>
      <c r="Q6" s="188">
        <v>192</v>
      </c>
      <c r="R6" s="188">
        <v>271</v>
      </c>
      <c r="S6" s="188">
        <v>294</v>
      </c>
      <c r="T6" s="186">
        <v>175</v>
      </c>
      <c r="U6" s="189">
        <v>1006</v>
      </c>
      <c r="V6" s="193">
        <v>1006</v>
      </c>
      <c r="W6" s="192">
        <v>0</v>
      </c>
      <c r="X6" s="186">
        <v>0</v>
      </c>
      <c r="Y6" s="186">
        <v>0</v>
      </c>
      <c r="Z6" s="187">
        <v>0</v>
      </c>
      <c r="AA6" s="188">
        <v>0</v>
      </c>
      <c r="AB6" s="188">
        <v>1</v>
      </c>
      <c r="AC6" s="188">
        <v>9</v>
      </c>
      <c r="AD6" s="186">
        <v>12</v>
      </c>
      <c r="AE6" s="189">
        <v>22</v>
      </c>
      <c r="AF6" s="190">
        <v>22</v>
      </c>
      <c r="AG6" s="185">
        <v>0</v>
      </c>
      <c r="AH6" s="186">
        <v>0</v>
      </c>
      <c r="AI6" s="186">
        <v>0</v>
      </c>
      <c r="AJ6" s="187">
        <v>0</v>
      </c>
      <c r="AK6" s="188">
        <v>3</v>
      </c>
      <c r="AL6" s="188">
        <v>1</v>
      </c>
      <c r="AM6" s="188">
        <v>16</v>
      </c>
      <c r="AN6" s="186">
        <v>24</v>
      </c>
      <c r="AO6" s="189">
        <v>44</v>
      </c>
      <c r="AP6" s="191">
        <v>44</v>
      </c>
      <c r="AQ6" s="37"/>
    </row>
    <row r="7" spans="2:43" ht="21" customHeight="1" x14ac:dyDescent="0.2">
      <c r="B7" s="62" t="s">
        <v>5</v>
      </c>
      <c r="C7" s="194">
        <v>0</v>
      </c>
      <c r="D7" s="195">
        <v>0</v>
      </c>
      <c r="E7" s="195">
        <v>0</v>
      </c>
      <c r="F7" s="196">
        <v>9</v>
      </c>
      <c r="G7" s="197">
        <v>44</v>
      </c>
      <c r="H7" s="197">
        <v>235</v>
      </c>
      <c r="I7" s="197">
        <v>278</v>
      </c>
      <c r="J7" s="195">
        <v>168</v>
      </c>
      <c r="K7" s="198">
        <v>734</v>
      </c>
      <c r="L7" s="199">
        <v>734</v>
      </c>
      <c r="M7" s="194">
        <v>0</v>
      </c>
      <c r="N7" s="195">
        <v>0</v>
      </c>
      <c r="O7" s="198">
        <v>0</v>
      </c>
      <c r="P7" s="201">
        <v>27</v>
      </c>
      <c r="Q7" s="197">
        <v>103</v>
      </c>
      <c r="R7" s="197">
        <v>138</v>
      </c>
      <c r="S7" s="197">
        <v>139</v>
      </c>
      <c r="T7" s="195">
        <v>88</v>
      </c>
      <c r="U7" s="198">
        <v>495</v>
      </c>
      <c r="V7" s="202">
        <v>495</v>
      </c>
      <c r="W7" s="201">
        <v>0</v>
      </c>
      <c r="X7" s="195">
        <v>0</v>
      </c>
      <c r="Y7" s="195">
        <v>0</v>
      </c>
      <c r="Z7" s="196">
        <v>0</v>
      </c>
      <c r="AA7" s="197">
        <v>0</v>
      </c>
      <c r="AB7" s="197">
        <v>0</v>
      </c>
      <c r="AC7" s="197">
        <v>3</v>
      </c>
      <c r="AD7" s="195">
        <v>5</v>
      </c>
      <c r="AE7" s="198">
        <v>8</v>
      </c>
      <c r="AF7" s="199">
        <v>8</v>
      </c>
      <c r="AG7" s="194">
        <v>0</v>
      </c>
      <c r="AH7" s="195">
        <v>0</v>
      </c>
      <c r="AI7" s="195">
        <v>0</v>
      </c>
      <c r="AJ7" s="196">
        <v>0</v>
      </c>
      <c r="AK7" s="197">
        <v>1</v>
      </c>
      <c r="AL7" s="197">
        <v>1</v>
      </c>
      <c r="AM7" s="197">
        <v>4</v>
      </c>
      <c r="AN7" s="195">
        <v>9</v>
      </c>
      <c r="AO7" s="198">
        <v>15</v>
      </c>
      <c r="AP7" s="200">
        <v>15</v>
      </c>
      <c r="AQ7" s="37"/>
    </row>
    <row r="8" spans="2:43" ht="21" customHeight="1" x14ac:dyDescent="0.2">
      <c r="B8" s="62" t="s">
        <v>6</v>
      </c>
      <c r="C8" s="194">
        <v>0</v>
      </c>
      <c r="D8" s="195">
        <v>0</v>
      </c>
      <c r="E8" s="195">
        <v>0</v>
      </c>
      <c r="F8" s="196">
        <v>1</v>
      </c>
      <c r="G8" s="197">
        <v>6</v>
      </c>
      <c r="H8" s="197">
        <v>46</v>
      </c>
      <c r="I8" s="197">
        <v>55</v>
      </c>
      <c r="J8" s="195">
        <v>44</v>
      </c>
      <c r="K8" s="198">
        <v>152</v>
      </c>
      <c r="L8" s="199">
        <v>152</v>
      </c>
      <c r="M8" s="194">
        <v>0</v>
      </c>
      <c r="N8" s="195">
        <v>0</v>
      </c>
      <c r="O8" s="198">
        <v>0</v>
      </c>
      <c r="P8" s="201">
        <v>10</v>
      </c>
      <c r="Q8" s="197">
        <v>22</v>
      </c>
      <c r="R8" s="197">
        <v>29</v>
      </c>
      <c r="S8" s="197">
        <v>30</v>
      </c>
      <c r="T8" s="195">
        <v>27</v>
      </c>
      <c r="U8" s="198">
        <v>118</v>
      </c>
      <c r="V8" s="202">
        <v>118</v>
      </c>
      <c r="W8" s="201">
        <v>0</v>
      </c>
      <c r="X8" s="195">
        <v>0</v>
      </c>
      <c r="Y8" s="195">
        <v>0</v>
      </c>
      <c r="Z8" s="196">
        <v>0</v>
      </c>
      <c r="AA8" s="197">
        <v>0</v>
      </c>
      <c r="AB8" s="197">
        <v>1</v>
      </c>
      <c r="AC8" s="197">
        <v>6</v>
      </c>
      <c r="AD8" s="195">
        <v>6</v>
      </c>
      <c r="AE8" s="198">
        <v>13</v>
      </c>
      <c r="AF8" s="199">
        <v>13</v>
      </c>
      <c r="AG8" s="194">
        <v>0</v>
      </c>
      <c r="AH8" s="195">
        <v>0</v>
      </c>
      <c r="AI8" s="195">
        <v>0</v>
      </c>
      <c r="AJ8" s="196">
        <v>0</v>
      </c>
      <c r="AK8" s="197">
        <v>0</v>
      </c>
      <c r="AL8" s="197">
        <v>0</v>
      </c>
      <c r="AM8" s="197">
        <v>3</v>
      </c>
      <c r="AN8" s="195">
        <v>6</v>
      </c>
      <c r="AO8" s="198">
        <v>9</v>
      </c>
      <c r="AP8" s="200">
        <v>9</v>
      </c>
      <c r="AQ8" s="37"/>
    </row>
    <row r="9" spans="2:43" ht="21" customHeight="1" x14ac:dyDescent="0.2">
      <c r="B9" s="62" t="s">
        <v>14</v>
      </c>
      <c r="C9" s="194">
        <v>0</v>
      </c>
      <c r="D9" s="195">
        <v>0</v>
      </c>
      <c r="E9" s="195">
        <v>0</v>
      </c>
      <c r="F9" s="196">
        <v>0</v>
      </c>
      <c r="G9" s="197">
        <v>1</v>
      </c>
      <c r="H9" s="197">
        <v>31</v>
      </c>
      <c r="I9" s="197">
        <v>63</v>
      </c>
      <c r="J9" s="195">
        <v>27</v>
      </c>
      <c r="K9" s="198">
        <v>122</v>
      </c>
      <c r="L9" s="199">
        <v>122</v>
      </c>
      <c r="M9" s="194">
        <v>0</v>
      </c>
      <c r="N9" s="195">
        <v>0</v>
      </c>
      <c r="O9" s="198">
        <v>0</v>
      </c>
      <c r="P9" s="201">
        <v>0</v>
      </c>
      <c r="Q9" s="197">
        <v>6</v>
      </c>
      <c r="R9" s="197">
        <v>12</v>
      </c>
      <c r="S9" s="197">
        <v>16</v>
      </c>
      <c r="T9" s="195">
        <v>5</v>
      </c>
      <c r="U9" s="198">
        <v>39</v>
      </c>
      <c r="V9" s="202">
        <v>39</v>
      </c>
      <c r="W9" s="201">
        <v>0</v>
      </c>
      <c r="X9" s="195">
        <v>0</v>
      </c>
      <c r="Y9" s="195">
        <v>0</v>
      </c>
      <c r="Z9" s="196">
        <v>0</v>
      </c>
      <c r="AA9" s="197">
        <v>0</v>
      </c>
      <c r="AB9" s="197">
        <v>0</v>
      </c>
      <c r="AC9" s="197">
        <v>0</v>
      </c>
      <c r="AD9" s="195">
        <v>1</v>
      </c>
      <c r="AE9" s="198">
        <v>1</v>
      </c>
      <c r="AF9" s="199">
        <v>1</v>
      </c>
      <c r="AG9" s="194">
        <v>0</v>
      </c>
      <c r="AH9" s="195">
        <v>0</v>
      </c>
      <c r="AI9" s="195">
        <v>0</v>
      </c>
      <c r="AJ9" s="196">
        <v>0</v>
      </c>
      <c r="AK9" s="197">
        <v>0</v>
      </c>
      <c r="AL9" s="197">
        <v>0</v>
      </c>
      <c r="AM9" s="197">
        <v>3</v>
      </c>
      <c r="AN9" s="195">
        <v>3</v>
      </c>
      <c r="AO9" s="198">
        <v>6</v>
      </c>
      <c r="AP9" s="200">
        <v>6</v>
      </c>
      <c r="AQ9" s="37"/>
    </row>
    <row r="10" spans="2:43" ht="21" customHeight="1" x14ac:dyDescent="0.2">
      <c r="B10" s="62" t="s">
        <v>7</v>
      </c>
      <c r="C10" s="194">
        <v>0</v>
      </c>
      <c r="D10" s="195">
        <v>0</v>
      </c>
      <c r="E10" s="195">
        <v>0</v>
      </c>
      <c r="F10" s="196">
        <v>0</v>
      </c>
      <c r="G10" s="197">
        <v>3</v>
      </c>
      <c r="H10" s="197">
        <v>16</v>
      </c>
      <c r="I10" s="197">
        <v>49</v>
      </c>
      <c r="J10" s="195">
        <v>29</v>
      </c>
      <c r="K10" s="198">
        <v>97</v>
      </c>
      <c r="L10" s="199">
        <v>97</v>
      </c>
      <c r="M10" s="194">
        <v>0</v>
      </c>
      <c r="N10" s="195">
        <v>0</v>
      </c>
      <c r="O10" s="198">
        <v>0</v>
      </c>
      <c r="P10" s="201">
        <v>11</v>
      </c>
      <c r="Q10" s="197">
        <v>14</v>
      </c>
      <c r="R10" s="197">
        <v>9</v>
      </c>
      <c r="S10" s="197">
        <v>19</v>
      </c>
      <c r="T10" s="195">
        <v>7</v>
      </c>
      <c r="U10" s="198">
        <v>60</v>
      </c>
      <c r="V10" s="202">
        <v>60</v>
      </c>
      <c r="W10" s="201">
        <v>0</v>
      </c>
      <c r="X10" s="195">
        <v>0</v>
      </c>
      <c r="Y10" s="195">
        <v>0</v>
      </c>
      <c r="Z10" s="196">
        <v>0</v>
      </c>
      <c r="AA10" s="197">
        <v>0</v>
      </c>
      <c r="AB10" s="197">
        <v>0</v>
      </c>
      <c r="AC10" s="197">
        <v>0</v>
      </c>
      <c r="AD10" s="195">
        <v>0</v>
      </c>
      <c r="AE10" s="198">
        <v>0</v>
      </c>
      <c r="AF10" s="199">
        <v>0</v>
      </c>
      <c r="AG10" s="194">
        <v>0</v>
      </c>
      <c r="AH10" s="195">
        <v>0</v>
      </c>
      <c r="AI10" s="195">
        <v>0</v>
      </c>
      <c r="AJ10" s="196">
        <v>0</v>
      </c>
      <c r="AK10" s="197">
        <v>0</v>
      </c>
      <c r="AL10" s="197">
        <v>0</v>
      </c>
      <c r="AM10" s="197">
        <v>0</v>
      </c>
      <c r="AN10" s="195">
        <v>0</v>
      </c>
      <c r="AO10" s="198">
        <v>0</v>
      </c>
      <c r="AP10" s="200">
        <v>0</v>
      </c>
      <c r="AQ10" s="37"/>
    </row>
    <row r="11" spans="2:43" ht="21" customHeight="1" x14ac:dyDescent="0.2">
      <c r="B11" s="62" t="s">
        <v>8</v>
      </c>
      <c r="C11" s="194">
        <v>0</v>
      </c>
      <c r="D11" s="195">
        <v>0</v>
      </c>
      <c r="E11" s="195">
        <v>0</v>
      </c>
      <c r="F11" s="196">
        <v>2</v>
      </c>
      <c r="G11" s="197">
        <v>2</v>
      </c>
      <c r="H11" s="197">
        <v>9</v>
      </c>
      <c r="I11" s="197">
        <v>12</v>
      </c>
      <c r="J11" s="195">
        <v>10</v>
      </c>
      <c r="K11" s="198">
        <v>35</v>
      </c>
      <c r="L11" s="199">
        <v>35</v>
      </c>
      <c r="M11" s="194">
        <v>0</v>
      </c>
      <c r="N11" s="195">
        <v>0</v>
      </c>
      <c r="O11" s="198">
        <v>0</v>
      </c>
      <c r="P11" s="201">
        <v>2</v>
      </c>
      <c r="Q11" s="197">
        <v>4</v>
      </c>
      <c r="R11" s="197">
        <v>6</v>
      </c>
      <c r="S11" s="197">
        <v>6</v>
      </c>
      <c r="T11" s="195">
        <v>2</v>
      </c>
      <c r="U11" s="198">
        <v>20</v>
      </c>
      <c r="V11" s="202">
        <v>20</v>
      </c>
      <c r="W11" s="201">
        <v>0</v>
      </c>
      <c r="X11" s="195">
        <v>0</v>
      </c>
      <c r="Y11" s="195">
        <v>0</v>
      </c>
      <c r="Z11" s="196">
        <v>0</v>
      </c>
      <c r="AA11" s="197">
        <v>0</v>
      </c>
      <c r="AB11" s="197">
        <v>0</v>
      </c>
      <c r="AC11" s="197">
        <v>0</v>
      </c>
      <c r="AD11" s="195">
        <v>0</v>
      </c>
      <c r="AE11" s="198">
        <v>0</v>
      </c>
      <c r="AF11" s="199">
        <v>0</v>
      </c>
      <c r="AG11" s="194">
        <v>0</v>
      </c>
      <c r="AH11" s="195">
        <v>0</v>
      </c>
      <c r="AI11" s="195">
        <v>0</v>
      </c>
      <c r="AJ11" s="196">
        <v>0</v>
      </c>
      <c r="AK11" s="197">
        <v>0</v>
      </c>
      <c r="AL11" s="197">
        <v>0</v>
      </c>
      <c r="AM11" s="197">
        <v>2</v>
      </c>
      <c r="AN11" s="195">
        <v>0</v>
      </c>
      <c r="AO11" s="198">
        <v>2</v>
      </c>
      <c r="AP11" s="200">
        <v>2</v>
      </c>
      <c r="AQ11" s="37"/>
    </row>
    <row r="12" spans="2:43" ht="21" customHeight="1" x14ac:dyDescent="0.2">
      <c r="B12" s="62" t="s">
        <v>9</v>
      </c>
      <c r="C12" s="194">
        <v>0</v>
      </c>
      <c r="D12" s="195">
        <v>0</v>
      </c>
      <c r="E12" s="195">
        <v>0</v>
      </c>
      <c r="F12" s="196">
        <v>0</v>
      </c>
      <c r="G12" s="197">
        <v>0</v>
      </c>
      <c r="H12" s="197">
        <v>14</v>
      </c>
      <c r="I12" s="197">
        <v>27</v>
      </c>
      <c r="J12" s="195">
        <v>12</v>
      </c>
      <c r="K12" s="198">
        <v>53</v>
      </c>
      <c r="L12" s="199">
        <v>53</v>
      </c>
      <c r="M12" s="194">
        <v>0</v>
      </c>
      <c r="N12" s="195">
        <v>0</v>
      </c>
      <c r="O12" s="198">
        <v>0</v>
      </c>
      <c r="P12" s="201">
        <v>2</v>
      </c>
      <c r="Q12" s="197">
        <v>5</v>
      </c>
      <c r="R12" s="197">
        <v>3</v>
      </c>
      <c r="S12" s="197">
        <v>10</v>
      </c>
      <c r="T12" s="195">
        <v>2</v>
      </c>
      <c r="U12" s="198">
        <v>22</v>
      </c>
      <c r="V12" s="202">
        <v>22</v>
      </c>
      <c r="W12" s="201">
        <v>0</v>
      </c>
      <c r="X12" s="195">
        <v>0</v>
      </c>
      <c r="Y12" s="195">
        <v>0</v>
      </c>
      <c r="Z12" s="196">
        <v>0</v>
      </c>
      <c r="AA12" s="197">
        <v>0</v>
      </c>
      <c r="AB12" s="197">
        <v>0</v>
      </c>
      <c r="AC12" s="197">
        <v>0</v>
      </c>
      <c r="AD12" s="195">
        <v>0</v>
      </c>
      <c r="AE12" s="198">
        <v>0</v>
      </c>
      <c r="AF12" s="199">
        <v>0</v>
      </c>
      <c r="AG12" s="194">
        <v>0</v>
      </c>
      <c r="AH12" s="195">
        <v>0</v>
      </c>
      <c r="AI12" s="195">
        <v>0</v>
      </c>
      <c r="AJ12" s="196">
        <v>0</v>
      </c>
      <c r="AK12" s="197">
        <v>0</v>
      </c>
      <c r="AL12" s="197">
        <v>0</v>
      </c>
      <c r="AM12" s="197">
        <v>1</v>
      </c>
      <c r="AN12" s="195">
        <v>0</v>
      </c>
      <c r="AO12" s="198">
        <v>1</v>
      </c>
      <c r="AP12" s="200">
        <v>1</v>
      </c>
      <c r="AQ12" s="37"/>
    </row>
    <row r="13" spans="2:43" ht="21" customHeight="1" x14ac:dyDescent="0.2">
      <c r="B13" s="62" t="s">
        <v>10</v>
      </c>
      <c r="C13" s="194">
        <v>0</v>
      </c>
      <c r="D13" s="195">
        <v>0</v>
      </c>
      <c r="E13" s="195">
        <v>0</v>
      </c>
      <c r="F13" s="196">
        <v>1</v>
      </c>
      <c r="G13" s="197">
        <v>0</v>
      </c>
      <c r="H13" s="197">
        <v>25</v>
      </c>
      <c r="I13" s="197">
        <v>35</v>
      </c>
      <c r="J13" s="195">
        <v>22</v>
      </c>
      <c r="K13" s="198">
        <v>83</v>
      </c>
      <c r="L13" s="199">
        <v>83</v>
      </c>
      <c r="M13" s="194">
        <v>0</v>
      </c>
      <c r="N13" s="195">
        <v>0</v>
      </c>
      <c r="O13" s="198">
        <v>0</v>
      </c>
      <c r="P13" s="201">
        <v>2</v>
      </c>
      <c r="Q13" s="197">
        <v>7</v>
      </c>
      <c r="R13" s="197">
        <v>12</v>
      </c>
      <c r="S13" s="197">
        <v>14</v>
      </c>
      <c r="T13" s="195">
        <v>7</v>
      </c>
      <c r="U13" s="198">
        <v>42</v>
      </c>
      <c r="V13" s="202">
        <v>42</v>
      </c>
      <c r="W13" s="201">
        <v>0</v>
      </c>
      <c r="X13" s="195">
        <v>0</v>
      </c>
      <c r="Y13" s="195">
        <v>0</v>
      </c>
      <c r="Z13" s="196">
        <v>0</v>
      </c>
      <c r="AA13" s="197">
        <v>0</v>
      </c>
      <c r="AB13" s="197">
        <v>0</v>
      </c>
      <c r="AC13" s="197">
        <v>0</v>
      </c>
      <c r="AD13" s="195">
        <v>0</v>
      </c>
      <c r="AE13" s="198">
        <v>0</v>
      </c>
      <c r="AF13" s="199">
        <v>0</v>
      </c>
      <c r="AG13" s="194">
        <v>0</v>
      </c>
      <c r="AH13" s="195">
        <v>0</v>
      </c>
      <c r="AI13" s="195">
        <v>0</v>
      </c>
      <c r="AJ13" s="196">
        <v>0</v>
      </c>
      <c r="AK13" s="197">
        <v>0</v>
      </c>
      <c r="AL13" s="197">
        <v>0</v>
      </c>
      <c r="AM13" s="197">
        <v>0</v>
      </c>
      <c r="AN13" s="195">
        <v>2</v>
      </c>
      <c r="AO13" s="198">
        <v>2</v>
      </c>
      <c r="AP13" s="200">
        <v>2</v>
      </c>
      <c r="AQ13" s="37"/>
    </row>
    <row r="14" spans="2:43" ht="21" customHeight="1" x14ac:dyDescent="0.2">
      <c r="B14" s="62" t="s">
        <v>11</v>
      </c>
      <c r="C14" s="194">
        <v>0</v>
      </c>
      <c r="D14" s="195">
        <v>0</v>
      </c>
      <c r="E14" s="195">
        <v>0</v>
      </c>
      <c r="F14" s="196">
        <v>0</v>
      </c>
      <c r="G14" s="197">
        <v>0</v>
      </c>
      <c r="H14" s="197">
        <v>6</v>
      </c>
      <c r="I14" s="197">
        <v>15</v>
      </c>
      <c r="J14" s="195">
        <v>6</v>
      </c>
      <c r="K14" s="198">
        <v>27</v>
      </c>
      <c r="L14" s="199">
        <v>27</v>
      </c>
      <c r="M14" s="194">
        <v>0</v>
      </c>
      <c r="N14" s="195">
        <v>0</v>
      </c>
      <c r="O14" s="198">
        <v>0</v>
      </c>
      <c r="P14" s="201">
        <v>1</v>
      </c>
      <c r="Q14" s="197">
        <v>3</v>
      </c>
      <c r="R14" s="197">
        <v>7</v>
      </c>
      <c r="S14" s="197">
        <v>4</v>
      </c>
      <c r="T14" s="195">
        <v>7</v>
      </c>
      <c r="U14" s="198">
        <v>22</v>
      </c>
      <c r="V14" s="202">
        <v>22</v>
      </c>
      <c r="W14" s="201">
        <v>0</v>
      </c>
      <c r="X14" s="195">
        <v>0</v>
      </c>
      <c r="Y14" s="195">
        <v>0</v>
      </c>
      <c r="Z14" s="196">
        <v>0</v>
      </c>
      <c r="AA14" s="197">
        <v>0</v>
      </c>
      <c r="AB14" s="197">
        <v>0</v>
      </c>
      <c r="AC14" s="197">
        <v>0</v>
      </c>
      <c r="AD14" s="195">
        <v>0</v>
      </c>
      <c r="AE14" s="198">
        <v>0</v>
      </c>
      <c r="AF14" s="199">
        <v>0</v>
      </c>
      <c r="AG14" s="194">
        <v>0</v>
      </c>
      <c r="AH14" s="195">
        <v>0</v>
      </c>
      <c r="AI14" s="195">
        <v>0</v>
      </c>
      <c r="AJ14" s="196">
        <v>0</v>
      </c>
      <c r="AK14" s="197">
        <v>1</v>
      </c>
      <c r="AL14" s="197">
        <v>0</v>
      </c>
      <c r="AM14" s="197">
        <v>0</v>
      </c>
      <c r="AN14" s="195">
        <v>0</v>
      </c>
      <c r="AO14" s="198">
        <v>1</v>
      </c>
      <c r="AP14" s="200">
        <v>1</v>
      </c>
      <c r="AQ14" s="37"/>
    </row>
    <row r="15" spans="2:43" ht="21" customHeight="1" x14ac:dyDescent="0.2">
      <c r="B15" s="62" t="s">
        <v>12</v>
      </c>
      <c r="C15" s="194">
        <v>0</v>
      </c>
      <c r="D15" s="195">
        <v>0</v>
      </c>
      <c r="E15" s="195">
        <v>0</v>
      </c>
      <c r="F15" s="196">
        <v>0</v>
      </c>
      <c r="G15" s="197">
        <v>0</v>
      </c>
      <c r="H15" s="197">
        <v>8</v>
      </c>
      <c r="I15" s="197">
        <v>17</v>
      </c>
      <c r="J15" s="195">
        <v>7</v>
      </c>
      <c r="K15" s="198">
        <v>32</v>
      </c>
      <c r="L15" s="199">
        <v>32</v>
      </c>
      <c r="M15" s="194">
        <v>0</v>
      </c>
      <c r="N15" s="195">
        <v>0</v>
      </c>
      <c r="O15" s="198">
        <v>0</v>
      </c>
      <c r="P15" s="201">
        <v>3</v>
      </c>
      <c r="Q15" s="197">
        <v>3</v>
      </c>
      <c r="R15" s="197">
        <v>6</v>
      </c>
      <c r="S15" s="197">
        <v>8</v>
      </c>
      <c r="T15" s="195">
        <v>4</v>
      </c>
      <c r="U15" s="198">
        <v>24</v>
      </c>
      <c r="V15" s="202">
        <v>24</v>
      </c>
      <c r="W15" s="201">
        <v>0</v>
      </c>
      <c r="X15" s="195">
        <v>0</v>
      </c>
      <c r="Y15" s="195">
        <v>0</v>
      </c>
      <c r="Z15" s="196">
        <v>0</v>
      </c>
      <c r="AA15" s="197">
        <v>0</v>
      </c>
      <c r="AB15" s="197">
        <v>0</v>
      </c>
      <c r="AC15" s="197">
        <v>0</v>
      </c>
      <c r="AD15" s="195">
        <v>0</v>
      </c>
      <c r="AE15" s="198">
        <v>0</v>
      </c>
      <c r="AF15" s="199">
        <v>0</v>
      </c>
      <c r="AG15" s="194">
        <v>0</v>
      </c>
      <c r="AH15" s="195">
        <v>0</v>
      </c>
      <c r="AI15" s="195">
        <v>0</v>
      </c>
      <c r="AJ15" s="196">
        <v>0</v>
      </c>
      <c r="AK15" s="197">
        <v>0</v>
      </c>
      <c r="AL15" s="197">
        <v>0</v>
      </c>
      <c r="AM15" s="197">
        <v>1</v>
      </c>
      <c r="AN15" s="195">
        <v>0</v>
      </c>
      <c r="AO15" s="198">
        <v>1</v>
      </c>
      <c r="AP15" s="200">
        <v>1</v>
      </c>
      <c r="AQ15" s="37"/>
    </row>
    <row r="16" spans="2:43" ht="21" customHeight="1" x14ac:dyDescent="0.2">
      <c r="B16" s="62" t="s">
        <v>13</v>
      </c>
      <c r="C16" s="194">
        <v>0</v>
      </c>
      <c r="D16" s="195">
        <v>0</v>
      </c>
      <c r="E16" s="195">
        <v>0</v>
      </c>
      <c r="F16" s="196">
        <v>0</v>
      </c>
      <c r="G16" s="197">
        <v>0</v>
      </c>
      <c r="H16" s="197">
        <v>3</v>
      </c>
      <c r="I16" s="197">
        <v>11</v>
      </c>
      <c r="J16" s="195">
        <v>7</v>
      </c>
      <c r="K16" s="198">
        <v>21</v>
      </c>
      <c r="L16" s="199">
        <v>21</v>
      </c>
      <c r="M16" s="194">
        <v>0</v>
      </c>
      <c r="N16" s="195">
        <v>0</v>
      </c>
      <c r="O16" s="198">
        <v>0</v>
      </c>
      <c r="P16" s="201">
        <v>0</v>
      </c>
      <c r="Q16" s="197">
        <v>3</v>
      </c>
      <c r="R16" s="197">
        <v>2</v>
      </c>
      <c r="S16" s="197">
        <v>3</v>
      </c>
      <c r="T16" s="195">
        <v>2</v>
      </c>
      <c r="U16" s="198">
        <v>10</v>
      </c>
      <c r="V16" s="202">
        <v>10</v>
      </c>
      <c r="W16" s="201">
        <v>0</v>
      </c>
      <c r="X16" s="195">
        <v>0</v>
      </c>
      <c r="Y16" s="195">
        <v>0</v>
      </c>
      <c r="Z16" s="196">
        <v>0</v>
      </c>
      <c r="AA16" s="197">
        <v>0</v>
      </c>
      <c r="AB16" s="197">
        <v>0</v>
      </c>
      <c r="AC16" s="197">
        <v>0</v>
      </c>
      <c r="AD16" s="195">
        <v>0</v>
      </c>
      <c r="AE16" s="198">
        <v>0</v>
      </c>
      <c r="AF16" s="199">
        <v>0</v>
      </c>
      <c r="AG16" s="194">
        <v>0</v>
      </c>
      <c r="AH16" s="195">
        <v>0</v>
      </c>
      <c r="AI16" s="195">
        <v>0</v>
      </c>
      <c r="AJ16" s="196">
        <v>0</v>
      </c>
      <c r="AK16" s="197">
        <v>0</v>
      </c>
      <c r="AL16" s="197">
        <v>0</v>
      </c>
      <c r="AM16" s="197">
        <v>0</v>
      </c>
      <c r="AN16" s="195">
        <v>0</v>
      </c>
      <c r="AO16" s="198">
        <v>0</v>
      </c>
      <c r="AP16" s="200">
        <v>0</v>
      </c>
      <c r="AQ16" s="37"/>
    </row>
    <row r="17" spans="2:43" ht="21" customHeight="1" x14ac:dyDescent="0.2">
      <c r="B17" s="62" t="s">
        <v>15</v>
      </c>
      <c r="C17" s="194">
        <v>0</v>
      </c>
      <c r="D17" s="195">
        <v>0</v>
      </c>
      <c r="E17" s="195">
        <v>0</v>
      </c>
      <c r="F17" s="196">
        <v>0</v>
      </c>
      <c r="G17" s="197">
        <v>0</v>
      </c>
      <c r="H17" s="197">
        <v>3</v>
      </c>
      <c r="I17" s="197">
        <v>6</v>
      </c>
      <c r="J17" s="195">
        <v>2</v>
      </c>
      <c r="K17" s="198">
        <v>11</v>
      </c>
      <c r="L17" s="199">
        <v>11</v>
      </c>
      <c r="M17" s="194">
        <v>0</v>
      </c>
      <c r="N17" s="195">
        <v>0</v>
      </c>
      <c r="O17" s="198">
        <v>0</v>
      </c>
      <c r="P17" s="201">
        <v>1</v>
      </c>
      <c r="Q17" s="197">
        <v>1</v>
      </c>
      <c r="R17" s="197">
        <v>2</v>
      </c>
      <c r="S17" s="197">
        <v>2</v>
      </c>
      <c r="T17" s="195">
        <v>3</v>
      </c>
      <c r="U17" s="198">
        <v>9</v>
      </c>
      <c r="V17" s="202">
        <v>9</v>
      </c>
      <c r="W17" s="201">
        <v>0</v>
      </c>
      <c r="X17" s="195">
        <v>0</v>
      </c>
      <c r="Y17" s="195">
        <v>0</v>
      </c>
      <c r="Z17" s="196">
        <v>0</v>
      </c>
      <c r="AA17" s="197">
        <v>0</v>
      </c>
      <c r="AB17" s="197">
        <v>0</v>
      </c>
      <c r="AC17" s="197">
        <v>0</v>
      </c>
      <c r="AD17" s="195">
        <v>0</v>
      </c>
      <c r="AE17" s="198">
        <v>0</v>
      </c>
      <c r="AF17" s="199">
        <v>0</v>
      </c>
      <c r="AG17" s="194">
        <v>0</v>
      </c>
      <c r="AH17" s="195">
        <v>0</v>
      </c>
      <c r="AI17" s="195">
        <v>0</v>
      </c>
      <c r="AJ17" s="196">
        <v>0</v>
      </c>
      <c r="AK17" s="197">
        <v>0</v>
      </c>
      <c r="AL17" s="197">
        <v>0</v>
      </c>
      <c r="AM17" s="197">
        <v>0</v>
      </c>
      <c r="AN17" s="195">
        <v>0</v>
      </c>
      <c r="AO17" s="198">
        <v>0</v>
      </c>
      <c r="AP17" s="200">
        <v>0</v>
      </c>
      <c r="AQ17" s="37"/>
    </row>
    <row r="18" spans="2:43" ht="21" customHeight="1" x14ac:dyDescent="0.2">
      <c r="B18" s="62" t="s">
        <v>16</v>
      </c>
      <c r="C18" s="194">
        <v>0</v>
      </c>
      <c r="D18" s="195">
        <v>0</v>
      </c>
      <c r="E18" s="195">
        <v>0</v>
      </c>
      <c r="F18" s="196">
        <v>0</v>
      </c>
      <c r="G18" s="197">
        <v>1</v>
      </c>
      <c r="H18" s="197">
        <v>5</v>
      </c>
      <c r="I18" s="197">
        <v>10</v>
      </c>
      <c r="J18" s="195">
        <v>4</v>
      </c>
      <c r="K18" s="198">
        <v>20</v>
      </c>
      <c r="L18" s="199">
        <v>20</v>
      </c>
      <c r="M18" s="194">
        <v>0</v>
      </c>
      <c r="N18" s="195">
        <v>0</v>
      </c>
      <c r="O18" s="198">
        <v>0</v>
      </c>
      <c r="P18" s="201">
        <v>1</v>
      </c>
      <c r="Q18" s="197">
        <v>4</v>
      </c>
      <c r="R18" s="197">
        <v>4</v>
      </c>
      <c r="S18" s="197">
        <v>5</v>
      </c>
      <c r="T18" s="195">
        <v>2</v>
      </c>
      <c r="U18" s="198">
        <v>16</v>
      </c>
      <c r="V18" s="202">
        <v>16</v>
      </c>
      <c r="W18" s="201">
        <v>0</v>
      </c>
      <c r="X18" s="195">
        <v>0</v>
      </c>
      <c r="Y18" s="195">
        <v>0</v>
      </c>
      <c r="Z18" s="196">
        <v>0</v>
      </c>
      <c r="AA18" s="197">
        <v>0</v>
      </c>
      <c r="AB18" s="197">
        <v>0</v>
      </c>
      <c r="AC18" s="197">
        <v>0</v>
      </c>
      <c r="AD18" s="195">
        <v>0</v>
      </c>
      <c r="AE18" s="198">
        <v>0</v>
      </c>
      <c r="AF18" s="199">
        <v>0</v>
      </c>
      <c r="AG18" s="194">
        <v>0</v>
      </c>
      <c r="AH18" s="195">
        <v>0</v>
      </c>
      <c r="AI18" s="195">
        <v>0</v>
      </c>
      <c r="AJ18" s="196">
        <v>0</v>
      </c>
      <c r="AK18" s="197">
        <v>0</v>
      </c>
      <c r="AL18" s="197">
        <v>0</v>
      </c>
      <c r="AM18" s="197">
        <v>0</v>
      </c>
      <c r="AN18" s="195">
        <v>1</v>
      </c>
      <c r="AO18" s="198">
        <v>1</v>
      </c>
      <c r="AP18" s="200">
        <v>1</v>
      </c>
      <c r="AQ18" s="37"/>
    </row>
    <row r="19" spans="2:43" ht="21" customHeight="1" x14ac:dyDescent="0.2">
      <c r="B19" s="62" t="s">
        <v>17</v>
      </c>
      <c r="C19" s="194">
        <v>0</v>
      </c>
      <c r="D19" s="195">
        <v>0</v>
      </c>
      <c r="E19" s="195">
        <v>0</v>
      </c>
      <c r="F19" s="196">
        <v>0</v>
      </c>
      <c r="G19" s="197">
        <v>1</v>
      </c>
      <c r="H19" s="197">
        <v>8</v>
      </c>
      <c r="I19" s="197">
        <v>14</v>
      </c>
      <c r="J19" s="195">
        <v>11</v>
      </c>
      <c r="K19" s="198">
        <v>34</v>
      </c>
      <c r="L19" s="199">
        <v>34</v>
      </c>
      <c r="M19" s="194">
        <v>0</v>
      </c>
      <c r="N19" s="195">
        <v>0</v>
      </c>
      <c r="O19" s="198">
        <v>0</v>
      </c>
      <c r="P19" s="201">
        <v>5</v>
      </c>
      <c r="Q19" s="197">
        <v>3</v>
      </c>
      <c r="R19" s="197">
        <v>11</v>
      </c>
      <c r="S19" s="197">
        <v>7</v>
      </c>
      <c r="T19" s="195">
        <v>5</v>
      </c>
      <c r="U19" s="198">
        <v>31</v>
      </c>
      <c r="V19" s="202">
        <v>31</v>
      </c>
      <c r="W19" s="201">
        <v>0</v>
      </c>
      <c r="X19" s="195">
        <v>0</v>
      </c>
      <c r="Y19" s="195">
        <v>0</v>
      </c>
      <c r="Z19" s="196">
        <v>0</v>
      </c>
      <c r="AA19" s="197">
        <v>0</v>
      </c>
      <c r="AB19" s="197">
        <v>0</v>
      </c>
      <c r="AC19" s="197">
        <v>0</v>
      </c>
      <c r="AD19" s="195">
        <v>0</v>
      </c>
      <c r="AE19" s="198">
        <v>0</v>
      </c>
      <c r="AF19" s="199">
        <v>0</v>
      </c>
      <c r="AG19" s="194">
        <v>0</v>
      </c>
      <c r="AH19" s="195">
        <v>0</v>
      </c>
      <c r="AI19" s="195">
        <v>0</v>
      </c>
      <c r="AJ19" s="196">
        <v>0</v>
      </c>
      <c r="AK19" s="197">
        <v>0</v>
      </c>
      <c r="AL19" s="197">
        <v>0</v>
      </c>
      <c r="AM19" s="197">
        <v>0</v>
      </c>
      <c r="AN19" s="195">
        <v>1</v>
      </c>
      <c r="AO19" s="198">
        <v>1</v>
      </c>
      <c r="AP19" s="200">
        <v>1</v>
      </c>
      <c r="AQ19" s="37"/>
    </row>
    <row r="20" spans="2:43" ht="21" customHeight="1" x14ac:dyDescent="0.2">
      <c r="B20" s="62" t="s">
        <v>18</v>
      </c>
      <c r="C20" s="194">
        <v>0</v>
      </c>
      <c r="D20" s="195">
        <v>0</v>
      </c>
      <c r="E20" s="195">
        <v>0</v>
      </c>
      <c r="F20" s="196">
        <v>0</v>
      </c>
      <c r="G20" s="197">
        <v>1</v>
      </c>
      <c r="H20" s="197">
        <v>5</v>
      </c>
      <c r="I20" s="197">
        <v>21</v>
      </c>
      <c r="J20" s="195">
        <v>5</v>
      </c>
      <c r="K20" s="198">
        <v>32</v>
      </c>
      <c r="L20" s="199">
        <v>32</v>
      </c>
      <c r="M20" s="194">
        <v>0</v>
      </c>
      <c r="N20" s="195">
        <v>0</v>
      </c>
      <c r="O20" s="198">
        <v>0</v>
      </c>
      <c r="P20" s="201">
        <v>3</v>
      </c>
      <c r="Q20" s="197">
        <v>2</v>
      </c>
      <c r="R20" s="197">
        <v>4</v>
      </c>
      <c r="S20" s="197">
        <v>3</v>
      </c>
      <c r="T20" s="195">
        <v>4</v>
      </c>
      <c r="U20" s="198">
        <v>16</v>
      </c>
      <c r="V20" s="202">
        <v>16</v>
      </c>
      <c r="W20" s="201">
        <v>0</v>
      </c>
      <c r="X20" s="195">
        <v>0</v>
      </c>
      <c r="Y20" s="195">
        <v>0</v>
      </c>
      <c r="Z20" s="196">
        <v>0</v>
      </c>
      <c r="AA20" s="197">
        <v>0</v>
      </c>
      <c r="AB20" s="197">
        <v>0</v>
      </c>
      <c r="AC20" s="197">
        <v>0</v>
      </c>
      <c r="AD20" s="195">
        <v>0</v>
      </c>
      <c r="AE20" s="198">
        <v>0</v>
      </c>
      <c r="AF20" s="199">
        <v>0</v>
      </c>
      <c r="AG20" s="194">
        <v>0</v>
      </c>
      <c r="AH20" s="195">
        <v>0</v>
      </c>
      <c r="AI20" s="195">
        <v>0</v>
      </c>
      <c r="AJ20" s="196">
        <v>0</v>
      </c>
      <c r="AK20" s="197">
        <v>0</v>
      </c>
      <c r="AL20" s="197">
        <v>0</v>
      </c>
      <c r="AM20" s="197">
        <v>0</v>
      </c>
      <c r="AN20" s="195">
        <v>0</v>
      </c>
      <c r="AO20" s="198">
        <v>0</v>
      </c>
      <c r="AP20" s="200">
        <v>0</v>
      </c>
      <c r="AQ20" s="37"/>
    </row>
    <row r="21" spans="2:43" ht="21" customHeight="1" x14ac:dyDescent="0.2">
      <c r="B21" s="62" t="s">
        <v>19</v>
      </c>
      <c r="C21" s="194">
        <v>0</v>
      </c>
      <c r="D21" s="195">
        <v>0</v>
      </c>
      <c r="E21" s="195">
        <v>0</v>
      </c>
      <c r="F21" s="196">
        <v>0</v>
      </c>
      <c r="G21" s="197">
        <v>0</v>
      </c>
      <c r="H21" s="197">
        <v>4</v>
      </c>
      <c r="I21" s="197">
        <v>5</v>
      </c>
      <c r="J21" s="195">
        <v>6</v>
      </c>
      <c r="K21" s="198">
        <v>15</v>
      </c>
      <c r="L21" s="199">
        <v>15</v>
      </c>
      <c r="M21" s="194">
        <v>0</v>
      </c>
      <c r="N21" s="195">
        <v>0</v>
      </c>
      <c r="O21" s="198">
        <v>0</v>
      </c>
      <c r="P21" s="201">
        <v>0</v>
      </c>
      <c r="Q21" s="197">
        <v>2</v>
      </c>
      <c r="R21" s="197">
        <v>4</v>
      </c>
      <c r="S21" s="197">
        <v>2</v>
      </c>
      <c r="T21" s="195">
        <v>1</v>
      </c>
      <c r="U21" s="198">
        <v>9</v>
      </c>
      <c r="V21" s="202">
        <v>9</v>
      </c>
      <c r="W21" s="201">
        <v>0</v>
      </c>
      <c r="X21" s="195">
        <v>0</v>
      </c>
      <c r="Y21" s="195">
        <v>0</v>
      </c>
      <c r="Z21" s="196">
        <v>0</v>
      </c>
      <c r="AA21" s="197">
        <v>0</v>
      </c>
      <c r="AB21" s="197">
        <v>0</v>
      </c>
      <c r="AC21" s="197">
        <v>0</v>
      </c>
      <c r="AD21" s="195">
        <v>0</v>
      </c>
      <c r="AE21" s="198">
        <v>0</v>
      </c>
      <c r="AF21" s="199">
        <v>0</v>
      </c>
      <c r="AG21" s="194">
        <v>0</v>
      </c>
      <c r="AH21" s="195">
        <v>0</v>
      </c>
      <c r="AI21" s="195">
        <v>0</v>
      </c>
      <c r="AJ21" s="196">
        <v>0</v>
      </c>
      <c r="AK21" s="197">
        <v>0</v>
      </c>
      <c r="AL21" s="197">
        <v>0</v>
      </c>
      <c r="AM21" s="197">
        <v>0</v>
      </c>
      <c r="AN21" s="195">
        <v>0</v>
      </c>
      <c r="AO21" s="198">
        <v>0</v>
      </c>
      <c r="AP21" s="200">
        <v>0</v>
      </c>
      <c r="AQ21" s="37"/>
    </row>
    <row r="22" spans="2:43" ht="21" customHeight="1" x14ac:dyDescent="0.2">
      <c r="B22" s="62" t="s">
        <v>20</v>
      </c>
      <c r="C22" s="194">
        <v>0</v>
      </c>
      <c r="D22" s="195">
        <v>0</v>
      </c>
      <c r="E22" s="195">
        <v>0</v>
      </c>
      <c r="F22" s="196">
        <v>0</v>
      </c>
      <c r="G22" s="197">
        <v>1</v>
      </c>
      <c r="H22" s="197">
        <v>9</v>
      </c>
      <c r="I22" s="197">
        <v>9</v>
      </c>
      <c r="J22" s="195">
        <v>3</v>
      </c>
      <c r="K22" s="198">
        <v>22</v>
      </c>
      <c r="L22" s="199">
        <v>22</v>
      </c>
      <c r="M22" s="194">
        <v>0</v>
      </c>
      <c r="N22" s="195">
        <v>0</v>
      </c>
      <c r="O22" s="198">
        <v>0</v>
      </c>
      <c r="P22" s="201">
        <v>0</v>
      </c>
      <c r="Q22" s="197">
        <v>0</v>
      </c>
      <c r="R22" s="197">
        <v>2</v>
      </c>
      <c r="S22" s="197">
        <v>1</v>
      </c>
      <c r="T22" s="195">
        <v>0</v>
      </c>
      <c r="U22" s="198">
        <v>3</v>
      </c>
      <c r="V22" s="202">
        <v>3</v>
      </c>
      <c r="W22" s="201">
        <v>0</v>
      </c>
      <c r="X22" s="195">
        <v>0</v>
      </c>
      <c r="Y22" s="195">
        <v>0</v>
      </c>
      <c r="Z22" s="196">
        <v>0</v>
      </c>
      <c r="AA22" s="197">
        <v>0</v>
      </c>
      <c r="AB22" s="197">
        <v>0</v>
      </c>
      <c r="AC22" s="197">
        <v>0</v>
      </c>
      <c r="AD22" s="195">
        <v>0</v>
      </c>
      <c r="AE22" s="198">
        <v>0</v>
      </c>
      <c r="AF22" s="199">
        <v>0</v>
      </c>
      <c r="AG22" s="194">
        <v>0</v>
      </c>
      <c r="AH22" s="195">
        <v>0</v>
      </c>
      <c r="AI22" s="195">
        <v>0</v>
      </c>
      <c r="AJ22" s="196">
        <v>0</v>
      </c>
      <c r="AK22" s="197">
        <v>0</v>
      </c>
      <c r="AL22" s="197">
        <v>0</v>
      </c>
      <c r="AM22" s="197">
        <v>0</v>
      </c>
      <c r="AN22" s="195">
        <v>1</v>
      </c>
      <c r="AO22" s="198">
        <v>1</v>
      </c>
      <c r="AP22" s="200">
        <v>1</v>
      </c>
      <c r="AQ22" s="37"/>
    </row>
    <row r="23" spans="2:43" ht="21" customHeight="1" x14ac:dyDescent="0.2">
      <c r="B23" s="62" t="s">
        <v>21</v>
      </c>
      <c r="C23" s="194">
        <v>0</v>
      </c>
      <c r="D23" s="195">
        <v>0</v>
      </c>
      <c r="E23" s="195">
        <v>0</v>
      </c>
      <c r="F23" s="196">
        <v>0</v>
      </c>
      <c r="G23" s="197">
        <v>0</v>
      </c>
      <c r="H23" s="197">
        <v>9</v>
      </c>
      <c r="I23" s="197">
        <v>12</v>
      </c>
      <c r="J23" s="195">
        <v>7</v>
      </c>
      <c r="K23" s="198">
        <v>28</v>
      </c>
      <c r="L23" s="199">
        <v>28</v>
      </c>
      <c r="M23" s="194">
        <v>0</v>
      </c>
      <c r="N23" s="195">
        <v>0</v>
      </c>
      <c r="O23" s="198">
        <v>0</v>
      </c>
      <c r="P23" s="201">
        <v>0</v>
      </c>
      <c r="Q23" s="197">
        <v>1</v>
      </c>
      <c r="R23" s="197">
        <v>1</v>
      </c>
      <c r="S23" s="197">
        <v>2</v>
      </c>
      <c r="T23" s="195">
        <v>2</v>
      </c>
      <c r="U23" s="198">
        <v>6</v>
      </c>
      <c r="V23" s="202">
        <v>6</v>
      </c>
      <c r="W23" s="201">
        <v>0</v>
      </c>
      <c r="X23" s="195">
        <v>0</v>
      </c>
      <c r="Y23" s="195">
        <v>0</v>
      </c>
      <c r="Z23" s="196">
        <v>0</v>
      </c>
      <c r="AA23" s="197">
        <v>0</v>
      </c>
      <c r="AB23" s="197">
        <v>0</v>
      </c>
      <c r="AC23" s="197">
        <v>0</v>
      </c>
      <c r="AD23" s="195">
        <v>0</v>
      </c>
      <c r="AE23" s="198">
        <v>0</v>
      </c>
      <c r="AF23" s="199">
        <v>0</v>
      </c>
      <c r="AG23" s="194">
        <v>0</v>
      </c>
      <c r="AH23" s="195">
        <v>0</v>
      </c>
      <c r="AI23" s="195">
        <v>0</v>
      </c>
      <c r="AJ23" s="196">
        <v>0</v>
      </c>
      <c r="AK23" s="197">
        <v>0</v>
      </c>
      <c r="AL23" s="197">
        <v>0</v>
      </c>
      <c r="AM23" s="197">
        <v>1</v>
      </c>
      <c r="AN23" s="195">
        <v>0</v>
      </c>
      <c r="AO23" s="198">
        <v>1</v>
      </c>
      <c r="AP23" s="200">
        <v>1</v>
      </c>
      <c r="AQ23" s="37"/>
    </row>
    <row r="24" spans="2:43" ht="21" customHeight="1" x14ac:dyDescent="0.2">
      <c r="B24" s="62" t="s">
        <v>22</v>
      </c>
      <c r="C24" s="194">
        <v>0</v>
      </c>
      <c r="D24" s="195">
        <v>0</v>
      </c>
      <c r="E24" s="195">
        <v>0</v>
      </c>
      <c r="F24" s="196">
        <v>0</v>
      </c>
      <c r="G24" s="197">
        <v>0</v>
      </c>
      <c r="H24" s="197">
        <v>2</v>
      </c>
      <c r="I24" s="197">
        <v>3</v>
      </c>
      <c r="J24" s="195">
        <v>2</v>
      </c>
      <c r="K24" s="198">
        <v>7</v>
      </c>
      <c r="L24" s="199">
        <v>7</v>
      </c>
      <c r="M24" s="194">
        <v>0</v>
      </c>
      <c r="N24" s="195">
        <v>0</v>
      </c>
      <c r="O24" s="198">
        <v>0</v>
      </c>
      <c r="P24" s="201">
        <v>0</v>
      </c>
      <c r="Q24" s="197">
        <v>0</v>
      </c>
      <c r="R24" s="197">
        <v>2</v>
      </c>
      <c r="S24" s="197">
        <v>2</v>
      </c>
      <c r="T24" s="195">
        <v>0</v>
      </c>
      <c r="U24" s="198">
        <v>4</v>
      </c>
      <c r="V24" s="202">
        <v>4</v>
      </c>
      <c r="W24" s="201">
        <v>0</v>
      </c>
      <c r="X24" s="195">
        <v>0</v>
      </c>
      <c r="Y24" s="195">
        <v>0</v>
      </c>
      <c r="Z24" s="196">
        <v>0</v>
      </c>
      <c r="AA24" s="197">
        <v>0</v>
      </c>
      <c r="AB24" s="197">
        <v>0</v>
      </c>
      <c r="AC24" s="197">
        <v>0</v>
      </c>
      <c r="AD24" s="195">
        <v>0</v>
      </c>
      <c r="AE24" s="198">
        <v>0</v>
      </c>
      <c r="AF24" s="199">
        <v>0</v>
      </c>
      <c r="AG24" s="194">
        <v>0</v>
      </c>
      <c r="AH24" s="195">
        <v>0</v>
      </c>
      <c r="AI24" s="195">
        <v>0</v>
      </c>
      <c r="AJ24" s="196">
        <v>0</v>
      </c>
      <c r="AK24" s="197">
        <v>0</v>
      </c>
      <c r="AL24" s="197">
        <v>0</v>
      </c>
      <c r="AM24" s="197">
        <v>0</v>
      </c>
      <c r="AN24" s="195">
        <v>0</v>
      </c>
      <c r="AO24" s="198">
        <v>0</v>
      </c>
      <c r="AP24" s="200">
        <v>0</v>
      </c>
      <c r="AQ24" s="37"/>
    </row>
    <row r="25" spans="2:43" ht="21" customHeight="1" x14ac:dyDescent="0.2">
      <c r="B25" s="62" t="s">
        <v>23</v>
      </c>
      <c r="C25" s="194">
        <v>0</v>
      </c>
      <c r="D25" s="195">
        <v>0</v>
      </c>
      <c r="E25" s="195">
        <v>0</v>
      </c>
      <c r="F25" s="196">
        <v>1</v>
      </c>
      <c r="G25" s="197">
        <v>0</v>
      </c>
      <c r="H25" s="197">
        <v>2</v>
      </c>
      <c r="I25" s="197">
        <v>3</v>
      </c>
      <c r="J25" s="195">
        <v>0</v>
      </c>
      <c r="K25" s="198">
        <v>6</v>
      </c>
      <c r="L25" s="199">
        <v>6</v>
      </c>
      <c r="M25" s="194">
        <v>0</v>
      </c>
      <c r="N25" s="195">
        <v>0</v>
      </c>
      <c r="O25" s="198">
        <v>0</v>
      </c>
      <c r="P25" s="201">
        <v>1</v>
      </c>
      <c r="Q25" s="197">
        <v>1</v>
      </c>
      <c r="R25" s="197">
        <v>1</v>
      </c>
      <c r="S25" s="197">
        <v>2</v>
      </c>
      <c r="T25" s="195">
        <v>1</v>
      </c>
      <c r="U25" s="198">
        <v>6</v>
      </c>
      <c r="V25" s="202">
        <v>6</v>
      </c>
      <c r="W25" s="201">
        <v>0</v>
      </c>
      <c r="X25" s="195">
        <v>0</v>
      </c>
      <c r="Y25" s="195">
        <v>0</v>
      </c>
      <c r="Z25" s="196">
        <v>0</v>
      </c>
      <c r="AA25" s="197">
        <v>0</v>
      </c>
      <c r="AB25" s="197">
        <v>0</v>
      </c>
      <c r="AC25" s="197">
        <v>0</v>
      </c>
      <c r="AD25" s="195">
        <v>0</v>
      </c>
      <c r="AE25" s="198">
        <v>0</v>
      </c>
      <c r="AF25" s="199">
        <v>0</v>
      </c>
      <c r="AG25" s="194">
        <v>0</v>
      </c>
      <c r="AH25" s="195">
        <v>0</v>
      </c>
      <c r="AI25" s="195">
        <v>0</v>
      </c>
      <c r="AJ25" s="196">
        <v>0</v>
      </c>
      <c r="AK25" s="197">
        <v>0</v>
      </c>
      <c r="AL25" s="197">
        <v>0</v>
      </c>
      <c r="AM25" s="197">
        <v>0</v>
      </c>
      <c r="AN25" s="195">
        <v>0</v>
      </c>
      <c r="AO25" s="198">
        <v>0</v>
      </c>
      <c r="AP25" s="200">
        <v>0</v>
      </c>
      <c r="AQ25" s="37"/>
    </row>
    <row r="26" spans="2:43" ht="21" customHeight="1" x14ac:dyDescent="0.2">
      <c r="B26" s="62" t="s">
        <v>24</v>
      </c>
      <c r="C26" s="194">
        <v>0</v>
      </c>
      <c r="D26" s="195">
        <v>0</v>
      </c>
      <c r="E26" s="195">
        <v>0</v>
      </c>
      <c r="F26" s="196">
        <v>0</v>
      </c>
      <c r="G26" s="197">
        <v>0</v>
      </c>
      <c r="H26" s="197">
        <v>0</v>
      </c>
      <c r="I26" s="197">
        <v>4</v>
      </c>
      <c r="J26" s="195">
        <v>2</v>
      </c>
      <c r="K26" s="198">
        <v>6</v>
      </c>
      <c r="L26" s="199">
        <v>6</v>
      </c>
      <c r="M26" s="194">
        <v>0</v>
      </c>
      <c r="N26" s="195">
        <v>0</v>
      </c>
      <c r="O26" s="198">
        <v>0</v>
      </c>
      <c r="P26" s="201">
        <v>0</v>
      </c>
      <c r="Q26" s="197">
        <v>1</v>
      </c>
      <c r="R26" s="197">
        <v>4</v>
      </c>
      <c r="S26" s="197">
        <v>3</v>
      </c>
      <c r="T26" s="195">
        <v>0</v>
      </c>
      <c r="U26" s="198">
        <v>8</v>
      </c>
      <c r="V26" s="202">
        <v>8</v>
      </c>
      <c r="W26" s="201">
        <v>0</v>
      </c>
      <c r="X26" s="195">
        <v>0</v>
      </c>
      <c r="Y26" s="195">
        <v>0</v>
      </c>
      <c r="Z26" s="196">
        <v>0</v>
      </c>
      <c r="AA26" s="197">
        <v>0</v>
      </c>
      <c r="AB26" s="197">
        <v>0</v>
      </c>
      <c r="AC26" s="197">
        <v>0</v>
      </c>
      <c r="AD26" s="195">
        <v>0</v>
      </c>
      <c r="AE26" s="198">
        <v>0</v>
      </c>
      <c r="AF26" s="199">
        <v>0</v>
      </c>
      <c r="AG26" s="194">
        <v>0</v>
      </c>
      <c r="AH26" s="195">
        <v>0</v>
      </c>
      <c r="AI26" s="195">
        <v>0</v>
      </c>
      <c r="AJ26" s="196">
        <v>0</v>
      </c>
      <c r="AK26" s="197">
        <v>0</v>
      </c>
      <c r="AL26" s="197">
        <v>0</v>
      </c>
      <c r="AM26" s="197">
        <v>0</v>
      </c>
      <c r="AN26" s="195">
        <v>0</v>
      </c>
      <c r="AO26" s="198">
        <v>0</v>
      </c>
      <c r="AP26" s="200">
        <v>0</v>
      </c>
      <c r="AQ26" s="37"/>
    </row>
    <row r="27" spans="2:43" ht="21" customHeight="1" x14ac:dyDescent="0.2">
      <c r="B27" s="62" t="s">
        <v>25</v>
      </c>
      <c r="C27" s="194">
        <v>0</v>
      </c>
      <c r="D27" s="195">
        <v>0</v>
      </c>
      <c r="E27" s="195">
        <v>0</v>
      </c>
      <c r="F27" s="196">
        <v>0</v>
      </c>
      <c r="G27" s="197">
        <v>1</v>
      </c>
      <c r="H27" s="197">
        <v>5</v>
      </c>
      <c r="I27" s="197">
        <v>3</v>
      </c>
      <c r="J27" s="195">
        <v>1</v>
      </c>
      <c r="K27" s="198">
        <v>10</v>
      </c>
      <c r="L27" s="199">
        <v>10</v>
      </c>
      <c r="M27" s="194">
        <v>0</v>
      </c>
      <c r="N27" s="195">
        <v>0</v>
      </c>
      <c r="O27" s="198">
        <v>0</v>
      </c>
      <c r="P27" s="201">
        <v>1</v>
      </c>
      <c r="Q27" s="197">
        <v>0</v>
      </c>
      <c r="R27" s="197">
        <v>0</v>
      </c>
      <c r="S27" s="197">
        <v>1</v>
      </c>
      <c r="T27" s="195">
        <v>3</v>
      </c>
      <c r="U27" s="198">
        <v>5</v>
      </c>
      <c r="V27" s="202">
        <v>5</v>
      </c>
      <c r="W27" s="201">
        <v>0</v>
      </c>
      <c r="X27" s="195">
        <v>0</v>
      </c>
      <c r="Y27" s="195">
        <v>0</v>
      </c>
      <c r="Z27" s="196">
        <v>0</v>
      </c>
      <c r="AA27" s="197">
        <v>0</v>
      </c>
      <c r="AB27" s="197">
        <v>0</v>
      </c>
      <c r="AC27" s="197">
        <v>0</v>
      </c>
      <c r="AD27" s="195">
        <v>0</v>
      </c>
      <c r="AE27" s="198">
        <v>0</v>
      </c>
      <c r="AF27" s="199">
        <v>0</v>
      </c>
      <c r="AG27" s="194">
        <v>0</v>
      </c>
      <c r="AH27" s="195">
        <v>0</v>
      </c>
      <c r="AI27" s="195">
        <v>0</v>
      </c>
      <c r="AJ27" s="196">
        <v>0</v>
      </c>
      <c r="AK27" s="197">
        <v>0</v>
      </c>
      <c r="AL27" s="197">
        <v>0</v>
      </c>
      <c r="AM27" s="197">
        <v>0</v>
      </c>
      <c r="AN27" s="195">
        <v>0</v>
      </c>
      <c r="AO27" s="198">
        <v>0</v>
      </c>
      <c r="AP27" s="200">
        <v>0</v>
      </c>
      <c r="AQ27" s="37"/>
    </row>
    <row r="28" spans="2:43" ht="21" customHeight="1" x14ac:dyDescent="0.2">
      <c r="B28" s="62" t="s">
        <v>26</v>
      </c>
      <c r="C28" s="194">
        <v>0</v>
      </c>
      <c r="D28" s="195">
        <v>0</v>
      </c>
      <c r="E28" s="195">
        <v>0</v>
      </c>
      <c r="F28" s="196">
        <v>0</v>
      </c>
      <c r="G28" s="197">
        <v>0</v>
      </c>
      <c r="H28" s="197">
        <v>1</v>
      </c>
      <c r="I28" s="197">
        <v>4</v>
      </c>
      <c r="J28" s="195">
        <v>0</v>
      </c>
      <c r="K28" s="198">
        <v>5</v>
      </c>
      <c r="L28" s="199">
        <v>5</v>
      </c>
      <c r="M28" s="194">
        <v>0</v>
      </c>
      <c r="N28" s="195">
        <v>0</v>
      </c>
      <c r="O28" s="198">
        <v>0</v>
      </c>
      <c r="P28" s="201">
        <v>0</v>
      </c>
      <c r="Q28" s="197">
        <v>1</v>
      </c>
      <c r="R28" s="197">
        <v>1</v>
      </c>
      <c r="S28" s="197">
        <v>3</v>
      </c>
      <c r="T28" s="195">
        <v>1</v>
      </c>
      <c r="U28" s="198">
        <v>6</v>
      </c>
      <c r="V28" s="202">
        <v>6</v>
      </c>
      <c r="W28" s="201">
        <v>0</v>
      </c>
      <c r="X28" s="195">
        <v>0</v>
      </c>
      <c r="Y28" s="195">
        <v>0</v>
      </c>
      <c r="Z28" s="196">
        <v>0</v>
      </c>
      <c r="AA28" s="197">
        <v>0</v>
      </c>
      <c r="AB28" s="197">
        <v>0</v>
      </c>
      <c r="AC28" s="197">
        <v>0</v>
      </c>
      <c r="AD28" s="195">
        <v>0</v>
      </c>
      <c r="AE28" s="198">
        <v>0</v>
      </c>
      <c r="AF28" s="199">
        <v>0</v>
      </c>
      <c r="AG28" s="194">
        <v>0</v>
      </c>
      <c r="AH28" s="195">
        <v>0</v>
      </c>
      <c r="AI28" s="195">
        <v>0</v>
      </c>
      <c r="AJ28" s="196">
        <v>0</v>
      </c>
      <c r="AK28" s="197">
        <v>0</v>
      </c>
      <c r="AL28" s="197">
        <v>0</v>
      </c>
      <c r="AM28" s="197">
        <v>0</v>
      </c>
      <c r="AN28" s="195">
        <v>0</v>
      </c>
      <c r="AO28" s="198">
        <v>0</v>
      </c>
      <c r="AP28" s="200">
        <v>0</v>
      </c>
      <c r="AQ28" s="37"/>
    </row>
    <row r="29" spans="2:43" ht="21" customHeight="1" x14ac:dyDescent="0.2">
      <c r="B29" s="62" t="s">
        <v>27</v>
      </c>
      <c r="C29" s="194">
        <v>0</v>
      </c>
      <c r="D29" s="195">
        <v>0</v>
      </c>
      <c r="E29" s="195">
        <v>0</v>
      </c>
      <c r="F29" s="196">
        <v>0</v>
      </c>
      <c r="G29" s="197">
        <v>1</v>
      </c>
      <c r="H29" s="197">
        <v>1</v>
      </c>
      <c r="I29" s="197">
        <v>0</v>
      </c>
      <c r="J29" s="195">
        <v>1</v>
      </c>
      <c r="K29" s="198">
        <v>3</v>
      </c>
      <c r="L29" s="199">
        <v>3</v>
      </c>
      <c r="M29" s="194">
        <v>0</v>
      </c>
      <c r="N29" s="195">
        <v>0</v>
      </c>
      <c r="O29" s="198">
        <v>0</v>
      </c>
      <c r="P29" s="201">
        <v>0</v>
      </c>
      <c r="Q29" s="197">
        <v>1</v>
      </c>
      <c r="R29" s="197">
        <v>5</v>
      </c>
      <c r="S29" s="197">
        <v>3</v>
      </c>
      <c r="T29" s="195">
        <v>1</v>
      </c>
      <c r="U29" s="198">
        <v>10</v>
      </c>
      <c r="V29" s="202">
        <v>10</v>
      </c>
      <c r="W29" s="201">
        <v>0</v>
      </c>
      <c r="X29" s="195">
        <v>0</v>
      </c>
      <c r="Y29" s="195">
        <v>0</v>
      </c>
      <c r="Z29" s="196">
        <v>0</v>
      </c>
      <c r="AA29" s="197">
        <v>0</v>
      </c>
      <c r="AB29" s="197">
        <v>0</v>
      </c>
      <c r="AC29" s="197">
        <v>0</v>
      </c>
      <c r="AD29" s="195">
        <v>0</v>
      </c>
      <c r="AE29" s="198">
        <v>0</v>
      </c>
      <c r="AF29" s="199">
        <v>0</v>
      </c>
      <c r="AG29" s="194">
        <v>0</v>
      </c>
      <c r="AH29" s="195">
        <v>0</v>
      </c>
      <c r="AI29" s="195">
        <v>0</v>
      </c>
      <c r="AJ29" s="196">
        <v>0</v>
      </c>
      <c r="AK29" s="197">
        <v>0</v>
      </c>
      <c r="AL29" s="197">
        <v>0</v>
      </c>
      <c r="AM29" s="197">
        <v>1</v>
      </c>
      <c r="AN29" s="195">
        <v>0</v>
      </c>
      <c r="AO29" s="198">
        <v>1</v>
      </c>
      <c r="AP29" s="200">
        <v>1</v>
      </c>
      <c r="AQ29" s="37"/>
    </row>
    <row r="30" spans="2:43" ht="21" customHeight="1" x14ac:dyDescent="0.2">
      <c r="B30" s="62" t="s">
        <v>28</v>
      </c>
      <c r="C30" s="194">
        <v>0</v>
      </c>
      <c r="D30" s="195">
        <v>0</v>
      </c>
      <c r="E30" s="195">
        <v>0</v>
      </c>
      <c r="F30" s="196">
        <v>0</v>
      </c>
      <c r="G30" s="197">
        <v>0</v>
      </c>
      <c r="H30" s="197">
        <v>0</v>
      </c>
      <c r="I30" s="197">
        <v>1</v>
      </c>
      <c r="J30" s="195">
        <v>0</v>
      </c>
      <c r="K30" s="198">
        <v>1</v>
      </c>
      <c r="L30" s="199">
        <v>1</v>
      </c>
      <c r="M30" s="194">
        <v>0</v>
      </c>
      <c r="N30" s="195">
        <v>0</v>
      </c>
      <c r="O30" s="198">
        <v>0</v>
      </c>
      <c r="P30" s="201">
        <v>0</v>
      </c>
      <c r="Q30" s="197">
        <v>1</v>
      </c>
      <c r="R30" s="197">
        <v>0</v>
      </c>
      <c r="S30" s="197">
        <v>4</v>
      </c>
      <c r="T30" s="195">
        <v>0</v>
      </c>
      <c r="U30" s="198">
        <v>5</v>
      </c>
      <c r="V30" s="202">
        <v>5</v>
      </c>
      <c r="W30" s="201">
        <v>0</v>
      </c>
      <c r="X30" s="195">
        <v>0</v>
      </c>
      <c r="Y30" s="195">
        <v>0</v>
      </c>
      <c r="Z30" s="196">
        <v>0</v>
      </c>
      <c r="AA30" s="197">
        <v>0</v>
      </c>
      <c r="AB30" s="197">
        <v>0</v>
      </c>
      <c r="AC30" s="197">
        <v>0</v>
      </c>
      <c r="AD30" s="195">
        <v>0</v>
      </c>
      <c r="AE30" s="198">
        <v>0</v>
      </c>
      <c r="AF30" s="199">
        <v>0</v>
      </c>
      <c r="AG30" s="194">
        <v>0</v>
      </c>
      <c r="AH30" s="195">
        <v>0</v>
      </c>
      <c r="AI30" s="195">
        <v>0</v>
      </c>
      <c r="AJ30" s="196">
        <v>0</v>
      </c>
      <c r="AK30" s="197">
        <v>0</v>
      </c>
      <c r="AL30" s="197">
        <v>0</v>
      </c>
      <c r="AM30" s="197">
        <v>0</v>
      </c>
      <c r="AN30" s="195">
        <v>0</v>
      </c>
      <c r="AO30" s="198">
        <v>0</v>
      </c>
      <c r="AP30" s="200">
        <v>0</v>
      </c>
      <c r="AQ30" s="37"/>
    </row>
    <row r="31" spans="2:43" ht="21" customHeight="1" x14ac:dyDescent="0.2">
      <c r="B31" s="62" t="s">
        <v>29</v>
      </c>
      <c r="C31" s="194">
        <v>0</v>
      </c>
      <c r="D31" s="195">
        <v>0</v>
      </c>
      <c r="E31" s="195">
        <v>0</v>
      </c>
      <c r="F31" s="196">
        <v>0</v>
      </c>
      <c r="G31" s="197">
        <v>0</v>
      </c>
      <c r="H31" s="197">
        <v>1</v>
      </c>
      <c r="I31" s="197">
        <v>0</v>
      </c>
      <c r="J31" s="195">
        <v>1</v>
      </c>
      <c r="K31" s="198">
        <v>2</v>
      </c>
      <c r="L31" s="199">
        <v>2</v>
      </c>
      <c r="M31" s="194">
        <v>0</v>
      </c>
      <c r="N31" s="195">
        <v>0</v>
      </c>
      <c r="O31" s="198">
        <v>0</v>
      </c>
      <c r="P31" s="201">
        <v>0</v>
      </c>
      <c r="Q31" s="197">
        <v>0</v>
      </c>
      <c r="R31" s="197">
        <v>0</v>
      </c>
      <c r="S31" s="197">
        <v>0</v>
      </c>
      <c r="T31" s="195">
        <v>0</v>
      </c>
      <c r="U31" s="198">
        <v>0</v>
      </c>
      <c r="V31" s="202">
        <v>0</v>
      </c>
      <c r="W31" s="201">
        <v>0</v>
      </c>
      <c r="X31" s="195">
        <v>0</v>
      </c>
      <c r="Y31" s="195">
        <v>0</v>
      </c>
      <c r="Z31" s="196">
        <v>0</v>
      </c>
      <c r="AA31" s="197">
        <v>0</v>
      </c>
      <c r="AB31" s="197">
        <v>0</v>
      </c>
      <c r="AC31" s="197">
        <v>0</v>
      </c>
      <c r="AD31" s="195">
        <v>0</v>
      </c>
      <c r="AE31" s="198">
        <v>0</v>
      </c>
      <c r="AF31" s="199">
        <v>0</v>
      </c>
      <c r="AG31" s="194">
        <v>0</v>
      </c>
      <c r="AH31" s="195">
        <v>0</v>
      </c>
      <c r="AI31" s="195">
        <v>0</v>
      </c>
      <c r="AJ31" s="196">
        <v>0</v>
      </c>
      <c r="AK31" s="197">
        <v>0</v>
      </c>
      <c r="AL31" s="197">
        <v>0</v>
      </c>
      <c r="AM31" s="197">
        <v>0</v>
      </c>
      <c r="AN31" s="195">
        <v>0</v>
      </c>
      <c r="AO31" s="198">
        <v>0</v>
      </c>
      <c r="AP31" s="200">
        <v>0</v>
      </c>
      <c r="AQ31" s="37"/>
    </row>
    <row r="32" spans="2:43" ht="21" customHeight="1" x14ac:dyDescent="0.2">
      <c r="B32" s="62" t="s">
        <v>30</v>
      </c>
      <c r="C32" s="194">
        <v>0</v>
      </c>
      <c r="D32" s="195">
        <v>0</v>
      </c>
      <c r="E32" s="195">
        <v>0</v>
      </c>
      <c r="F32" s="196">
        <v>0</v>
      </c>
      <c r="G32" s="197">
        <v>0</v>
      </c>
      <c r="H32" s="197">
        <v>0</v>
      </c>
      <c r="I32" s="197">
        <v>3</v>
      </c>
      <c r="J32" s="195">
        <v>0</v>
      </c>
      <c r="K32" s="198">
        <v>3</v>
      </c>
      <c r="L32" s="199">
        <v>3</v>
      </c>
      <c r="M32" s="194">
        <v>0</v>
      </c>
      <c r="N32" s="195">
        <v>0</v>
      </c>
      <c r="O32" s="198">
        <v>0</v>
      </c>
      <c r="P32" s="201">
        <v>2</v>
      </c>
      <c r="Q32" s="197">
        <v>0</v>
      </c>
      <c r="R32" s="197">
        <v>1</v>
      </c>
      <c r="S32" s="197">
        <v>3</v>
      </c>
      <c r="T32" s="195">
        <v>1</v>
      </c>
      <c r="U32" s="198">
        <v>7</v>
      </c>
      <c r="V32" s="202">
        <v>7</v>
      </c>
      <c r="W32" s="201">
        <v>0</v>
      </c>
      <c r="X32" s="195">
        <v>0</v>
      </c>
      <c r="Y32" s="195">
        <v>0</v>
      </c>
      <c r="Z32" s="196">
        <v>0</v>
      </c>
      <c r="AA32" s="197">
        <v>0</v>
      </c>
      <c r="AB32" s="197">
        <v>0</v>
      </c>
      <c r="AC32" s="197">
        <v>0</v>
      </c>
      <c r="AD32" s="195">
        <v>0</v>
      </c>
      <c r="AE32" s="198">
        <v>0</v>
      </c>
      <c r="AF32" s="199">
        <v>0</v>
      </c>
      <c r="AG32" s="194">
        <v>0</v>
      </c>
      <c r="AH32" s="195">
        <v>0</v>
      </c>
      <c r="AI32" s="195">
        <v>0</v>
      </c>
      <c r="AJ32" s="196">
        <v>0</v>
      </c>
      <c r="AK32" s="197">
        <v>0</v>
      </c>
      <c r="AL32" s="197">
        <v>0</v>
      </c>
      <c r="AM32" s="197">
        <v>0</v>
      </c>
      <c r="AN32" s="195">
        <v>1</v>
      </c>
      <c r="AO32" s="198">
        <v>1</v>
      </c>
      <c r="AP32" s="200">
        <v>1</v>
      </c>
      <c r="AQ32" s="37"/>
    </row>
    <row r="33" spans="2:43" ht="21" customHeight="1" x14ac:dyDescent="0.2">
      <c r="B33" s="62" t="s">
        <v>31</v>
      </c>
      <c r="C33" s="194">
        <v>0</v>
      </c>
      <c r="D33" s="195">
        <v>0</v>
      </c>
      <c r="E33" s="195">
        <v>0</v>
      </c>
      <c r="F33" s="196">
        <v>0</v>
      </c>
      <c r="G33" s="197">
        <v>0</v>
      </c>
      <c r="H33" s="197">
        <v>1</v>
      </c>
      <c r="I33" s="197">
        <v>1</v>
      </c>
      <c r="J33" s="195">
        <v>0</v>
      </c>
      <c r="K33" s="198">
        <v>2</v>
      </c>
      <c r="L33" s="199">
        <v>2</v>
      </c>
      <c r="M33" s="194">
        <v>0</v>
      </c>
      <c r="N33" s="195">
        <v>0</v>
      </c>
      <c r="O33" s="198">
        <v>0</v>
      </c>
      <c r="P33" s="201">
        <v>0</v>
      </c>
      <c r="Q33" s="197">
        <v>1</v>
      </c>
      <c r="R33" s="197">
        <v>0</v>
      </c>
      <c r="S33" s="197">
        <v>0</v>
      </c>
      <c r="T33" s="195">
        <v>0</v>
      </c>
      <c r="U33" s="198">
        <v>1</v>
      </c>
      <c r="V33" s="202">
        <v>1</v>
      </c>
      <c r="W33" s="201">
        <v>0</v>
      </c>
      <c r="X33" s="195">
        <v>0</v>
      </c>
      <c r="Y33" s="195">
        <v>0</v>
      </c>
      <c r="Z33" s="196">
        <v>0</v>
      </c>
      <c r="AA33" s="197">
        <v>0</v>
      </c>
      <c r="AB33" s="197">
        <v>0</v>
      </c>
      <c r="AC33" s="197">
        <v>0</v>
      </c>
      <c r="AD33" s="195">
        <v>0</v>
      </c>
      <c r="AE33" s="198">
        <v>0</v>
      </c>
      <c r="AF33" s="199">
        <v>0</v>
      </c>
      <c r="AG33" s="194">
        <v>0</v>
      </c>
      <c r="AH33" s="195">
        <v>0</v>
      </c>
      <c r="AI33" s="195">
        <v>0</v>
      </c>
      <c r="AJ33" s="196">
        <v>0</v>
      </c>
      <c r="AK33" s="197">
        <v>0</v>
      </c>
      <c r="AL33" s="197">
        <v>0</v>
      </c>
      <c r="AM33" s="197">
        <v>0</v>
      </c>
      <c r="AN33" s="195">
        <v>0</v>
      </c>
      <c r="AO33" s="198">
        <v>0</v>
      </c>
      <c r="AP33" s="200">
        <v>0</v>
      </c>
      <c r="AQ33" s="37"/>
    </row>
    <row r="34" spans="2:43" ht="21" customHeight="1" x14ac:dyDescent="0.2">
      <c r="B34" s="62" t="s">
        <v>32</v>
      </c>
      <c r="C34" s="194">
        <v>0</v>
      </c>
      <c r="D34" s="195">
        <v>0</v>
      </c>
      <c r="E34" s="195">
        <v>0</v>
      </c>
      <c r="F34" s="196">
        <v>0</v>
      </c>
      <c r="G34" s="197">
        <v>0</v>
      </c>
      <c r="H34" s="197">
        <v>0</v>
      </c>
      <c r="I34" s="197">
        <v>2</v>
      </c>
      <c r="J34" s="195">
        <v>0</v>
      </c>
      <c r="K34" s="198">
        <v>2</v>
      </c>
      <c r="L34" s="199">
        <v>2</v>
      </c>
      <c r="M34" s="194">
        <v>0</v>
      </c>
      <c r="N34" s="195">
        <v>0</v>
      </c>
      <c r="O34" s="198">
        <v>0</v>
      </c>
      <c r="P34" s="201">
        <v>0</v>
      </c>
      <c r="Q34" s="197">
        <v>0</v>
      </c>
      <c r="R34" s="197">
        <v>1</v>
      </c>
      <c r="S34" s="197">
        <v>2</v>
      </c>
      <c r="T34" s="195">
        <v>0</v>
      </c>
      <c r="U34" s="198">
        <v>3</v>
      </c>
      <c r="V34" s="202">
        <v>3</v>
      </c>
      <c r="W34" s="201">
        <v>0</v>
      </c>
      <c r="X34" s="195">
        <v>0</v>
      </c>
      <c r="Y34" s="195">
        <v>0</v>
      </c>
      <c r="Z34" s="196">
        <v>0</v>
      </c>
      <c r="AA34" s="197">
        <v>0</v>
      </c>
      <c r="AB34" s="197">
        <v>0</v>
      </c>
      <c r="AC34" s="197">
        <v>0</v>
      </c>
      <c r="AD34" s="195">
        <v>0</v>
      </c>
      <c r="AE34" s="198">
        <v>0</v>
      </c>
      <c r="AF34" s="199">
        <v>0</v>
      </c>
      <c r="AG34" s="194">
        <v>0</v>
      </c>
      <c r="AH34" s="195">
        <v>0</v>
      </c>
      <c r="AI34" s="195">
        <v>0</v>
      </c>
      <c r="AJ34" s="196">
        <v>0</v>
      </c>
      <c r="AK34" s="197">
        <v>0</v>
      </c>
      <c r="AL34" s="197">
        <v>0</v>
      </c>
      <c r="AM34" s="197">
        <v>0</v>
      </c>
      <c r="AN34" s="195">
        <v>0</v>
      </c>
      <c r="AO34" s="198">
        <v>0</v>
      </c>
      <c r="AP34" s="200">
        <v>0</v>
      </c>
      <c r="AQ34" s="37"/>
    </row>
    <row r="35" spans="2:43" ht="21" customHeight="1" x14ac:dyDescent="0.2">
      <c r="B35" s="62" t="s">
        <v>33</v>
      </c>
      <c r="C35" s="194">
        <v>0</v>
      </c>
      <c r="D35" s="195">
        <v>0</v>
      </c>
      <c r="E35" s="195">
        <v>0</v>
      </c>
      <c r="F35" s="196">
        <v>0</v>
      </c>
      <c r="G35" s="197">
        <v>0</v>
      </c>
      <c r="H35" s="197">
        <v>0</v>
      </c>
      <c r="I35" s="197">
        <v>0</v>
      </c>
      <c r="J35" s="195">
        <v>0</v>
      </c>
      <c r="K35" s="198">
        <v>0</v>
      </c>
      <c r="L35" s="199">
        <v>0</v>
      </c>
      <c r="M35" s="194">
        <v>0</v>
      </c>
      <c r="N35" s="195">
        <v>0</v>
      </c>
      <c r="O35" s="198">
        <v>0</v>
      </c>
      <c r="P35" s="201">
        <v>0</v>
      </c>
      <c r="Q35" s="197">
        <v>0</v>
      </c>
      <c r="R35" s="197">
        <v>0</v>
      </c>
      <c r="S35" s="197">
        <v>0</v>
      </c>
      <c r="T35" s="195">
        <v>0</v>
      </c>
      <c r="U35" s="198">
        <v>0</v>
      </c>
      <c r="V35" s="202">
        <v>0</v>
      </c>
      <c r="W35" s="201">
        <v>0</v>
      </c>
      <c r="X35" s="195">
        <v>0</v>
      </c>
      <c r="Y35" s="195">
        <v>0</v>
      </c>
      <c r="Z35" s="196">
        <v>0</v>
      </c>
      <c r="AA35" s="197">
        <v>0</v>
      </c>
      <c r="AB35" s="197">
        <v>0</v>
      </c>
      <c r="AC35" s="197">
        <v>0</v>
      </c>
      <c r="AD35" s="195">
        <v>0</v>
      </c>
      <c r="AE35" s="198">
        <v>0</v>
      </c>
      <c r="AF35" s="199">
        <v>0</v>
      </c>
      <c r="AG35" s="194">
        <v>0</v>
      </c>
      <c r="AH35" s="195">
        <v>0</v>
      </c>
      <c r="AI35" s="195">
        <v>0</v>
      </c>
      <c r="AJ35" s="196">
        <v>0</v>
      </c>
      <c r="AK35" s="197">
        <v>1</v>
      </c>
      <c r="AL35" s="197">
        <v>0</v>
      </c>
      <c r="AM35" s="197">
        <v>0</v>
      </c>
      <c r="AN35" s="195">
        <v>0</v>
      </c>
      <c r="AO35" s="198">
        <v>1</v>
      </c>
      <c r="AP35" s="200">
        <v>1</v>
      </c>
      <c r="AQ35" s="37"/>
    </row>
    <row r="36" spans="2:43" ht="21" customHeight="1" x14ac:dyDescent="0.2">
      <c r="B36" s="62" t="s">
        <v>34</v>
      </c>
      <c r="C36" s="194">
        <v>0</v>
      </c>
      <c r="D36" s="195">
        <v>0</v>
      </c>
      <c r="E36" s="195">
        <v>0</v>
      </c>
      <c r="F36" s="196">
        <v>0</v>
      </c>
      <c r="G36" s="197">
        <v>0</v>
      </c>
      <c r="H36" s="197">
        <v>1</v>
      </c>
      <c r="I36" s="197">
        <v>0</v>
      </c>
      <c r="J36" s="195">
        <v>0</v>
      </c>
      <c r="K36" s="198">
        <v>1</v>
      </c>
      <c r="L36" s="199">
        <v>1</v>
      </c>
      <c r="M36" s="194">
        <v>0</v>
      </c>
      <c r="N36" s="195">
        <v>0</v>
      </c>
      <c r="O36" s="198">
        <v>0</v>
      </c>
      <c r="P36" s="201">
        <v>0</v>
      </c>
      <c r="Q36" s="197">
        <v>0</v>
      </c>
      <c r="R36" s="197">
        <v>1</v>
      </c>
      <c r="S36" s="197">
        <v>0</v>
      </c>
      <c r="T36" s="195">
        <v>0</v>
      </c>
      <c r="U36" s="198">
        <v>1</v>
      </c>
      <c r="V36" s="202">
        <v>1</v>
      </c>
      <c r="W36" s="201">
        <v>0</v>
      </c>
      <c r="X36" s="195">
        <v>0</v>
      </c>
      <c r="Y36" s="195">
        <v>0</v>
      </c>
      <c r="Z36" s="196">
        <v>0</v>
      </c>
      <c r="AA36" s="197">
        <v>0</v>
      </c>
      <c r="AB36" s="197">
        <v>0</v>
      </c>
      <c r="AC36" s="197">
        <v>0</v>
      </c>
      <c r="AD36" s="195">
        <v>0</v>
      </c>
      <c r="AE36" s="198">
        <v>0</v>
      </c>
      <c r="AF36" s="199">
        <v>0</v>
      </c>
      <c r="AG36" s="194">
        <v>0</v>
      </c>
      <c r="AH36" s="195">
        <v>0</v>
      </c>
      <c r="AI36" s="195">
        <v>0</v>
      </c>
      <c r="AJ36" s="196">
        <v>0</v>
      </c>
      <c r="AK36" s="197">
        <v>0</v>
      </c>
      <c r="AL36" s="197">
        <v>0</v>
      </c>
      <c r="AM36" s="197">
        <v>0</v>
      </c>
      <c r="AN36" s="195">
        <v>0</v>
      </c>
      <c r="AO36" s="198">
        <v>0</v>
      </c>
      <c r="AP36" s="200">
        <v>0</v>
      </c>
      <c r="AQ36" s="37"/>
    </row>
    <row r="37" spans="2:43" ht="21" customHeight="1" x14ac:dyDescent="0.2">
      <c r="B37" s="62" t="s">
        <v>35</v>
      </c>
      <c r="C37" s="194">
        <v>0</v>
      </c>
      <c r="D37" s="195">
        <v>0</v>
      </c>
      <c r="E37" s="195">
        <v>0</v>
      </c>
      <c r="F37" s="196">
        <v>0</v>
      </c>
      <c r="G37" s="197">
        <v>0</v>
      </c>
      <c r="H37" s="197">
        <v>0</v>
      </c>
      <c r="I37" s="197">
        <v>1</v>
      </c>
      <c r="J37" s="195">
        <v>1</v>
      </c>
      <c r="K37" s="198">
        <v>2</v>
      </c>
      <c r="L37" s="199">
        <v>2</v>
      </c>
      <c r="M37" s="194">
        <v>0</v>
      </c>
      <c r="N37" s="195">
        <v>0</v>
      </c>
      <c r="O37" s="198">
        <v>0</v>
      </c>
      <c r="P37" s="201">
        <v>1</v>
      </c>
      <c r="Q37" s="197">
        <v>1</v>
      </c>
      <c r="R37" s="197">
        <v>2</v>
      </c>
      <c r="S37" s="197">
        <v>0</v>
      </c>
      <c r="T37" s="195">
        <v>0</v>
      </c>
      <c r="U37" s="198">
        <v>4</v>
      </c>
      <c r="V37" s="202">
        <v>4</v>
      </c>
      <c r="W37" s="201">
        <v>0</v>
      </c>
      <c r="X37" s="195">
        <v>0</v>
      </c>
      <c r="Y37" s="195">
        <v>0</v>
      </c>
      <c r="Z37" s="196">
        <v>0</v>
      </c>
      <c r="AA37" s="197">
        <v>0</v>
      </c>
      <c r="AB37" s="197">
        <v>0</v>
      </c>
      <c r="AC37" s="197">
        <v>0</v>
      </c>
      <c r="AD37" s="195">
        <v>0</v>
      </c>
      <c r="AE37" s="198">
        <v>0</v>
      </c>
      <c r="AF37" s="199">
        <v>0</v>
      </c>
      <c r="AG37" s="194">
        <v>0</v>
      </c>
      <c r="AH37" s="195">
        <v>0</v>
      </c>
      <c r="AI37" s="195">
        <v>0</v>
      </c>
      <c r="AJ37" s="196">
        <v>0</v>
      </c>
      <c r="AK37" s="197">
        <v>0</v>
      </c>
      <c r="AL37" s="197">
        <v>0</v>
      </c>
      <c r="AM37" s="197">
        <v>0</v>
      </c>
      <c r="AN37" s="195">
        <v>0</v>
      </c>
      <c r="AO37" s="198">
        <v>0</v>
      </c>
      <c r="AP37" s="200">
        <v>0</v>
      </c>
      <c r="AQ37" s="37"/>
    </row>
    <row r="38" spans="2:43" ht="21" customHeight="1" x14ac:dyDescent="0.2">
      <c r="B38" s="62" t="s">
        <v>36</v>
      </c>
      <c r="C38" s="194">
        <v>0</v>
      </c>
      <c r="D38" s="195">
        <v>0</v>
      </c>
      <c r="E38" s="195">
        <v>0</v>
      </c>
      <c r="F38" s="196">
        <v>0</v>
      </c>
      <c r="G38" s="197">
        <v>0</v>
      </c>
      <c r="H38" s="197">
        <v>0</v>
      </c>
      <c r="I38" s="197">
        <v>3</v>
      </c>
      <c r="J38" s="195">
        <v>2</v>
      </c>
      <c r="K38" s="198">
        <v>5</v>
      </c>
      <c r="L38" s="199">
        <v>5</v>
      </c>
      <c r="M38" s="194">
        <v>0</v>
      </c>
      <c r="N38" s="195">
        <v>0</v>
      </c>
      <c r="O38" s="198">
        <v>0</v>
      </c>
      <c r="P38" s="201">
        <v>1</v>
      </c>
      <c r="Q38" s="197">
        <v>2</v>
      </c>
      <c r="R38" s="197">
        <v>1</v>
      </c>
      <c r="S38" s="197">
        <v>0</v>
      </c>
      <c r="T38" s="195">
        <v>0</v>
      </c>
      <c r="U38" s="198">
        <v>4</v>
      </c>
      <c r="V38" s="202">
        <v>4</v>
      </c>
      <c r="W38" s="201">
        <v>0</v>
      </c>
      <c r="X38" s="195">
        <v>0</v>
      </c>
      <c r="Y38" s="195">
        <v>0</v>
      </c>
      <c r="Z38" s="196">
        <v>0</v>
      </c>
      <c r="AA38" s="197">
        <v>0</v>
      </c>
      <c r="AB38" s="197">
        <v>0</v>
      </c>
      <c r="AC38" s="197">
        <v>0</v>
      </c>
      <c r="AD38" s="195">
        <v>0</v>
      </c>
      <c r="AE38" s="198">
        <v>0</v>
      </c>
      <c r="AF38" s="199">
        <v>0</v>
      </c>
      <c r="AG38" s="194">
        <v>0</v>
      </c>
      <c r="AH38" s="195">
        <v>0</v>
      </c>
      <c r="AI38" s="195">
        <v>0</v>
      </c>
      <c r="AJ38" s="196">
        <v>0</v>
      </c>
      <c r="AK38" s="197">
        <v>0</v>
      </c>
      <c r="AL38" s="197">
        <v>0</v>
      </c>
      <c r="AM38" s="197">
        <v>0</v>
      </c>
      <c r="AN38" s="195">
        <v>0</v>
      </c>
      <c r="AO38" s="198">
        <v>0</v>
      </c>
      <c r="AP38" s="200">
        <v>0</v>
      </c>
      <c r="AQ38" s="37"/>
    </row>
    <row r="39" spans="2:43" ht="21" customHeight="1" thickBot="1" x14ac:dyDescent="0.25">
      <c r="B39" s="63" t="s">
        <v>37</v>
      </c>
      <c r="C39" s="203">
        <v>0</v>
      </c>
      <c r="D39" s="204">
        <v>0</v>
      </c>
      <c r="E39" s="204">
        <v>0</v>
      </c>
      <c r="F39" s="205">
        <v>0</v>
      </c>
      <c r="G39" s="206">
        <v>0</v>
      </c>
      <c r="H39" s="206">
        <v>1</v>
      </c>
      <c r="I39" s="206">
        <v>1</v>
      </c>
      <c r="J39" s="204">
        <v>0</v>
      </c>
      <c r="K39" s="207">
        <v>2</v>
      </c>
      <c r="L39" s="208">
        <v>2</v>
      </c>
      <c r="M39" s="203">
        <v>0</v>
      </c>
      <c r="N39" s="204">
        <v>0</v>
      </c>
      <c r="O39" s="207">
        <v>0</v>
      </c>
      <c r="P39" s="210">
        <v>0</v>
      </c>
      <c r="Q39" s="206">
        <v>0</v>
      </c>
      <c r="R39" s="206">
        <v>0</v>
      </c>
      <c r="S39" s="206">
        <v>0</v>
      </c>
      <c r="T39" s="204">
        <v>0</v>
      </c>
      <c r="U39" s="207">
        <v>0</v>
      </c>
      <c r="V39" s="211">
        <v>0</v>
      </c>
      <c r="W39" s="210">
        <v>0</v>
      </c>
      <c r="X39" s="204">
        <v>0</v>
      </c>
      <c r="Y39" s="204">
        <v>0</v>
      </c>
      <c r="Z39" s="205">
        <v>0</v>
      </c>
      <c r="AA39" s="206">
        <v>0</v>
      </c>
      <c r="AB39" s="206">
        <v>0</v>
      </c>
      <c r="AC39" s="206">
        <v>0</v>
      </c>
      <c r="AD39" s="204">
        <v>0</v>
      </c>
      <c r="AE39" s="207">
        <v>0</v>
      </c>
      <c r="AF39" s="208">
        <v>0</v>
      </c>
      <c r="AG39" s="203">
        <v>0</v>
      </c>
      <c r="AH39" s="204">
        <v>0</v>
      </c>
      <c r="AI39" s="204">
        <v>0</v>
      </c>
      <c r="AJ39" s="205">
        <v>0</v>
      </c>
      <c r="AK39" s="206">
        <v>0</v>
      </c>
      <c r="AL39" s="206">
        <v>0</v>
      </c>
      <c r="AM39" s="206">
        <v>0</v>
      </c>
      <c r="AN39" s="204">
        <v>0</v>
      </c>
      <c r="AO39" s="207">
        <v>0</v>
      </c>
      <c r="AP39" s="209">
        <v>0</v>
      </c>
      <c r="AQ39" s="37"/>
    </row>
    <row r="40" spans="2:43" x14ac:dyDescent="0.2">
      <c r="C40" s="38"/>
      <c r="D40" s="38"/>
      <c r="E40" s="38"/>
      <c r="F40" s="38"/>
      <c r="G40" s="38"/>
      <c r="H40" s="38"/>
      <c r="I40" s="38"/>
      <c r="J40" s="38"/>
      <c r="K40" s="38"/>
      <c r="L40" s="38"/>
      <c r="M40" s="37"/>
      <c r="N40" s="37"/>
      <c r="O40" s="37"/>
      <c r="P40" s="37"/>
      <c r="Q40" s="37"/>
      <c r="R40" s="37"/>
      <c r="S40" s="37"/>
      <c r="T40" s="37"/>
      <c r="U40" s="37"/>
      <c r="V40" s="37"/>
      <c r="W40" s="37"/>
      <c r="X40" s="37"/>
      <c r="Y40" s="37"/>
      <c r="Z40" s="37"/>
      <c r="AA40" s="37"/>
      <c r="AB40" s="37"/>
      <c r="AC40" s="37"/>
      <c r="AD40" s="37"/>
      <c r="AE40" s="37"/>
      <c r="AF40" s="37"/>
      <c r="AG40" s="37"/>
      <c r="AH40" s="37"/>
      <c r="AI40" s="37"/>
      <c r="AJ40" s="37"/>
      <c r="AK40" s="37"/>
      <c r="AL40" s="37"/>
      <c r="AM40" s="37"/>
      <c r="AN40" s="37"/>
      <c r="AO40" s="37"/>
      <c r="AP40" s="37"/>
      <c r="AQ40" s="37"/>
    </row>
    <row r="41" spans="2:43" x14ac:dyDescent="0.2">
      <c r="C41" s="38"/>
      <c r="D41" s="38"/>
      <c r="E41" s="38"/>
      <c r="F41" s="38"/>
      <c r="G41" s="38"/>
      <c r="H41" s="38"/>
      <c r="I41" s="38"/>
      <c r="J41" s="38"/>
      <c r="K41" s="38"/>
      <c r="L41" s="38"/>
      <c r="M41" s="37"/>
      <c r="N41" s="37"/>
      <c r="O41" s="37"/>
      <c r="P41" s="37"/>
      <c r="Q41" s="37"/>
      <c r="R41" s="37"/>
      <c r="S41" s="37"/>
      <c r="T41" s="37"/>
      <c r="U41" s="37"/>
      <c r="V41" s="37"/>
      <c r="W41" s="37"/>
      <c r="X41" s="37"/>
      <c r="Y41" s="37"/>
      <c r="Z41" s="37"/>
      <c r="AA41" s="37"/>
      <c r="AB41" s="37"/>
      <c r="AC41" s="37"/>
      <c r="AD41" s="37"/>
      <c r="AE41" s="37"/>
      <c r="AF41" s="37"/>
      <c r="AG41" s="37"/>
      <c r="AH41" s="37"/>
      <c r="AI41" s="37"/>
      <c r="AJ41" s="37"/>
      <c r="AK41" s="37"/>
      <c r="AL41" s="37"/>
      <c r="AM41" s="37"/>
      <c r="AN41" s="37"/>
      <c r="AO41" s="37"/>
      <c r="AP41" s="37"/>
      <c r="AQ41" s="37"/>
    </row>
    <row r="42" spans="2:43" x14ac:dyDescent="0.2">
      <c r="C42" s="38"/>
      <c r="D42" s="38"/>
      <c r="E42" s="38"/>
      <c r="F42" s="38"/>
      <c r="G42" s="38"/>
      <c r="H42" s="38"/>
      <c r="I42" s="38"/>
      <c r="J42" s="38"/>
      <c r="K42" s="38"/>
      <c r="L42" s="38"/>
      <c r="M42" s="37"/>
      <c r="N42" s="37"/>
      <c r="O42" s="37"/>
      <c r="P42" s="37"/>
      <c r="Q42" s="37"/>
      <c r="R42" s="37"/>
      <c r="S42" s="37"/>
      <c r="T42" s="37"/>
      <c r="U42" s="37"/>
      <c r="V42" s="37"/>
      <c r="W42" s="37"/>
      <c r="X42" s="37"/>
      <c r="Y42" s="37"/>
      <c r="Z42" s="37"/>
      <c r="AA42" s="37"/>
      <c r="AB42" s="37"/>
      <c r="AC42" s="37"/>
      <c r="AD42" s="37"/>
      <c r="AE42" s="37"/>
      <c r="AF42" s="37"/>
      <c r="AG42" s="37"/>
      <c r="AH42" s="37"/>
      <c r="AI42" s="37"/>
      <c r="AJ42" s="37"/>
      <c r="AK42" s="37"/>
      <c r="AL42" s="37"/>
      <c r="AM42" s="37"/>
      <c r="AN42" s="37"/>
      <c r="AO42" s="37"/>
      <c r="AP42" s="37"/>
      <c r="AQ42" s="37"/>
    </row>
    <row r="43" spans="2:43" x14ac:dyDescent="0.2">
      <c r="C43" s="38"/>
      <c r="D43" s="38"/>
      <c r="E43" s="38"/>
      <c r="F43" s="38"/>
      <c r="G43" s="38"/>
      <c r="H43" s="38"/>
      <c r="I43" s="38"/>
      <c r="J43" s="38"/>
      <c r="K43" s="38"/>
      <c r="L43" s="38"/>
      <c r="M43" s="37"/>
      <c r="N43" s="37"/>
      <c r="O43" s="37"/>
      <c r="P43" s="37"/>
      <c r="Q43" s="37"/>
      <c r="R43" s="37"/>
      <c r="S43" s="37"/>
      <c r="T43" s="37"/>
      <c r="U43" s="37"/>
      <c r="V43" s="37"/>
      <c r="W43" s="37"/>
      <c r="X43" s="37"/>
      <c r="Y43" s="37"/>
      <c r="Z43" s="37"/>
      <c r="AA43" s="37"/>
      <c r="AB43" s="37"/>
      <c r="AC43" s="37"/>
      <c r="AD43" s="37"/>
      <c r="AE43" s="37"/>
      <c r="AF43" s="37"/>
      <c r="AG43" s="37"/>
      <c r="AH43" s="37"/>
      <c r="AI43" s="37"/>
      <c r="AJ43" s="37"/>
      <c r="AK43" s="37"/>
      <c r="AL43" s="37"/>
      <c r="AM43" s="37"/>
      <c r="AN43" s="37"/>
      <c r="AO43" s="37"/>
      <c r="AP43" s="37"/>
      <c r="AQ43" s="37"/>
    </row>
    <row r="44" spans="2:43" x14ac:dyDescent="0.2">
      <c r="C44" s="38"/>
      <c r="D44" s="38"/>
      <c r="E44" s="38"/>
      <c r="F44" s="38"/>
      <c r="G44" s="38"/>
      <c r="H44" s="38"/>
      <c r="I44" s="38"/>
      <c r="J44" s="38"/>
      <c r="K44" s="38"/>
      <c r="L44" s="38"/>
      <c r="M44" s="37"/>
      <c r="N44" s="37"/>
      <c r="O44" s="37"/>
      <c r="P44" s="37"/>
      <c r="Q44" s="37"/>
      <c r="R44" s="37"/>
      <c r="S44" s="37"/>
      <c r="T44" s="37"/>
      <c r="U44" s="37"/>
      <c r="V44" s="37"/>
      <c r="W44" s="37"/>
      <c r="X44" s="37"/>
      <c r="Y44" s="37"/>
      <c r="Z44" s="37"/>
      <c r="AA44" s="37"/>
      <c r="AB44" s="37"/>
      <c r="AC44" s="37"/>
      <c r="AD44" s="37"/>
      <c r="AE44" s="37"/>
      <c r="AF44" s="37"/>
      <c r="AG44" s="37"/>
      <c r="AH44" s="37"/>
      <c r="AI44" s="37"/>
      <c r="AJ44" s="37"/>
      <c r="AK44" s="37"/>
      <c r="AL44" s="37"/>
      <c r="AM44" s="37"/>
      <c r="AN44" s="37"/>
      <c r="AO44" s="37"/>
      <c r="AP44" s="37"/>
      <c r="AQ44" s="37"/>
    </row>
    <row r="45" spans="2:43" x14ac:dyDescent="0.2">
      <c r="C45" s="3"/>
      <c r="D45" s="3"/>
      <c r="E45" s="3"/>
      <c r="F45" s="3"/>
      <c r="G45" s="3"/>
      <c r="H45" s="3"/>
      <c r="I45" s="3"/>
      <c r="J45" s="3"/>
      <c r="K45" s="3"/>
      <c r="L45" s="3"/>
    </row>
    <row r="46" spans="2:43" x14ac:dyDescent="0.2">
      <c r="C46" s="3"/>
      <c r="D46" s="3"/>
      <c r="E46" s="3"/>
      <c r="F46" s="3"/>
      <c r="G46" s="3"/>
      <c r="H46" s="3"/>
      <c r="I46" s="3"/>
      <c r="J46" s="3"/>
      <c r="K46" s="3"/>
      <c r="L46" s="3"/>
    </row>
    <row r="47" spans="2:43" x14ac:dyDescent="0.2">
      <c r="C47" s="3"/>
      <c r="D47" s="3"/>
      <c r="E47" s="3"/>
      <c r="F47" s="3"/>
      <c r="G47" s="3"/>
      <c r="H47" s="3"/>
      <c r="I47" s="3"/>
      <c r="J47" s="3"/>
      <c r="K47" s="3"/>
      <c r="L47" s="3"/>
    </row>
    <row r="48" spans="2:43" x14ac:dyDescent="0.2">
      <c r="C48" s="3"/>
      <c r="D48" s="3"/>
      <c r="E48" s="3"/>
      <c r="F48" s="3"/>
      <c r="G48" s="3"/>
      <c r="H48" s="3"/>
      <c r="I48" s="3"/>
      <c r="J48" s="3"/>
      <c r="K48" s="3"/>
      <c r="L48" s="3"/>
    </row>
    <row r="49" spans="3:12" x14ac:dyDescent="0.2">
      <c r="C49" s="3"/>
      <c r="D49" s="3"/>
      <c r="E49" s="3"/>
      <c r="F49" s="3"/>
      <c r="G49" s="3"/>
      <c r="H49" s="3"/>
      <c r="I49" s="3"/>
      <c r="J49" s="3"/>
      <c r="K49" s="3"/>
      <c r="L49" s="3"/>
    </row>
    <row r="50" spans="3:12" x14ac:dyDescent="0.2">
      <c r="C50" s="3"/>
      <c r="D50" s="3"/>
      <c r="E50" s="3"/>
      <c r="F50" s="3"/>
      <c r="G50" s="3"/>
      <c r="H50" s="3"/>
      <c r="I50" s="3"/>
      <c r="J50" s="3"/>
      <c r="K50" s="3"/>
      <c r="L50" s="3"/>
    </row>
    <row r="51" spans="3:12" x14ac:dyDescent="0.2">
      <c r="C51" s="3"/>
      <c r="D51" s="3"/>
      <c r="E51" s="3"/>
      <c r="F51" s="3"/>
      <c r="G51" s="3"/>
      <c r="H51" s="3"/>
      <c r="I51" s="3"/>
      <c r="J51" s="3"/>
      <c r="K51" s="3"/>
      <c r="L51" s="3"/>
    </row>
    <row r="52" spans="3:12" x14ac:dyDescent="0.2">
      <c r="C52" s="3"/>
      <c r="D52" s="3"/>
      <c r="E52" s="3"/>
      <c r="F52" s="3"/>
      <c r="G52" s="3"/>
      <c r="H52" s="3"/>
      <c r="I52" s="3"/>
      <c r="J52" s="3"/>
      <c r="K52" s="3"/>
      <c r="L52" s="3"/>
    </row>
    <row r="53" spans="3:12" x14ac:dyDescent="0.2">
      <c r="C53" s="3"/>
      <c r="D53" s="3"/>
      <c r="E53" s="3"/>
      <c r="F53" s="3"/>
      <c r="G53" s="3"/>
      <c r="H53" s="3"/>
      <c r="I53" s="3"/>
      <c r="J53" s="3"/>
      <c r="K53" s="3"/>
      <c r="L53" s="3"/>
    </row>
    <row r="54" spans="3:12" x14ac:dyDescent="0.2">
      <c r="C54" s="3"/>
      <c r="D54" s="3"/>
      <c r="E54" s="3"/>
      <c r="F54" s="3"/>
      <c r="G54" s="3"/>
      <c r="H54" s="3"/>
      <c r="I54" s="3"/>
      <c r="J54" s="3"/>
      <c r="K54" s="3"/>
      <c r="L54" s="3"/>
    </row>
    <row r="55" spans="3:12" x14ac:dyDescent="0.2">
      <c r="C55" s="3"/>
      <c r="D55" s="3"/>
      <c r="E55" s="3"/>
      <c r="F55" s="3"/>
      <c r="G55" s="3"/>
      <c r="H55" s="3"/>
      <c r="I55" s="3"/>
      <c r="J55" s="3"/>
      <c r="K55" s="3"/>
      <c r="L55" s="3"/>
    </row>
    <row r="56" spans="3:12" x14ac:dyDescent="0.2">
      <c r="C56" s="3"/>
      <c r="D56" s="3"/>
      <c r="E56" s="3"/>
      <c r="F56" s="3"/>
      <c r="G56" s="3"/>
      <c r="H56" s="3"/>
      <c r="I56" s="3"/>
      <c r="J56" s="3"/>
      <c r="K56" s="3"/>
      <c r="L56" s="3"/>
    </row>
    <row r="57" spans="3:12" x14ac:dyDescent="0.2">
      <c r="C57" s="3"/>
      <c r="D57" s="3"/>
      <c r="E57" s="3"/>
      <c r="F57" s="3"/>
      <c r="G57" s="3"/>
      <c r="H57" s="3"/>
      <c r="I57" s="3"/>
      <c r="J57" s="3"/>
      <c r="K57" s="3"/>
      <c r="L57" s="3"/>
    </row>
    <row r="58" spans="3:12" x14ac:dyDescent="0.2">
      <c r="C58" s="3"/>
      <c r="D58" s="3"/>
      <c r="E58" s="3"/>
      <c r="F58" s="3"/>
      <c r="G58" s="3"/>
      <c r="H58" s="3"/>
      <c r="I58" s="3"/>
      <c r="J58" s="3"/>
      <c r="K58" s="3"/>
      <c r="L58" s="3"/>
    </row>
    <row r="59" spans="3:12" x14ac:dyDescent="0.2">
      <c r="C59" s="3"/>
      <c r="D59" s="3"/>
      <c r="E59" s="3"/>
      <c r="F59" s="3"/>
      <c r="G59" s="3"/>
      <c r="H59" s="3"/>
      <c r="I59" s="3"/>
      <c r="J59" s="3"/>
      <c r="K59" s="3"/>
      <c r="L59" s="3"/>
    </row>
    <row r="60" spans="3:12" x14ac:dyDescent="0.2">
      <c r="C60" s="3"/>
      <c r="D60" s="3"/>
      <c r="E60" s="3"/>
      <c r="F60" s="3"/>
      <c r="G60" s="3"/>
      <c r="H60" s="3"/>
      <c r="I60" s="3"/>
      <c r="J60" s="3"/>
      <c r="K60" s="3"/>
      <c r="L60" s="3"/>
    </row>
    <row r="61" spans="3:12" x14ac:dyDescent="0.2">
      <c r="C61" s="3"/>
      <c r="D61" s="3"/>
      <c r="E61" s="3"/>
      <c r="F61" s="3"/>
      <c r="G61" s="3"/>
      <c r="H61" s="3"/>
      <c r="I61" s="3"/>
      <c r="J61" s="3"/>
      <c r="K61" s="3"/>
      <c r="L61" s="3"/>
    </row>
    <row r="62" spans="3:12" x14ac:dyDescent="0.2">
      <c r="C62" s="3"/>
      <c r="D62" s="3"/>
      <c r="E62" s="3"/>
      <c r="F62" s="3"/>
      <c r="G62" s="3"/>
      <c r="H62" s="3"/>
      <c r="I62" s="3"/>
      <c r="J62" s="3"/>
      <c r="K62" s="3"/>
      <c r="L62" s="3"/>
    </row>
    <row r="63" spans="3:12" x14ac:dyDescent="0.2">
      <c r="C63" s="3"/>
      <c r="D63" s="3"/>
      <c r="E63" s="3"/>
      <c r="F63" s="3"/>
      <c r="G63" s="3"/>
      <c r="H63" s="3"/>
      <c r="I63" s="3"/>
      <c r="J63" s="3"/>
      <c r="K63" s="3"/>
      <c r="L63" s="3"/>
    </row>
    <row r="64" spans="3:12" x14ac:dyDescent="0.2">
      <c r="C64" s="3"/>
      <c r="D64" s="3"/>
      <c r="E64" s="3"/>
      <c r="F64" s="3"/>
      <c r="G64" s="3"/>
      <c r="H64" s="3"/>
      <c r="I64" s="3"/>
      <c r="J64" s="3"/>
      <c r="K64" s="3"/>
      <c r="L64" s="3"/>
    </row>
    <row r="65" spans="3:12" x14ac:dyDescent="0.2">
      <c r="C65" s="3"/>
      <c r="D65" s="3"/>
      <c r="E65" s="3"/>
      <c r="F65" s="3"/>
      <c r="G65" s="3"/>
      <c r="H65" s="3"/>
      <c r="I65" s="3"/>
      <c r="J65" s="3"/>
      <c r="K65" s="3"/>
      <c r="L65" s="3"/>
    </row>
    <row r="66" spans="3:12" x14ac:dyDescent="0.2">
      <c r="C66" s="3"/>
      <c r="D66" s="3"/>
      <c r="E66" s="3"/>
      <c r="F66" s="3"/>
      <c r="G66" s="3"/>
      <c r="H66" s="3"/>
      <c r="I66" s="3"/>
      <c r="J66" s="3"/>
      <c r="K66" s="3"/>
      <c r="L66" s="3"/>
    </row>
    <row r="67" spans="3:12" x14ac:dyDescent="0.2">
      <c r="C67" s="3"/>
      <c r="D67" s="3"/>
      <c r="E67" s="3"/>
      <c r="F67" s="3"/>
      <c r="G67" s="3"/>
      <c r="H67" s="3"/>
      <c r="I67" s="3"/>
      <c r="J67" s="3"/>
      <c r="K67" s="3"/>
      <c r="L67" s="3"/>
    </row>
    <row r="68" spans="3:12" x14ac:dyDescent="0.2">
      <c r="C68" s="3"/>
      <c r="D68" s="3"/>
      <c r="E68" s="3"/>
      <c r="F68" s="3"/>
      <c r="G68" s="3"/>
      <c r="H68" s="3"/>
      <c r="I68" s="3"/>
      <c r="J68" s="3"/>
      <c r="K68" s="3"/>
      <c r="L68" s="3"/>
    </row>
    <row r="69" spans="3:12" x14ac:dyDescent="0.2">
      <c r="C69" s="3"/>
      <c r="D69" s="3"/>
      <c r="E69" s="3"/>
      <c r="F69" s="3"/>
      <c r="G69" s="3"/>
      <c r="H69" s="3"/>
      <c r="I69" s="3"/>
      <c r="J69" s="3"/>
      <c r="K69" s="3"/>
      <c r="L69" s="3"/>
    </row>
    <row r="70" spans="3:12" x14ac:dyDescent="0.2">
      <c r="C70" s="3"/>
      <c r="D70" s="3"/>
      <c r="E70" s="3"/>
      <c r="F70" s="3"/>
      <c r="G70" s="3"/>
      <c r="H70" s="3"/>
      <c r="I70" s="3"/>
      <c r="J70" s="3"/>
      <c r="K70" s="3"/>
      <c r="L70" s="3"/>
    </row>
    <row r="71" spans="3:12" x14ac:dyDescent="0.2">
      <c r="C71" s="3"/>
      <c r="D71" s="3"/>
      <c r="E71" s="3"/>
      <c r="F71" s="3"/>
      <c r="G71" s="3"/>
      <c r="H71" s="3"/>
      <c r="I71" s="3"/>
      <c r="J71" s="3"/>
      <c r="K71" s="3"/>
      <c r="L71" s="3"/>
    </row>
    <row r="72" spans="3:12" x14ac:dyDescent="0.2">
      <c r="C72" s="3"/>
      <c r="D72" s="3"/>
      <c r="E72" s="3"/>
      <c r="F72" s="3"/>
      <c r="G72" s="3"/>
      <c r="H72" s="3"/>
      <c r="I72" s="3"/>
      <c r="J72" s="3"/>
      <c r="K72" s="3"/>
      <c r="L72" s="3"/>
    </row>
    <row r="73" spans="3:12" x14ac:dyDescent="0.2">
      <c r="C73" s="3"/>
      <c r="D73" s="3"/>
      <c r="E73" s="3"/>
      <c r="F73" s="3"/>
      <c r="G73" s="3"/>
      <c r="H73" s="3"/>
      <c r="I73" s="3"/>
      <c r="J73" s="3"/>
      <c r="K73" s="3"/>
      <c r="L73" s="3"/>
    </row>
    <row r="74" spans="3:12" x14ac:dyDescent="0.2">
      <c r="C74" s="3"/>
      <c r="D74" s="3"/>
      <c r="E74" s="3"/>
      <c r="F74" s="3"/>
      <c r="G74" s="3"/>
      <c r="H74" s="3"/>
      <c r="I74" s="3"/>
      <c r="J74" s="3"/>
      <c r="K74" s="3"/>
      <c r="L74" s="3"/>
    </row>
    <row r="75" spans="3:12" x14ac:dyDescent="0.2">
      <c r="C75" s="3"/>
      <c r="D75" s="3"/>
      <c r="E75" s="3"/>
      <c r="F75" s="3"/>
      <c r="G75" s="3"/>
      <c r="H75" s="3"/>
      <c r="I75" s="3"/>
      <c r="J75" s="3"/>
      <c r="K75" s="3"/>
      <c r="L75" s="3"/>
    </row>
    <row r="76" spans="3:12" x14ac:dyDescent="0.2">
      <c r="C76" s="3"/>
      <c r="D76" s="3"/>
      <c r="E76" s="3"/>
      <c r="F76" s="3"/>
      <c r="G76" s="3"/>
      <c r="H76" s="3"/>
      <c r="I76" s="3"/>
      <c r="J76" s="3"/>
      <c r="K76" s="3"/>
      <c r="L76" s="3"/>
    </row>
    <row r="77" spans="3:12" x14ac:dyDescent="0.2">
      <c r="C77" s="3"/>
      <c r="D77" s="3"/>
      <c r="E77" s="3"/>
      <c r="F77" s="3"/>
      <c r="G77" s="3"/>
      <c r="H77" s="3"/>
      <c r="I77" s="3"/>
      <c r="J77" s="3"/>
      <c r="K77" s="3"/>
      <c r="L77" s="3"/>
    </row>
    <row r="78" spans="3:12" x14ac:dyDescent="0.2">
      <c r="C78" s="3"/>
      <c r="D78" s="3"/>
      <c r="E78" s="3"/>
      <c r="F78" s="3"/>
      <c r="G78" s="3"/>
      <c r="H78" s="3"/>
      <c r="I78" s="3"/>
      <c r="J78" s="3"/>
      <c r="K78" s="3"/>
      <c r="L78" s="3"/>
    </row>
    <row r="79" spans="3:12" x14ac:dyDescent="0.2">
      <c r="C79" s="3"/>
      <c r="D79" s="3"/>
      <c r="E79" s="3"/>
      <c r="F79" s="3"/>
      <c r="G79" s="3"/>
      <c r="H79" s="3"/>
      <c r="I79" s="3"/>
      <c r="J79" s="3"/>
      <c r="K79" s="3"/>
      <c r="L79" s="3"/>
    </row>
    <row r="80" spans="3:12" x14ac:dyDescent="0.2">
      <c r="C80" s="3"/>
      <c r="D80" s="3"/>
      <c r="E80" s="3"/>
      <c r="F80" s="3"/>
      <c r="G80" s="3"/>
      <c r="H80" s="3"/>
      <c r="I80" s="3"/>
      <c r="J80" s="3"/>
      <c r="K80" s="3"/>
      <c r="L80" s="3"/>
    </row>
    <row r="81" spans="3:12" x14ac:dyDescent="0.2">
      <c r="C81" s="3"/>
      <c r="D81" s="3"/>
      <c r="E81" s="3"/>
      <c r="F81" s="3"/>
      <c r="G81" s="3"/>
      <c r="H81" s="3"/>
      <c r="I81" s="3"/>
      <c r="J81" s="3"/>
      <c r="K81" s="3"/>
      <c r="L81" s="3"/>
    </row>
    <row r="82" spans="3:12" x14ac:dyDescent="0.2">
      <c r="C82" s="3"/>
      <c r="D82" s="3"/>
      <c r="E82" s="3"/>
      <c r="F82" s="3"/>
      <c r="G82" s="3"/>
      <c r="H82" s="3"/>
      <c r="I82" s="3"/>
      <c r="J82" s="3"/>
      <c r="K82" s="3"/>
      <c r="L82" s="3"/>
    </row>
    <row r="83" spans="3:12" x14ac:dyDescent="0.2">
      <c r="C83" s="3"/>
      <c r="D83" s="3"/>
      <c r="E83" s="3"/>
      <c r="F83" s="3"/>
      <c r="G83" s="3"/>
      <c r="H83" s="3"/>
      <c r="I83" s="3"/>
      <c r="J83" s="3"/>
      <c r="K83" s="3"/>
      <c r="L83" s="3"/>
    </row>
    <row r="84" spans="3:12" x14ac:dyDescent="0.2">
      <c r="C84" s="3"/>
      <c r="D84" s="3"/>
      <c r="E84" s="3"/>
      <c r="F84" s="3"/>
      <c r="G84" s="3"/>
      <c r="H84" s="3"/>
      <c r="I84" s="3"/>
      <c r="J84" s="3"/>
      <c r="K84" s="3"/>
      <c r="L84" s="3"/>
    </row>
    <row r="85" spans="3:12" x14ac:dyDescent="0.2">
      <c r="C85" s="3"/>
      <c r="D85" s="3"/>
      <c r="E85" s="3"/>
      <c r="F85" s="3"/>
      <c r="G85" s="3"/>
      <c r="H85" s="3"/>
      <c r="I85" s="3"/>
      <c r="J85" s="3"/>
      <c r="K85" s="3"/>
      <c r="L85" s="3"/>
    </row>
    <row r="86" spans="3:12" x14ac:dyDescent="0.2">
      <c r="C86" s="3"/>
      <c r="D86" s="3"/>
      <c r="E86" s="3"/>
      <c r="F86" s="3"/>
      <c r="G86" s="3"/>
      <c r="H86" s="3"/>
      <c r="I86" s="3"/>
      <c r="J86" s="3"/>
      <c r="K86" s="3"/>
      <c r="L86" s="3"/>
    </row>
    <row r="87" spans="3:12" x14ac:dyDescent="0.2">
      <c r="C87" s="3"/>
      <c r="D87" s="3"/>
      <c r="E87" s="3"/>
      <c r="F87" s="3"/>
      <c r="G87" s="3"/>
      <c r="H87" s="3"/>
      <c r="I87" s="3"/>
      <c r="J87" s="3"/>
      <c r="K87" s="3"/>
      <c r="L87" s="3"/>
    </row>
    <row r="88" spans="3:12" x14ac:dyDescent="0.2">
      <c r="C88" s="3"/>
      <c r="D88" s="3"/>
      <c r="E88" s="3"/>
      <c r="F88" s="3"/>
      <c r="G88" s="3"/>
      <c r="H88" s="3"/>
      <c r="I88" s="3"/>
      <c r="J88" s="3"/>
      <c r="K88" s="3"/>
      <c r="L88" s="3"/>
    </row>
    <row r="89" spans="3:12" x14ac:dyDescent="0.2">
      <c r="C89" s="3"/>
      <c r="D89" s="3"/>
      <c r="E89" s="3"/>
      <c r="F89" s="3"/>
      <c r="G89" s="3"/>
      <c r="H89" s="3"/>
      <c r="I89" s="3"/>
      <c r="J89" s="3"/>
      <c r="K89" s="3"/>
      <c r="L89" s="3"/>
    </row>
    <row r="90" spans="3:12" x14ac:dyDescent="0.2">
      <c r="C90" s="3"/>
      <c r="D90" s="3"/>
      <c r="E90" s="3"/>
      <c r="F90" s="3"/>
      <c r="G90" s="3"/>
      <c r="H90" s="3"/>
      <c r="I90" s="3"/>
      <c r="J90" s="3"/>
      <c r="K90" s="3"/>
      <c r="L90" s="3"/>
    </row>
    <row r="91" spans="3:12" x14ac:dyDescent="0.2">
      <c r="C91" s="3"/>
      <c r="D91" s="3"/>
      <c r="E91" s="3"/>
      <c r="F91" s="3"/>
      <c r="G91" s="3"/>
      <c r="H91" s="3"/>
      <c r="I91" s="3"/>
      <c r="J91" s="3"/>
      <c r="K91" s="3"/>
      <c r="L91" s="3"/>
    </row>
    <row r="92" spans="3:12" x14ac:dyDescent="0.2">
      <c r="C92" s="3"/>
      <c r="D92" s="3"/>
      <c r="E92" s="3"/>
      <c r="F92" s="3"/>
      <c r="G92" s="3"/>
      <c r="H92" s="3"/>
      <c r="I92" s="3"/>
      <c r="J92" s="3"/>
      <c r="K92" s="3"/>
      <c r="L92" s="3"/>
    </row>
    <row r="93" spans="3:12" x14ac:dyDescent="0.2">
      <c r="C93" s="3"/>
      <c r="D93" s="3"/>
      <c r="E93" s="3"/>
      <c r="F93" s="3"/>
      <c r="G93" s="3"/>
      <c r="H93" s="3"/>
      <c r="I93" s="3"/>
      <c r="J93" s="3"/>
      <c r="K93" s="3"/>
      <c r="L93" s="3"/>
    </row>
    <row r="94" spans="3:12" x14ac:dyDescent="0.2">
      <c r="C94" s="3"/>
      <c r="D94" s="3"/>
      <c r="E94" s="3"/>
      <c r="F94" s="3"/>
      <c r="G94" s="3"/>
      <c r="H94" s="3"/>
      <c r="I94" s="3"/>
      <c r="J94" s="3"/>
      <c r="K94" s="3"/>
      <c r="L94" s="3"/>
    </row>
    <row r="95" spans="3:12" x14ac:dyDescent="0.2">
      <c r="C95" s="3"/>
      <c r="D95" s="3"/>
      <c r="E95" s="3"/>
      <c r="F95" s="3"/>
      <c r="G95" s="3"/>
      <c r="H95" s="3"/>
      <c r="I95" s="3"/>
      <c r="J95" s="3"/>
      <c r="K95" s="3"/>
      <c r="L95" s="3"/>
    </row>
    <row r="96" spans="3:12" x14ac:dyDescent="0.2">
      <c r="C96" s="3"/>
      <c r="D96" s="3"/>
      <c r="E96" s="3"/>
      <c r="F96" s="3"/>
      <c r="G96" s="3"/>
      <c r="H96" s="3"/>
      <c r="I96" s="3"/>
      <c r="J96" s="3"/>
      <c r="K96" s="3"/>
      <c r="L96" s="3"/>
    </row>
    <row r="97" spans="3:12" x14ac:dyDescent="0.2">
      <c r="C97" s="3"/>
      <c r="D97" s="3"/>
      <c r="E97" s="3"/>
      <c r="F97" s="3"/>
      <c r="G97" s="3"/>
      <c r="H97" s="3"/>
      <c r="I97" s="3"/>
      <c r="J97" s="3"/>
      <c r="K97" s="3"/>
      <c r="L97" s="3"/>
    </row>
    <row r="98" spans="3:12" x14ac:dyDescent="0.2">
      <c r="C98" s="3"/>
      <c r="D98" s="3"/>
      <c r="E98" s="3"/>
      <c r="F98" s="3"/>
      <c r="G98" s="3"/>
      <c r="H98" s="3"/>
      <c r="I98" s="3"/>
      <c r="J98" s="3"/>
      <c r="K98" s="3"/>
      <c r="L98" s="3"/>
    </row>
    <row r="99" spans="3:12" x14ac:dyDescent="0.2">
      <c r="C99" s="3"/>
      <c r="D99" s="3"/>
      <c r="E99" s="3"/>
      <c r="F99" s="3"/>
      <c r="G99" s="3"/>
      <c r="H99" s="3"/>
      <c r="I99" s="3"/>
      <c r="J99" s="3"/>
      <c r="K99" s="3"/>
      <c r="L99" s="3"/>
    </row>
    <row r="100" spans="3:12" x14ac:dyDescent="0.2">
      <c r="C100" s="3"/>
      <c r="D100" s="3"/>
      <c r="E100" s="3"/>
      <c r="F100" s="3"/>
      <c r="G100" s="3"/>
      <c r="H100" s="3"/>
      <c r="I100" s="3"/>
      <c r="J100" s="3"/>
      <c r="K100" s="3"/>
      <c r="L100" s="3"/>
    </row>
    <row r="101" spans="3:12" x14ac:dyDescent="0.2">
      <c r="C101" s="3"/>
      <c r="D101" s="3"/>
      <c r="E101" s="3"/>
      <c r="F101" s="3"/>
      <c r="G101" s="3"/>
      <c r="H101" s="3"/>
      <c r="I101" s="3"/>
      <c r="J101" s="3"/>
      <c r="K101" s="3"/>
      <c r="L101" s="3"/>
    </row>
    <row r="102" spans="3:12" x14ac:dyDescent="0.2">
      <c r="C102" s="3"/>
      <c r="D102" s="3"/>
      <c r="E102" s="3"/>
      <c r="F102" s="3"/>
      <c r="G102" s="3"/>
      <c r="H102" s="3"/>
      <c r="I102" s="3"/>
      <c r="J102" s="3"/>
      <c r="K102" s="3"/>
      <c r="L102" s="3"/>
    </row>
    <row r="103" spans="3:12" x14ac:dyDescent="0.2">
      <c r="C103" s="3"/>
      <c r="D103" s="3"/>
      <c r="E103" s="3"/>
      <c r="F103" s="3"/>
      <c r="G103" s="3"/>
      <c r="H103" s="3"/>
      <c r="I103" s="3"/>
      <c r="J103" s="3"/>
      <c r="K103" s="3"/>
      <c r="L103" s="3"/>
    </row>
    <row r="104" spans="3:12" x14ac:dyDescent="0.2">
      <c r="C104" s="3"/>
      <c r="D104" s="3"/>
      <c r="E104" s="3"/>
      <c r="F104" s="3"/>
      <c r="G104" s="3"/>
      <c r="H104" s="3"/>
      <c r="I104" s="3"/>
      <c r="J104" s="3"/>
      <c r="K104" s="3"/>
      <c r="L104" s="3"/>
    </row>
    <row r="105" spans="3:12" x14ac:dyDescent="0.2">
      <c r="C105" s="3"/>
      <c r="D105" s="3"/>
      <c r="E105" s="3"/>
      <c r="F105" s="3"/>
      <c r="G105" s="3"/>
      <c r="H105" s="3"/>
      <c r="I105" s="3"/>
      <c r="J105" s="3"/>
      <c r="K105" s="3"/>
      <c r="L105" s="3"/>
    </row>
    <row r="106" spans="3:12" x14ac:dyDescent="0.2">
      <c r="C106" s="3"/>
      <c r="D106" s="3"/>
      <c r="E106" s="3"/>
      <c r="F106" s="3"/>
      <c r="G106" s="3"/>
      <c r="H106" s="3"/>
      <c r="I106" s="3"/>
      <c r="J106" s="3"/>
      <c r="K106" s="3"/>
      <c r="L106" s="3"/>
    </row>
    <row r="107" spans="3:12" x14ac:dyDescent="0.2">
      <c r="C107" s="3"/>
      <c r="D107" s="3"/>
      <c r="E107" s="3"/>
      <c r="F107" s="3"/>
      <c r="G107" s="3"/>
      <c r="H107" s="3"/>
      <c r="I107" s="3"/>
      <c r="J107" s="3"/>
      <c r="K107" s="3"/>
      <c r="L107" s="3"/>
    </row>
    <row r="108" spans="3:12" x14ac:dyDescent="0.2">
      <c r="C108" s="3"/>
      <c r="D108" s="3"/>
      <c r="E108" s="3"/>
      <c r="F108" s="3"/>
      <c r="G108" s="3"/>
      <c r="H108" s="3"/>
      <c r="I108" s="3"/>
      <c r="J108" s="3"/>
      <c r="K108" s="3"/>
      <c r="L108" s="3"/>
    </row>
    <row r="109" spans="3:12" x14ac:dyDescent="0.2">
      <c r="C109" s="3"/>
      <c r="D109" s="3"/>
      <c r="E109" s="3"/>
      <c r="F109" s="3"/>
      <c r="G109" s="3"/>
      <c r="H109" s="3"/>
      <c r="I109" s="3"/>
      <c r="J109" s="3"/>
      <c r="K109" s="3"/>
      <c r="L109" s="3"/>
    </row>
    <row r="110" spans="3:12" x14ac:dyDescent="0.2">
      <c r="C110" s="3"/>
      <c r="D110" s="3"/>
      <c r="E110" s="3"/>
      <c r="F110" s="3"/>
      <c r="G110" s="3"/>
      <c r="H110" s="3"/>
      <c r="I110" s="3"/>
      <c r="J110" s="3"/>
      <c r="K110" s="3"/>
      <c r="L110" s="3"/>
    </row>
    <row r="111" spans="3:12" x14ac:dyDescent="0.2">
      <c r="C111" s="3"/>
      <c r="D111" s="3"/>
      <c r="E111" s="3"/>
      <c r="F111" s="3"/>
      <c r="G111" s="3"/>
      <c r="H111" s="3"/>
      <c r="I111" s="3"/>
      <c r="J111" s="3"/>
      <c r="K111" s="3"/>
      <c r="L111" s="3"/>
    </row>
    <row r="112" spans="3:12" x14ac:dyDescent="0.2">
      <c r="C112" s="3"/>
      <c r="D112" s="3"/>
      <c r="E112" s="3"/>
      <c r="F112" s="3"/>
      <c r="G112" s="3"/>
      <c r="H112" s="3"/>
      <c r="I112" s="3"/>
      <c r="J112" s="3"/>
      <c r="K112" s="3"/>
      <c r="L112" s="3"/>
    </row>
    <row r="113" spans="3:12" x14ac:dyDescent="0.2">
      <c r="C113" s="3"/>
      <c r="D113" s="3"/>
      <c r="E113" s="3"/>
      <c r="F113" s="3"/>
      <c r="G113" s="3"/>
      <c r="H113" s="3"/>
      <c r="I113" s="3"/>
      <c r="J113" s="3"/>
      <c r="K113" s="3"/>
      <c r="L113" s="3"/>
    </row>
    <row r="114" spans="3:12" x14ac:dyDescent="0.2">
      <c r="C114" s="3"/>
      <c r="D114" s="3"/>
      <c r="E114" s="3"/>
      <c r="F114" s="3"/>
      <c r="G114" s="3"/>
      <c r="H114" s="3"/>
      <c r="I114" s="3"/>
      <c r="J114" s="3"/>
      <c r="K114" s="3"/>
      <c r="L114" s="3"/>
    </row>
    <row r="115" spans="3:12" x14ac:dyDescent="0.2">
      <c r="C115" s="3"/>
      <c r="D115" s="3"/>
      <c r="E115" s="3"/>
      <c r="F115" s="3"/>
      <c r="G115" s="3"/>
      <c r="H115" s="3"/>
      <c r="I115" s="3"/>
      <c r="J115" s="3"/>
      <c r="K115" s="3"/>
      <c r="L115" s="3"/>
    </row>
    <row r="116" spans="3:12" x14ac:dyDescent="0.2">
      <c r="C116" s="3"/>
      <c r="D116" s="3"/>
      <c r="E116" s="3"/>
      <c r="F116" s="3"/>
      <c r="G116" s="3"/>
      <c r="H116" s="3"/>
      <c r="I116" s="3"/>
      <c r="J116" s="3"/>
      <c r="K116" s="3"/>
      <c r="L116" s="3"/>
    </row>
    <row r="117" spans="3:12" x14ac:dyDescent="0.2">
      <c r="C117" s="3"/>
      <c r="D117" s="3"/>
      <c r="E117" s="3"/>
      <c r="F117" s="3"/>
      <c r="G117" s="3"/>
      <c r="H117" s="3"/>
      <c r="I117" s="3"/>
      <c r="J117" s="3"/>
      <c r="K117" s="3"/>
      <c r="L117" s="3"/>
    </row>
    <row r="118" spans="3:12" x14ac:dyDescent="0.2">
      <c r="C118" s="3"/>
      <c r="D118" s="3"/>
      <c r="E118" s="3"/>
      <c r="F118" s="3"/>
      <c r="G118" s="3"/>
      <c r="H118" s="3"/>
      <c r="I118" s="3"/>
      <c r="J118" s="3"/>
      <c r="K118" s="3"/>
      <c r="L118" s="3"/>
    </row>
    <row r="119" spans="3:12" x14ac:dyDescent="0.2">
      <c r="C119" s="3"/>
      <c r="D119" s="3"/>
      <c r="E119" s="3"/>
      <c r="F119" s="3"/>
      <c r="G119" s="3"/>
      <c r="H119" s="3"/>
      <c r="I119" s="3"/>
      <c r="J119" s="3"/>
      <c r="K119" s="3"/>
      <c r="L119" s="3"/>
    </row>
    <row r="120" spans="3:12" x14ac:dyDescent="0.2">
      <c r="C120" s="3"/>
      <c r="D120" s="3"/>
      <c r="E120" s="3"/>
      <c r="F120" s="3"/>
      <c r="G120" s="3"/>
      <c r="H120" s="3"/>
      <c r="I120" s="3"/>
      <c r="J120" s="3"/>
      <c r="K120" s="3"/>
      <c r="L120" s="3"/>
    </row>
    <row r="121" spans="3:12" x14ac:dyDescent="0.2">
      <c r="C121" s="3"/>
      <c r="D121" s="3"/>
      <c r="E121" s="3"/>
      <c r="F121" s="3"/>
      <c r="G121" s="3"/>
      <c r="H121" s="3"/>
      <c r="I121" s="3"/>
      <c r="J121" s="3"/>
      <c r="K121" s="3"/>
      <c r="L121" s="3"/>
    </row>
    <row r="122" spans="3:12" x14ac:dyDescent="0.2">
      <c r="C122" s="3"/>
      <c r="D122" s="3"/>
      <c r="E122" s="3"/>
      <c r="F122" s="3"/>
      <c r="G122" s="3"/>
      <c r="H122" s="3"/>
      <c r="I122" s="3"/>
      <c r="J122" s="3"/>
      <c r="K122" s="3"/>
      <c r="L122" s="3"/>
    </row>
    <row r="123" spans="3:12" x14ac:dyDescent="0.2">
      <c r="C123" s="3"/>
      <c r="D123" s="3"/>
      <c r="E123" s="3"/>
      <c r="F123" s="3"/>
      <c r="G123" s="3"/>
      <c r="H123" s="3"/>
      <c r="I123" s="3"/>
      <c r="J123" s="3"/>
      <c r="K123" s="3"/>
      <c r="L123" s="3"/>
    </row>
    <row r="124" spans="3:12" x14ac:dyDescent="0.2">
      <c r="C124" s="3"/>
      <c r="D124" s="3"/>
      <c r="E124" s="3"/>
      <c r="F124" s="3"/>
      <c r="G124" s="3"/>
      <c r="H124" s="3"/>
      <c r="I124" s="3"/>
      <c r="J124" s="3"/>
      <c r="K124" s="3"/>
      <c r="L124" s="3"/>
    </row>
    <row r="125" spans="3:12" x14ac:dyDescent="0.2">
      <c r="C125" s="3"/>
      <c r="D125" s="3"/>
      <c r="E125" s="3"/>
      <c r="F125" s="3"/>
      <c r="G125" s="3"/>
      <c r="H125" s="3"/>
      <c r="I125" s="3"/>
      <c r="J125" s="3"/>
      <c r="K125" s="3"/>
      <c r="L125" s="3"/>
    </row>
    <row r="126" spans="3:12" x14ac:dyDescent="0.2">
      <c r="C126" s="3"/>
      <c r="D126" s="3"/>
      <c r="E126" s="3"/>
      <c r="F126" s="3"/>
      <c r="G126" s="3"/>
      <c r="H126" s="3"/>
      <c r="I126" s="3"/>
      <c r="J126" s="3"/>
      <c r="K126" s="3"/>
      <c r="L126" s="3"/>
    </row>
    <row r="127" spans="3:12" x14ac:dyDescent="0.2">
      <c r="C127" s="3"/>
      <c r="D127" s="3"/>
      <c r="E127" s="3"/>
      <c r="F127" s="3"/>
      <c r="G127" s="3"/>
      <c r="H127" s="3"/>
      <c r="I127" s="3"/>
      <c r="J127" s="3"/>
      <c r="K127" s="3"/>
      <c r="L127" s="3"/>
    </row>
    <row r="128" spans="3:12" x14ac:dyDescent="0.2">
      <c r="C128" s="3"/>
      <c r="D128" s="3"/>
      <c r="E128" s="3"/>
      <c r="F128" s="3"/>
      <c r="G128" s="3"/>
      <c r="H128" s="3"/>
      <c r="I128" s="3"/>
      <c r="J128" s="3"/>
      <c r="K128" s="3"/>
      <c r="L128" s="3"/>
    </row>
    <row r="129" spans="3:12" x14ac:dyDescent="0.2">
      <c r="C129" s="3"/>
      <c r="D129" s="3"/>
      <c r="E129" s="3"/>
      <c r="F129" s="3"/>
      <c r="G129" s="3"/>
      <c r="H129" s="3"/>
      <c r="I129" s="3"/>
      <c r="J129" s="3"/>
      <c r="K129" s="3"/>
      <c r="L129" s="3"/>
    </row>
    <row r="130" spans="3:12" x14ac:dyDescent="0.2">
      <c r="C130" s="3"/>
      <c r="D130" s="3"/>
      <c r="E130" s="3"/>
      <c r="F130" s="3"/>
      <c r="G130" s="3"/>
      <c r="H130" s="3"/>
      <c r="I130" s="3"/>
      <c r="J130" s="3"/>
      <c r="K130" s="3"/>
      <c r="L130" s="3"/>
    </row>
    <row r="131" spans="3:12" x14ac:dyDescent="0.2">
      <c r="C131" s="3"/>
      <c r="D131" s="3"/>
      <c r="E131" s="3"/>
      <c r="F131" s="3"/>
      <c r="G131" s="3"/>
      <c r="H131" s="3"/>
      <c r="I131" s="3"/>
      <c r="J131" s="3"/>
      <c r="K131" s="3"/>
      <c r="L131" s="3"/>
    </row>
    <row r="132" spans="3:12" x14ac:dyDescent="0.2">
      <c r="C132" s="3"/>
      <c r="D132" s="3"/>
      <c r="E132" s="3"/>
      <c r="F132" s="3"/>
      <c r="G132" s="3"/>
      <c r="H132" s="3"/>
      <c r="I132" s="3"/>
      <c r="J132" s="3"/>
      <c r="K132" s="3"/>
      <c r="L132" s="3"/>
    </row>
    <row r="133" spans="3:12" x14ac:dyDescent="0.2">
      <c r="C133" s="3"/>
      <c r="D133" s="3"/>
      <c r="E133" s="3"/>
      <c r="F133" s="3"/>
      <c r="G133" s="3"/>
      <c r="H133" s="3"/>
      <c r="I133" s="3"/>
      <c r="J133" s="3"/>
      <c r="K133" s="3"/>
      <c r="L133" s="3"/>
    </row>
    <row r="134" spans="3:12" x14ac:dyDescent="0.2">
      <c r="C134" s="3"/>
      <c r="D134" s="3"/>
      <c r="E134" s="3"/>
      <c r="F134" s="3"/>
      <c r="G134" s="3"/>
      <c r="H134" s="3"/>
      <c r="I134" s="3"/>
      <c r="J134" s="3"/>
      <c r="K134" s="3"/>
      <c r="L134" s="3"/>
    </row>
    <row r="135" spans="3:12" x14ac:dyDescent="0.2">
      <c r="C135" s="3"/>
      <c r="D135" s="3"/>
      <c r="E135" s="3"/>
      <c r="F135" s="3"/>
      <c r="G135" s="3"/>
      <c r="H135" s="3"/>
      <c r="I135" s="3"/>
      <c r="J135" s="3"/>
      <c r="K135" s="3"/>
      <c r="L135" s="3"/>
    </row>
    <row r="136" spans="3:12" x14ac:dyDescent="0.2">
      <c r="C136" s="3"/>
      <c r="D136" s="3"/>
      <c r="E136" s="3"/>
      <c r="F136" s="3"/>
      <c r="G136" s="3"/>
      <c r="H136" s="3"/>
      <c r="I136" s="3"/>
      <c r="J136" s="3"/>
      <c r="K136" s="3"/>
      <c r="L136" s="3"/>
    </row>
    <row r="137" spans="3:12" x14ac:dyDescent="0.2">
      <c r="C137" s="3"/>
      <c r="D137" s="3"/>
      <c r="E137" s="3"/>
      <c r="F137" s="3"/>
      <c r="G137" s="3"/>
      <c r="H137" s="3"/>
      <c r="I137" s="3"/>
      <c r="J137" s="3"/>
      <c r="K137" s="3"/>
      <c r="L137" s="3"/>
    </row>
    <row r="138" spans="3:12" x14ac:dyDescent="0.2">
      <c r="C138" s="3"/>
      <c r="D138" s="3"/>
      <c r="E138" s="3"/>
      <c r="F138" s="3"/>
      <c r="G138" s="3"/>
      <c r="H138" s="3"/>
      <c r="I138" s="3"/>
      <c r="J138" s="3"/>
      <c r="K138" s="3"/>
      <c r="L138" s="3"/>
    </row>
    <row r="139" spans="3:12" x14ac:dyDescent="0.2">
      <c r="C139" s="3"/>
      <c r="D139" s="3"/>
      <c r="E139" s="3"/>
      <c r="F139" s="3"/>
      <c r="G139" s="3"/>
      <c r="H139" s="3"/>
      <c r="I139" s="3"/>
      <c r="J139" s="3"/>
      <c r="K139" s="3"/>
      <c r="L139" s="3"/>
    </row>
    <row r="140" spans="3:12" x14ac:dyDescent="0.2">
      <c r="C140" s="3"/>
      <c r="D140" s="3"/>
      <c r="E140" s="3"/>
      <c r="F140" s="3"/>
      <c r="G140" s="3"/>
      <c r="H140" s="3"/>
      <c r="I140" s="3"/>
      <c r="J140" s="3"/>
      <c r="K140" s="3"/>
      <c r="L140" s="3"/>
    </row>
    <row r="141" spans="3:12" x14ac:dyDescent="0.2">
      <c r="C141" s="3"/>
      <c r="D141" s="3"/>
      <c r="E141" s="3"/>
      <c r="F141" s="3"/>
      <c r="G141" s="3"/>
      <c r="H141" s="3"/>
      <c r="I141" s="3"/>
      <c r="J141" s="3"/>
      <c r="K141" s="3"/>
      <c r="L141" s="3"/>
    </row>
    <row r="142" spans="3:12" x14ac:dyDescent="0.2">
      <c r="C142" s="3"/>
      <c r="D142" s="3"/>
      <c r="E142" s="3"/>
      <c r="F142" s="3"/>
      <c r="G142" s="3"/>
      <c r="H142" s="3"/>
      <c r="I142" s="3"/>
      <c r="J142" s="3"/>
      <c r="K142" s="3"/>
      <c r="L142" s="3"/>
    </row>
    <row r="143" spans="3:12" x14ac:dyDescent="0.2">
      <c r="C143" s="3"/>
      <c r="D143" s="3"/>
      <c r="E143" s="3"/>
      <c r="F143" s="3"/>
      <c r="G143" s="3"/>
      <c r="H143" s="3"/>
      <c r="I143" s="3"/>
      <c r="J143" s="3"/>
      <c r="K143" s="3"/>
      <c r="L143" s="3"/>
    </row>
    <row r="144" spans="3:12" x14ac:dyDescent="0.2">
      <c r="C144" s="3"/>
      <c r="D144" s="3"/>
      <c r="E144" s="3"/>
      <c r="F144" s="3"/>
      <c r="G144" s="3"/>
      <c r="H144" s="3"/>
      <c r="I144" s="3"/>
      <c r="J144" s="3"/>
      <c r="K144" s="3"/>
      <c r="L144" s="3"/>
    </row>
    <row r="145" spans="3:12" x14ac:dyDescent="0.2">
      <c r="C145" s="3"/>
      <c r="D145" s="3"/>
      <c r="E145" s="3"/>
      <c r="F145" s="3"/>
      <c r="G145" s="3"/>
      <c r="H145" s="3"/>
      <c r="I145" s="3"/>
      <c r="J145" s="3"/>
      <c r="K145" s="3"/>
      <c r="L145" s="3"/>
    </row>
    <row r="146" spans="3:12" x14ac:dyDescent="0.2">
      <c r="C146" s="3"/>
      <c r="D146" s="3"/>
      <c r="E146" s="3"/>
      <c r="F146" s="3"/>
      <c r="G146" s="3"/>
      <c r="H146" s="3"/>
      <c r="I146" s="3"/>
      <c r="J146" s="3"/>
      <c r="K146" s="3"/>
      <c r="L146" s="3"/>
    </row>
    <row r="147" spans="3:12" x14ac:dyDescent="0.2">
      <c r="C147" s="3"/>
      <c r="D147" s="3"/>
      <c r="E147" s="3"/>
      <c r="F147" s="3"/>
      <c r="G147" s="3"/>
      <c r="H147" s="3"/>
      <c r="I147" s="3"/>
      <c r="J147" s="3"/>
      <c r="K147" s="3"/>
      <c r="L147" s="3"/>
    </row>
    <row r="148" spans="3:12" x14ac:dyDescent="0.2">
      <c r="C148" s="3"/>
      <c r="D148" s="3"/>
      <c r="E148" s="3"/>
      <c r="F148" s="3"/>
      <c r="G148" s="3"/>
      <c r="H148" s="3"/>
      <c r="I148" s="3"/>
      <c r="J148" s="3"/>
      <c r="K148" s="3"/>
      <c r="L148" s="3"/>
    </row>
    <row r="149" spans="3:12" x14ac:dyDescent="0.2">
      <c r="C149" s="3"/>
      <c r="D149" s="3"/>
      <c r="E149" s="3"/>
      <c r="F149" s="3"/>
      <c r="G149" s="3"/>
      <c r="H149" s="3"/>
      <c r="I149" s="3"/>
      <c r="J149" s="3"/>
      <c r="K149" s="3"/>
      <c r="L149" s="3"/>
    </row>
    <row r="150" spans="3:12" x14ac:dyDescent="0.2">
      <c r="C150" s="3"/>
      <c r="D150" s="3"/>
      <c r="E150" s="3"/>
      <c r="F150" s="3"/>
      <c r="G150" s="3"/>
      <c r="H150" s="3"/>
      <c r="I150" s="3"/>
      <c r="J150" s="3"/>
      <c r="K150" s="3"/>
      <c r="L150" s="3"/>
    </row>
    <row r="151" spans="3:12" x14ac:dyDescent="0.2">
      <c r="C151" s="3"/>
      <c r="D151" s="3"/>
      <c r="E151" s="3"/>
      <c r="F151" s="3"/>
      <c r="G151" s="3"/>
      <c r="H151" s="3"/>
      <c r="I151" s="3"/>
      <c r="J151" s="3"/>
      <c r="K151" s="3"/>
      <c r="L151" s="3"/>
    </row>
    <row r="152" spans="3:12" x14ac:dyDescent="0.2">
      <c r="C152" s="3"/>
      <c r="D152" s="3"/>
      <c r="E152" s="3"/>
      <c r="F152" s="3"/>
      <c r="G152" s="3"/>
      <c r="H152" s="3"/>
      <c r="I152" s="3"/>
      <c r="J152" s="3"/>
      <c r="K152" s="3"/>
      <c r="L152" s="3"/>
    </row>
    <row r="153" spans="3:12" x14ac:dyDescent="0.2">
      <c r="C153" s="3"/>
      <c r="D153" s="3"/>
      <c r="E153" s="3"/>
      <c r="F153" s="3"/>
      <c r="G153" s="3"/>
      <c r="H153" s="3"/>
      <c r="I153" s="3"/>
      <c r="J153" s="3"/>
      <c r="K153" s="3"/>
      <c r="L153" s="3"/>
    </row>
    <row r="154" spans="3:12" x14ac:dyDescent="0.2">
      <c r="C154" s="3"/>
      <c r="D154" s="3"/>
      <c r="E154" s="3"/>
      <c r="F154" s="3"/>
      <c r="G154" s="3"/>
      <c r="H154" s="3"/>
      <c r="I154" s="3"/>
      <c r="J154" s="3"/>
      <c r="K154" s="3"/>
      <c r="L154" s="3"/>
    </row>
    <row r="155" spans="3:12" x14ac:dyDescent="0.2">
      <c r="C155" s="3"/>
      <c r="D155" s="3"/>
      <c r="E155" s="3"/>
      <c r="F155" s="3"/>
      <c r="G155" s="3"/>
      <c r="H155" s="3"/>
      <c r="I155" s="3"/>
      <c r="J155" s="3"/>
      <c r="K155" s="3"/>
      <c r="L155" s="3"/>
    </row>
    <row r="156" spans="3:12" x14ac:dyDescent="0.2">
      <c r="C156" s="3"/>
      <c r="D156" s="3"/>
      <c r="E156" s="3"/>
      <c r="F156" s="3"/>
      <c r="G156" s="3"/>
      <c r="H156" s="3"/>
      <c r="I156" s="3"/>
      <c r="J156" s="3"/>
      <c r="K156" s="3"/>
      <c r="L156" s="3"/>
    </row>
    <row r="157" spans="3:12" x14ac:dyDescent="0.2">
      <c r="C157" s="3"/>
      <c r="D157" s="3"/>
      <c r="E157" s="3"/>
      <c r="F157" s="3"/>
      <c r="G157" s="3"/>
      <c r="H157" s="3"/>
      <c r="I157" s="3"/>
      <c r="J157" s="3"/>
      <c r="K157" s="3"/>
      <c r="L157" s="3"/>
    </row>
    <row r="158" spans="3:12" x14ac:dyDescent="0.2">
      <c r="C158" s="3"/>
      <c r="D158" s="3"/>
      <c r="E158" s="3"/>
      <c r="F158" s="3"/>
      <c r="G158" s="3"/>
      <c r="H158" s="3"/>
      <c r="I158" s="3"/>
      <c r="J158" s="3"/>
      <c r="K158" s="3"/>
      <c r="L158" s="3"/>
    </row>
    <row r="159" spans="3:12" x14ac:dyDescent="0.2">
      <c r="C159" s="3"/>
      <c r="D159" s="3"/>
      <c r="E159" s="3"/>
      <c r="F159" s="3"/>
      <c r="G159" s="3"/>
      <c r="H159" s="3"/>
      <c r="I159" s="3"/>
      <c r="J159" s="3"/>
      <c r="K159" s="3"/>
      <c r="L159" s="3"/>
    </row>
    <row r="160" spans="3:12" x14ac:dyDescent="0.2">
      <c r="C160" s="3"/>
      <c r="D160" s="3"/>
      <c r="E160" s="3"/>
      <c r="F160" s="3"/>
      <c r="G160" s="3"/>
      <c r="H160" s="3"/>
      <c r="I160" s="3"/>
      <c r="J160" s="3"/>
      <c r="K160" s="3"/>
      <c r="L160" s="3"/>
    </row>
    <row r="161" spans="3:12" x14ac:dyDescent="0.2">
      <c r="C161" s="3"/>
      <c r="D161" s="3"/>
      <c r="E161" s="3"/>
      <c r="F161" s="3"/>
      <c r="G161" s="3"/>
      <c r="H161" s="3"/>
      <c r="I161" s="3"/>
      <c r="J161" s="3"/>
      <c r="K161" s="3"/>
      <c r="L161" s="3"/>
    </row>
    <row r="162" spans="3:12" x14ac:dyDescent="0.2">
      <c r="C162" s="3"/>
      <c r="D162" s="3"/>
      <c r="E162" s="3"/>
      <c r="F162" s="3"/>
      <c r="G162" s="3"/>
      <c r="H162" s="3"/>
      <c r="I162" s="3"/>
      <c r="J162" s="3"/>
      <c r="K162" s="3"/>
      <c r="L162" s="3"/>
    </row>
    <row r="163" spans="3:12" x14ac:dyDescent="0.2">
      <c r="C163" s="3"/>
      <c r="D163" s="3"/>
      <c r="E163" s="3"/>
      <c r="F163" s="3"/>
      <c r="G163" s="3"/>
      <c r="H163" s="3"/>
      <c r="I163" s="3"/>
      <c r="J163" s="3"/>
      <c r="K163" s="3"/>
      <c r="L163" s="3"/>
    </row>
    <row r="164" spans="3:12" x14ac:dyDescent="0.2">
      <c r="C164" s="3"/>
      <c r="D164" s="3"/>
      <c r="E164" s="3"/>
      <c r="F164" s="3"/>
      <c r="G164" s="3"/>
      <c r="H164" s="3"/>
      <c r="I164" s="3"/>
      <c r="J164" s="3"/>
      <c r="K164" s="3"/>
      <c r="L164" s="3"/>
    </row>
    <row r="165" spans="3:12" x14ac:dyDescent="0.2">
      <c r="C165" s="3"/>
      <c r="D165" s="3"/>
      <c r="E165" s="3"/>
      <c r="F165" s="3"/>
      <c r="G165" s="3"/>
      <c r="H165" s="3"/>
      <c r="I165" s="3"/>
      <c r="J165" s="3"/>
      <c r="K165" s="3"/>
      <c r="L165" s="3"/>
    </row>
    <row r="166" spans="3:12" x14ac:dyDescent="0.2">
      <c r="C166" s="3"/>
      <c r="D166" s="3"/>
      <c r="E166" s="3"/>
      <c r="F166" s="3"/>
      <c r="G166" s="3"/>
      <c r="H166" s="3"/>
      <c r="I166" s="3"/>
      <c r="J166" s="3"/>
      <c r="K166" s="3"/>
      <c r="L166" s="3"/>
    </row>
    <row r="167" spans="3:12" x14ac:dyDescent="0.2">
      <c r="C167" s="3"/>
      <c r="D167" s="3"/>
      <c r="E167" s="3"/>
      <c r="F167" s="3"/>
      <c r="G167" s="3"/>
      <c r="H167" s="3"/>
      <c r="I167" s="3"/>
      <c r="J167" s="3"/>
      <c r="K167" s="3"/>
      <c r="L167" s="3"/>
    </row>
    <row r="168" spans="3:12" x14ac:dyDescent="0.2">
      <c r="C168" s="3"/>
      <c r="D168" s="3"/>
      <c r="E168" s="3"/>
      <c r="F168" s="3"/>
      <c r="G168" s="3"/>
      <c r="H168" s="3"/>
      <c r="I168" s="3"/>
      <c r="J168" s="3"/>
      <c r="K168" s="3"/>
      <c r="L168" s="3"/>
    </row>
    <row r="169" spans="3:12" x14ac:dyDescent="0.2">
      <c r="C169" s="3"/>
      <c r="D169" s="3"/>
      <c r="E169" s="3"/>
      <c r="F169" s="3"/>
      <c r="G169" s="3"/>
      <c r="H169" s="3"/>
      <c r="I169" s="3"/>
      <c r="J169" s="3"/>
      <c r="K169" s="3"/>
      <c r="L169" s="3"/>
    </row>
    <row r="170" spans="3:12" x14ac:dyDescent="0.2">
      <c r="C170" s="3"/>
      <c r="D170" s="3"/>
      <c r="E170" s="3"/>
      <c r="F170" s="3"/>
      <c r="G170" s="3"/>
      <c r="H170" s="3"/>
      <c r="I170" s="3"/>
      <c r="J170" s="3"/>
      <c r="K170" s="3"/>
      <c r="L170" s="3"/>
    </row>
    <row r="171" spans="3:12" x14ac:dyDescent="0.2">
      <c r="C171" s="3"/>
      <c r="D171" s="3"/>
      <c r="E171" s="3"/>
      <c r="F171" s="3"/>
      <c r="G171" s="3"/>
      <c r="H171" s="3"/>
      <c r="I171" s="3"/>
      <c r="J171" s="3"/>
      <c r="K171" s="3"/>
      <c r="L171" s="3"/>
    </row>
    <row r="172" spans="3:12" x14ac:dyDescent="0.2">
      <c r="C172" s="3"/>
      <c r="D172" s="3"/>
      <c r="E172" s="3"/>
      <c r="F172" s="3"/>
      <c r="G172" s="3"/>
      <c r="H172" s="3"/>
      <c r="I172" s="3"/>
      <c r="J172" s="3"/>
      <c r="K172" s="3"/>
      <c r="L172" s="3"/>
    </row>
    <row r="173" spans="3:12" x14ac:dyDescent="0.2">
      <c r="C173" s="3"/>
      <c r="D173" s="3"/>
      <c r="E173" s="3"/>
      <c r="F173" s="3"/>
      <c r="G173" s="3"/>
      <c r="H173" s="3"/>
      <c r="I173" s="3"/>
      <c r="J173" s="3"/>
      <c r="K173" s="3"/>
      <c r="L173" s="3"/>
    </row>
    <row r="174" spans="3:12" x14ac:dyDescent="0.2">
      <c r="C174" s="3"/>
      <c r="D174" s="3"/>
      <c r="E174" s="3"/>
      <c r="F174" s="3"/>
      <c r="G174" s="3"/>
      <c r="H174" s="3"/>
      <c r="I174" s="3"/>
      <c r="J174" s="3"/>
      <c r="K174" s="3"/>
      <c r="L174" s="3"/>
    </row>
    <row r="175" spans="3:12" x14ac:dyDescent="0.2">
      <c r="C175" s="3"/>
      <c r="D175" s="3"/>
      <c r="E175" s="3"/>
      <c r="F175" s="3"/>
      <c r="G175" s="3"/>
      <c r="H175" s="3"/>
      <c r="I175" s="3"/>
      <c r="J175" s="3"/>
      <c r="K175" s="3"/>
      <c r="L175" s="3"/>
    </row>
    <row r="176" spans="3:12" x14ac:dyDescent="0.2">
      <c r="C176" s="3"/>
      <c r="D176" s="3"/>
      <c r="E176" s="3"/>
      <c r="F176" s="3"/>
      <c r="G176" s="3"/>
      <c r="H176" s="3"/>
      <c r="I176" s="3"/>
      <c r="J176" s="3"/>
      <c r="K176" s="3"/>
      <c r="L176" s="3"/>
    </row>
    <row r="177" spans="3:12" x14ac:dyDescent="0.2">
      <c r="C177" s="3"/>
      <c r="D177" s="3"/>
      <c r="E177" s="3"/>
      <c r="F177" s="3"/>
      <c r="G177" s="3"/>
      <c r="H177" s="3"/>
      <c r="I177" s="3"/>
      <c r="J177" s="3"/>
      <c r="K177" s="3"/>
      <c r="L177" s="3"/>
    </row>
    <row r="178" spans="3:12" x14ac:dyDescent="0.2">
      <c r="C178" s="3"/>
      <c r="D178" s="3"/>
      <c r="E178" s="3"/>
      <c r="F178" s="3"/>
      <c r="G178" s="3"/>
      <c r="H178" s="3"/>
      <c r="I178" s="3"/>
      <c r="J178" s="3"/>
      <c r="K178" s="3"/>
      <c r="L178" s="3"/>
    </row>
    <row r="179" spans="3:12" x14ac:dyDescent="0.2">
      <c r="C179" s="3"/>
      <c r="D179" s="3"/>
      <c r="E179" s="3"/>
      <c r="F179" s="3"/>
      <c r="G179" s="3"/>
      <c r="H179" s="3"/>
      <c r="I179" s="3"/>
      <c r="J179" s="3"/>
      <c r="K179" s="3"/>
      <c r="L179" s="3"/>
    </row>
    <row r="180" spans="3:12" x14ac:dyDescent="0.2">
      <c r="C180" s="3"/>
      <c r="D180" s="3"/>
      <c r="E180" s="3"/>
      <c r="F180" s="3"/>
      <c r="G180" s="3"/>
      <c r="H180" s="3"/>
      <c r="I180" s="3"/>
      <c r="J180" s="3"/>
      <c r="K180" s="3"/>
      <c r="L180" s="3"/>
    </row>
    <row r="181" spans="3:12" x14ac:dyDescent="0.2">
      <c r="C181" s="3"/>
      <c r="D181" s="3"/>
      <c r="E181" s="3"/>
      <c r="F181" s="3"/>
      <c r="G181" s="3"/>
      <c r="H181" s="3"/>
      <c r="I181" s="3"/>
      <c r="J181" s="3"/>
      <c r="K181" s="3"/>
      <c r="L181" s="3"/>
    </row>
    <row r="182" spans="3:12" x14ac:dyDescent="0.2">
      <c r="C182" s="3"/>
      <c r="D182" s="3"/>
      <c r="E182" s="3"/>
      <c r="F182" s="3"/>
      <c r="G182" s="3"/>
      <c r="H182" s="3"/>
      <c r="I182" s="3"/>
      <c r="J182" s="3"/>
      <c r="K182" s="3"/>
      <c r="L182" s="3"/>
    </row>
    <row r="183" spans="3:12" x14ac:dyDescent="0.2">
      <c r="C183" s="3"/>
      <c r="D183" s="3"/>
      <c r="E183" s="3"/>
      <c r="F183" s="3"/>
      <c r="G183" s="3"/>
      <c r="H183" s="3"/>
      <c r="I183" s="3"/>
      <c r="J183" s="3"/>
      <c r="K183" s="3"/>
      <c r="L183" s="3"/>
    </row>
    <row r="184" spans="3:12" x14ac:dyDescent="0.2">
      <c r="C184" s="3"/>
      <c r="D184" s="3"/>
      <c r="E184" s="3"/>
      <c r="F184" s="3"/>
      <c r="G184" s="3"/>
      <c r="H184" s="3"/>
      <c r="I184" s="3"/>
      <c r="J184" s="3"/>
      <c r="K184" s="3"/>
      <c r="L184" s="3"/>
    </row>
    <row r="185" spans="3:12" x14ac:dyDescent="0.2">
      <c r="C185" s="3"/>
      <c r="D185" s="3"/>
      <c r="E185" s="3"/>
      <c r="F185" s="3"/>
      <c r="G185" s="3"/>
      <c r="H185" s="3"/>
      <c r="I185" s="3"/>
      <c r="J185" s="3"/>
      <c r="K185" s="3"/>
      <c r="L185" s="3"/>
    </row>
    <row r="186" spans="3:12" x14ac:dyDescent="0.2">
      <c r="C186" s="3"/>
      <c r="D186" s="3"/>
      <c r="E186" s="3"/>
      <c r="F186" s="3"/>
      <c r="G186" s="3"/>
      <c r="H186" s="3"/>
      <c r="I186" s="3"/>
      <c r="J186" s="3"/>
      <c r="K186" s="3"/>
      <c r="L186" s="3"/>
    </row>
    <row r="187" spans="3:12" x14ac:dyDescent="0.2">
      <c r="C187" s="3"/>
      <c r="D187" s="3"/>
      <c r="E187" s="3"/>
      <c r="F187" s="3"/>
      <c r="G187" s="3"/>
      <c r="H187" s="3"/>
      <c r="I187" s="3"/>
      <c r="J187" s="3"/>
      <c r="K187" s="3"/>
      <c r="L187" s="3"/>
    </row>
    <row r="188" spans="3:12" x14ac:dyDescent="0.2">
      <c r="C188" s="3"/>
      <c r="D188" s="3"/>
      <c r="E188" s="3"/>
      <c r="F188" s="3"/>
      <c r="G188" s="3"/>
      <c r="H188" s="3"/>
      <c r="I188" s="3"/>
      <c r="J188" s="3"/>
      <c r="K188" s="3"/>
      <c r="L188" s="3"/>
    </row>
    <row r="189" spans="3:12" x14ac:dyDescent="0.2">
      <c r="C189" s="3"/>
      <c r="D189" s="3"/>
      <c r="E189" s="3"/>
      <c r="F189" s="3"/>
      <c r="G189" s="3"/>
      <c r="H189" s="3"/>
      <c r="I189" s="3"/>
      <c r="J189" s="3"/>
      <c r="K189" s="3"/>
      <c r="L189" s="3"/>
    </row>
    <row r="190" spans="3:12" x14ac:dyDescent="0.2">
      <c r="C190" s="3"/>
      <c r="D190" s="3"/>
      <c r="E190" s="3"/>
      <c r="F190" s="3"/>
      <c r="G190" s="3"/>
      <c r="H190" s="3"/>
      <c r="I190" s="3"/>
      <c r="J190" s="3"/>
      <c r="K190" s="3"/>
      <c r="L190" s="3"/>
    </row>
    <row r="191" spans="3:12" x14ac:dyDescent="0.2">
      <c r="C191" s="3"/>
      <c r="D191" s="3"/>
      <c r="E191" s="3"/>
      <c r="F191" s="3"/>
      <c r="G191" s="3"/>
      <c r="H191" s="3"/>
      <c r="I191" s="3"/>
      <c r="J191" s="3"/>
      <c r="K191" s="3"/>
      <c r="L191" s="3"/>
    </row>
    <row r="192" spans="3:12" x14ac:dyDescent="0.2">
      <c r="C192" s="3"/>
      <c r="D192" s="3"/>
      <c r="E192" s="3"/>
      <c r="F192" s="3"/>
      <c r="G192" s="3"/>
      <c r="H192" s="3"/>
      <c r="I192" s="3"/>
      <c r="J192" s="3"/>
      <c r="K192" s="3"/>
      <c r="L192" s="3"/>
    </row>
    <row r="193" spans="3:12" x14ac:dyDescent="0.2">
      <c r="C193" s="3"/>
      <c r="D193" s="3"/>
      <c r="E193" s="3"/>
      <c r="F193" s="3"/>
      <c r="G193" s="3"/>
      <c r="H193" s="3"/>
      <c r="I193" s="3"/>
      <c r="J193" s="3"/>
      <c r="K193" s="3"/>
      <c r="L193" s="3"/>
    </row>
    <row r="194" spans="3:12" x14ac:dyDescent="0.2">
      <c r="C194" s="3"/>
      <c r="D194" s="3"/>
      <c r="E194" s="3"/>
      <c r="F194" s="3"/>
      <c r="G194" s="3"/>
      <c r="H194" s="3"/>
      <c r="I194" s="3"/>
      <c r="J194" s="3"/>
      <c r="K194" s="3"/>
      <c r="L194" s="3"/>
    </row>
    <row r="195" spans="3:12" x14ac:dyDescent="0.2">
      <c r="C195" s="3"/>
      <c r="D195" s="3"/>
      <c r="E195" s="3"/>
      <c r="F195" s="3"/>
      <c r="G195" s="3"/>
      <c r="H195" s="3"/>
      <c r="I195" s="3"/>
      <c r="J195" s="3"/>
      <c r="K195" s="3"/>
      <c r="L195" s="3"/>
    </row>
    <row r="196" spans="3:12" x14ac:dyDescent="0.2">
      <c r="C196" s="3"/>
      <c r="D196" s="3"/>
      <c r="E196" s="3"/>
      <c r="F196" s="3"/>
      <c r="G196" s="3"/>
      <c r="H196" s="3"/>
      <c r="I196" s="3"/>
      <c r="J196" s="3"/>
      <c r="K196" s="3"/>
      <c r="L196" s="3"/>
    </row>
    <row r="197" spans="3:12" x14ac:dyDescent="0.2">
      <c r="C197" s="3"/>
      <c r="D197" s="3"/>
      <c r="E197" s="3"/>
      <c r="F197" s="3"/>
      <c r="G197" s="3"/>
      <c r="H197" s="3"/>
      <c r="I197" s="3"/>
      <c r="J197" s="3"/>
      <c r="K197" s="3"/>
      <c r="L197" s="3"/>
    </row>
    <row r="198" spans="3:12" x14ac:dyDescent="0.2">
      <c r="C198" s="3"/>
      <c r="D198" s="3"/>
      <c r="E198" s="3"/>
      <c r="F198" s="3"/>
      <c r="G198" s="3"/>
      <c r="H198" s="3"/>
      <c r="I198" s="3"/>
      <c r="J198" s="3"/>
      <c r="K198" s="3"/>
      <c r="L198" s="3"/>
    </row>
    <row r="199" spans="3:12" x14ac:dyDescent="0.2">
      <c r="C199" s="3"/>
      <c r="D199" s="3"/>
      <c r="E199" s="3"/>
      <c r="F199" s="3"/>
      <c r="G199" s="3"/>
      <c r="H199" s="3"/>
      <c r="I199" s="3"/>
      <c r="J199" s="3"/>
      <c r="K199" s="3"/>
      <c r="L199" s="3"/>
    </row>
    <row r="200" spans="3:12" x14ac:dyDescent="0.2">
      <c r="C200" s="3"/>
      <c r="D200" s="3"/>
      <c r="E200" s="3"/>
      <c r="F200" s="3"/>
      <c r="G200" s="3"/>
      <c r="H200" s="3"/>
      <c r="I200" s="3"/>
      <c r="J200" s="3"/>
      <c r="K200" s="3"/>
      <c r="L200" s="3"/>
    </row>
    <row r="201" spans="3:12" x14ac:dyDescent="0.2">
      <c r="C201" s="3"/>
      <c r="D201" s="3"/>
      <c r="E201" s="3"/>
      <c r="F201" s="3"/>
      <c r="G201" s="3"/>
      <c r="H201" s="3"/>
      <c r="I201" s="3"/>
      <c r="J201" s="3"/>
      <c r="K201" s="3"/>
      <c r="L201" s="3"/>
    </row>
    <row r="202" spans="3:12" x14ac:dyDescent="0.2">
      <c r="C202" s="3"/>
      <c r="D202" s="3"/>
      <c r="E202" s="3"/>
      <c r="F202" s="3"/>
      <c r="G202" s="3"/>
      <c r="H202" s="3"/>
      <c r="I202" s="3"/>
      <c r="J202" s="3"/>
      <c r="K202" s="3"/>
      <c r="L202" s="3"/>
    </row>
    <row r="203" spans="3:12" x14ac:dyDescent="0.2">
      <c r="C203" s="3"/>
      <c r="D203" s="3"/>
      <c r="E203" s="3"/>
      <c r="F203" s="3"/>
      <c r="G203" s="3"/>
      <c r="H203" s="3"/>
      <c r="I203" s="3"/>
      <c r="J203" s="3"/>
      <c r="K203" s="3"/>
      <c r="L203" s="3"/>
    </row>
    <row r="204" spans="3:12" x14ac:dyDescent="0.2">
      <c r="C204" s="3"/>
      <c r="D204" s="3"/>
      <c r="E204" s="3"/>
      <c r="F204" s="3"/>
      <c r="G204" s="3"/>
      <c r="H204" s="3"/>
      <c r="I204" s="3"/>
      <c r="J204" s="3"/>
      <c r="K204" s="3"/>
      <c r="L204" s="3"/>
    </row>
    <row r="205" spans="3:12" x14ac:dyDescent="0.2">
      <c r="C205" s="3"/>
      <c r="D205" s="3"/>
      <c r="E205" s="3"/>
      <c r="F205" s="3"/>
      <c r="G205" s="3"/>
      <c r="H205" s="3"/>
      <c r="I205" s="3"/>
      <c r="J205" s="3"/>
      <c r="K205" s="3"/>
      <c r="L205" s="3"/>
    </row>
    <row r="206" spans="3:12" x14ac:dyDescent="0.2">
      <c r="C206" s="3"/>
      <c r="D206" s="3"/>
      <c r="E206" s="3"/>
      <c r="F206" s="3"/>
      <c r="G206" s="3"/>
      <c r="H206" s="3"/>
      <c r="I206" s="3"/>
      <c r="J206" s="3"/>
      <c r="K206" s="3"/>
      <c r="L206" s="3"/>
    </row>
    <row r="207" spans="3:12" x14ac:dyDescent="0.2">
      <c r="C207" s="3"/>
      <c r="D207" s="3"/>
      <c r="E207" s="3"/>
      <c r="F207" s="3"/>
      <c r="G207" s="3"/>
      <c r="H207" s="3"/>
      <c r="I207" s="3"/>
      <c r="J207" s="3"/>
      <c r="K207" s="3"/>
      <c r="L207" s="3"/>
    </row>
    <row r="208" spans="3:12" x14ac:dyDescent="0.2">
      <c r="C208" s="3"/>
      <c r="D208" s="3"/>
      <c r="E208" s="3"/>
      <c r="F208" s="3"/>
      <c r="G208" s="3"/>
      <c r="H208" s="3"/>
      <c r="I208" s="3"/>
      <c r="J208" s="3"/>
      <c r="K208" s="3"/>
      <c r="L208" s="3"/>
    </row>
    <row r="209" spans="3:12" x14ac:dyDescent="0.2">
      <c r="C209" s="3"/>
      <c r="D209" s="3"/>
      <c r="E209" s="3"/>
      <c r="F209" s="3"/>
      <c r="G209" s="3"/>
      <c r="H209" s="3"/>
      <c r="I209" s="3"/>
      <c r="J209" s="3"/>
      <c r="K209" s="3"/>
      <c r="L209" s="3"/>
    </row>
    <row r="210" spans="3:12" x14ac:dyDescent="0.2">
      <c r="C210" s="3"/>
      <c r="D210" s="3"/>
      <c r="E210" s="3"/>
      <c r="F210" s="3"/>
      <c r="G210" s="3"/>
      <c r="H210" s="3"/>
      <c r="I210" s="3"/>
      <c r="J210" s="3"/>
      <c r="K210" s="3"/>
      <c r="L210" s="3"/>
    </row>
    <row r="211" spans="3:12" x14ac:dyDescent="0.2">
      <c r="C211" s="3"/>
      <c r="D211" s="3"/>
      <c r="E211" s="3"/>
      <c r="F211" s="3"/>
      <c r="G211" s="3"/>
      <c r="H211" s="3"/>
      <c r="I211" s="3"/>
      <c r="J211" s="3"/>
      <c r="K211" s="3"/>
      <c r="L211" s="3"/>
    </row>
    <row r="212" spans="3:12" x14ac:dyDescent="0.2">
      <c r="C212" s="3"/>
      <c r="D212" s="3"/>
      <c r="E212" s="3"/>
      <c r="F212" s="3"/>
      <c r="G212" s="3"/>
      <c r="H212" s="3"/>
      <c r="I212" s="3"/>
      <c r="J212" s="3"/>
      <c r="K212" s="3"/>
      <c r="L212" s="3"/>
    </row>
    <row r="213" spans="3:12" x14ac:dyDescent="0.2">
      <c r="C213" s="3"/>
      <c r="D213" s="3"/>
      <c r="E213" s="3"/>
      <c r="F213" s="3"/>
      <c r="G213" s="3"/>
      <c r="H213" s="3"/>
      <c r="I213" s="3"/>
      <c r="J213" s="3"/>
      <c r="K213" s="3"/>
      <c r="L213" s="3"/>
    </row>
    <row r="214" spans="3:12" x14ac:dyDescent="0.2">
      <c r="C214" s="3"/>
      <c r="D214" s="3"/>
      <c r="E214" s="3"/>
      <c r="F214" s="3"/>
      <c r="G214" s="3"/>
      <c r="H214" s="3"/>
      <c r="I214" s="3"/>
      <c r="J214" s="3"/>
      <c r="K214" s="3"/>
      <c r="L214" s="3"/>
    </row>
    <row r="215" spans="3:12" x14ac:dyDescent="0.2">
      <c r="C215" s="3"/>
      <c r="D215" s="3"/>
      <c r="E215" s="3"/>
      <c r="F215" s="3"/>
      <c r="G215" s="3"/>
      <c r="H215" s="3"/>
      <c r="I215" s="3"/>
      <c r="J215" s="3"/>
      <c r="K215" s="3"/>
      <c r="L215" s="3"/>
    </row>
    <row r="216" spans="3:12" x14ac:dyDescent="0.2">
      <c r="C216" s="3"/>
      <c r="D216" s="3"/>
      <c r="E216" s="3"/>
      <c r="F216" s="3"/>
      <c r="G216" s="3"/>
      <c r="H216" s="3"/>
      <c r="I216" s="3"/>
      <c r="J216" s="3"/>
      <c r="K216" s="3"/>
      <c r="L216" s="3"/>
    </row>
    <row r="217" spans="3:12" x14ac:dyDescent="0.2">
      <c r="C217" s="3"/>
      <c r="D217" s="3"/>
      <c r="E217" s="3"/>
      <c r="F217" s="3"/>
      <c r="G217" s="3"/>
      <c r="H217" s="3"/>
      <c r="I217" s="3"/>
      <c r="J217" s="3"/>
      <c r="K217" s="3"/>
      <c r="L217" s="3"/>
    </row>
    <row r="218" spans="3:12" x14ac:dyDescent="0.2">
      <c r="C218" s="3"/>
      <c r="D218" s="3"/>
      <c r="E218" s="3"/>
      <c r="F218" s="3"/>
      <c r="G218" s="3"/>
      <c r="H218" s="3"/>
      <c r="I218" s="3"/>
      <c r="J218" s="3"/>
      <c r="K218" s="3"/>
      <c r="L218" s="3"/>
    </row>
  </sheetData>
  <mergeCells count="18">
    <mergeCell ref="J1:K1"/>
    <mergeCell ref="W3:AF3"/>
    <mergeCell ref="AG3:AP3"/>
    <mergeCell ref="M4:O4"/>
    <mergeCell ref="P4:U4"/>
    <mergeCell ref="V4:V5"/>
    <mergeCell ref="W4:Y4"/>
    <mergeCell ref="Z4:AE4"/>
    <mergeCell ref="AF4:AF5"/>
    <mergeCell ref="AG4:AI4"/>
    <mergeCell ref="AJ4:AO4"/>
    <mergeCell ref="AP4:AP5"/>
    <mergeCell ref="B3:B4"/>
    <mergeCell ref="C3:L3"/>
    <mergeCell ref="M3:V3"/>
    <mergeCell ref="C4:E4"/>
    <mergeCell ref="F4:K4"/>
    <mergeCell ref="L4:L5"/>
  </mergeCells>
  <phoneticPr fontId="4"/>
  <pageMargins left="0.78740157480314965" right="0.31496062992125984" top="0.27559055118110237" bottom="0.39370078740157483" header="0.19685039370078741" footer="0.19685039370078741"/>
  <pageSetup paperSize="9" scale="45" orientation="landscape" r:id="rId1"/>
  <headerFooter alignWithMargins="0">
    <oddFooter>&amp;L&amp;20&amp;A&amp;C&amp;P/&amp;N</oddFooter>
  </headerFooter>
</worksheet>
</file>

<file path=xl/worksheets/sheet2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6"/>
  </sheetPr>
  <dimension ref="A1:AQ218"/>
  <sheetViews>
    <sheetView zoomScaleNormal="100" zoomScaleSheetLayoutView="55" workbookViewId="0">
      <pane xSplit="2" ySplit="6" topLeftCell="C7" activePane="bottomRight" state="frozen"/>
      <selection activeCell="F37" sqref="F37"/>
      <selection pane="topRight" activeCell="F37" sqref="F37"/>
      <selection pane="bottomLeft" activeCell="F37" sqref="F37"/>
      <selection pane="bottomRight" activeCell="B1" sqref="B1"/>
    </sheetView>
  </sheetViews>
  <sheetFormatPr defaultColWidth="9" defaultRowHeight="13.2" x14ac:dyDescent="0.2"/>
  <cols>
    <col min="1" max="1" width="2.77734375" style="44" customWidth="1"/>
    <col min="2" max="2" width="9" style="1" customWidth="1"/>
    <col min="3" max="3" width="8.88671875" style="1" customWidth="1"/>
    <col min="4" max="4" width="8.109375" style="1" customWidth="1"/>
    <col min="5" max="5" width="10.109375" style="1" bestFit="1" customWidth="1"/>
    <col min="6" max="11" width="9" style="1"/>
    <col min="12" max="12" width="9.6640625" style="1" customWidth="1"/>
    <col min="13" max="22" width="8.77734375" style="1" customWidth="1"/>
    <col min="23" max="42" width="9.6640625" style="1" customWidth="1"/>
    <col min="43" max="16384" width="9" style="1"/>
  </cols>
  <sheetData>
    <row r="1" spans="2:43" ht="24" customHeight="1" x14ac:dyDescent="0.2">
      <c r="B1" s="20" t="s">
        <v>56</v>
      </c>
      <c r="H1" s="500">
        <f>第１表!F2</f>
        <v>5</v>
      </c>
      <c r="I1" s="246">
        <f>第１表!G2</f>
        <v>2</v>
      </c>
      <c r="J1" s="607">
        <f>IF(I1&lt;3,I1-2+12,I1-2)</f>
        <v>12</v>
      </c>
      <c r="K1" s="607"/>
    </row>
    <row r="2" spans="2:43" ht="24" customHeight="1" thickBot="1" x14ac:dyDescent="0.25">
      <c r="B2" s="20" t="s">
        <v>159</v>
      </c>
      <c r="F2" s="20" t="s">
        <v>140</v>
      </c>
    </row>
    <row r="3" spans="2:43" ht="21" customHeight="1" x14ac:dyDescent="0.2">
      <c r="B3" s="573"/>
      <c r="C3" s="576" t="s">
        <v>57</v>
      </c>
      <c r="D3" s="577"/>
      <c r="E3" s="577"/>
      <c r="F3" s="577"/>
      <c r="G3" s="577"/>
      <c r="H3" s="577"/>
      <c r="I3" s="577"/>
      <c r="J3" s="577"/>
      <c r="K3" s="577"/>
      <c r="L3" s="577"/>
      <c r="M3" s="576" t="s">
        <v>58</v>
      </c>
      <c r="N3" s="579"/>
      <c r="O3" s="579"/>
      <c r="P3" s="579"/>
      <c r="Q3" s="579"/>
      <c r="R3" s="579"/>
      <c r="S3" s="579"/>
      <c r="T3" s="579"/>
      <c r="U3" s="579"/>
      <c r="V3" s="579"/>
      <c r="W3" s="576" t="s">
        <v>59</v>
      </c>
      <c r="X3" s="577"/>
      <c r="Y3" s="577"/>
      <c r="Z3" s="577"/>
      <c r="AA3" s="577"/>
      <c r="AB3" s="577"/>
      <c r="AC3" s="577"/>
      <c r="AD3" s="577"/>
      <c r="AE3" s="577"/>
      <c r="AF3" s="577"/>
      <c r="AG3" s="605" t="s">
        <v>151</v>
      </c>
      <c r="AH3" s="577"/>
      <c r="AI3" s="577"/>
      <c r="AJ3" s="577"/>
      <c r="AK3" s="577"/>
      <c r="AL3" s="577"/>
      <c r="AM3" s="577"/>
      <c r="AN3" s="577"/>
      <c r="AO3" s="577"/>
      <c r="AP3" s="578"/>
    </row>
    <row r="4" spans="2:43" ht="21" customHeight="1" x14ac:dyDescent="0.2">
      <c r="B4" s="575"/>
      <c r="C4" s="581" t="s">
        <v>61</v>
      </c>
      <c r="D4" s="582"/>
      <c r="E4" s="583"/>
      <c r="F4" s="584" t="s">
        <v>62</v>
      </c>
      <c r="G4" s="585"/>
      <c r="H4" s="585"/>
      <c r="I4" s="585"/>
      <c r="J4" s="585"/>
      <c r="K4" s="586"/>
      <c r="L4" s="597" t="s">
        <v>52</v>
      </c>
      <c r="M4" s="581" t="s">
        <v>61</v>
      </c>
      <c r="N4" s="582"/>
      <c r="O4" s="583"/>
      <c r="P4" s="584" t="s">
        <v>62</v>
      </c>
      <c r="Q4" s="585"/>
      <c r="R4" s="585"/>
      <c r="S4" s="585"/>
      <c r="T4" s="585"/>
      <c r="U4" s="586"/>
      <c r="V4" s="587" t="s">
        <v>52</v>
      </c>
      <c r="W4" s="581" t="s">
        <v>61</v>
      </c>
      <c r="X4" s="582"/>
      <c r="Y4" s="583"/>
      <c r="Z4" s="584" t="s">
        <v>62</v>
      </c>
      <c r="AA4" s="585"/>
      <c r="AB4" s="585"/>
      <c r="AC4" s="585"/>
      <c r="AD4" s="585"/>
      <c r="AE4" s="586"/>
      <c r="AF4" s="597" t="s">
        <v>52</v>
      </c>
      <c r="AG4" s="581" t="s">
        <v>61</v>
      </c>
      <c r="AH4" s="582"/>
      <c r="AI4" s="583"/>
      <c r="AJ4" s="584" t="s">
        <v>62</v>
      </c>
      <c r="AK4" s="585"/>
      <c r="AL4" s="585"/>
      <c r="AM4" s="585"/>
      <c r="AN4" s="585"/>
      <c r="AO4" s="586"/>
      <c r="AP4" s="587" t="s">
        <v>52</v>
      </c>
    </row>
    <row r="5" spans="2:43" ht="30" customHeight="1" thickBot="1" x14ac:dyDescent="0.25">
      <c r="B5" s="364" t="s">
        <v>42</v>
      </c>
      <c r="C5" s="31" t="s">
        <v>43</v>
      </c>
      <c r="D5" s="32" t="s">
        <v>44</v>
      </c>
      <c r="E5" s="32" t="s">
        <v>45</v>
      </c>
      <c r="F5" s="33" t="s">
        <v>47</v>
      </c>
      <c r="G5" s="34" t="s">
        <v>48</v>
      </c>
      <c r="H5" s="34" t="s">
        <v>49</v>
      </c>
      <c r="I5" s="35" t="s">
        <v>50</v>
      </c>
      <c r="J5" s="32" t="s">
        <v>51</v>
      </c>
      <c r="K5" s="36" t="s">
        <v>95</v>
      </c>
      <c r="L5" s="596"/>
      <c r="M5" s="31" t="s">
        <v>43</v>
      </c>
      <c r="N5" s="32" t="s">
        <v>44</v>
      </c>
      <c r="O5" s="36" t="s">
        <v>45</v>
      </c>
      <c r="P5" s="15" t="s">
        <v>47</v>
      </c>
      <c r="Q5" s="34" t="s">
        <v>48</v>
      </c>
      <c r="R5" s="34" t="s">
        <v>49</v>
      </c>
      <c r="S5" s="35" t="s">
        <v>50</v>
      </c>
      <c r="T5" s="32" t="s">
        <v>51</v>
      </c>
      <c r="U5" s="36" t="s">
        <v>45</v>
      </c>
      <c r="V5" s="588"/>
      <c r="W5" s="31" t="s">
        <v>43</v>
      </c>
      <c r="X5" s="32" t="s">
        <v>44</v>
      </c>
      <c r="Y5" s="32" t="s">
        <v>45</v>
      </c>
      <c r="Z5" s="33" t="s">
        <v>47</v>
      </c>
      <c r="AA5" s="34" t="s">
        <v>48</v>
      </c>
      <c r="AB5" s="34" t="s">
        <v>49</v>
      </c>
      <c r="AC5" s="35" t="s">
        <v>50</v>
      </c>
      <c r="AD5" s="32" t="s">
        <v>51</v>
      </c>
      <c r="AE5" s="36" t="s">
        <v>45</v>
      </c>
      <c r="AF5" s="596"/>
      <c r="AG5" s="31" t="s">
        <v>43</v>
      </c>
      <c r="AH5" s="32" t="s">
        <v>44</v>
      </c>
      <c r="AI5" s="32" t="s">
        <v>45</v>
      </c>
      <c r="AJ5" s="33" t="s">
        <v>47</v>
      </c>
      <c r="AK5" s="34" t="s">
        <v>48</v>
      </c>
      <c r="AL5" s="34" t="s">
        <v>49</v>
      </c>
      <c r="AM5" s="35" t="s">
        <v>50</v>
      </c>
      <c r="AN5" s="32" t="s">
        <v>51</v>
      </c>
      <c r="AO5" s="36" t="s">
        <v>45</v>
      </c>
      <c r="AP5" s="588"/>
    </row>
    <row r="6" spans="2:43" ht="21" customHeight="1" x14ac:dyDescent="0.2">
      <c r="B6" s="363" t="s">
        <v>4</v>
      </c>
      <c r="C6" s="185">
        <v>0</v>
      </c>
      <c r="D6" s="186">
        <v>0</v>
      </c>
      <c r="E6" s="186">
        <v>0</v>
      </c>
      <c r="F6" s="187">
        <v>8</v>
      </c>
      <c r="G6" s="188">
        <v>32</v>
      </c>
      <c r="H6" s="188">
        <v>241</v>
      </c>
      <c r="I6" s="188">
        <v>415</v>
      </c>
      <c r="J6" s="186">
        <v>309</v>
      </c>
      <c r="K6" s="189">
        <v>1005</v>
      </c>
      <c r="L6" s="190">
        <v>1005</v>
      </c>
      <c r="M6" s="185">
        <v>0</v>
      </c>
      <c r="N6" s="186">
        <v>0</v>
      </c>
      <c r="O6" s="189">
        <v>0</v>
      </c>
      <c r="P6" s="192">
        <v>48</v>
      </c>
      <c r="Q6" s="188">
        <v>126</v>
      </c>
      <c r="R6" s="188">
        <v>186</v>
      </c>
      <c r="S6" s="188">
        <v>268</v>
      </c>
      <c r="T6" s="186">
        <v>122</v>
      </c>
      <c r="U6" s="189">
        <v>750</v>
      </c>
      <c r="V6" s="193">
        <v>750</v>
      </c>
      <c r="W6" s="192">
        <v>0</v>
      </c>
      <c r="X6" s="186">
        <v>0</v>
      </c>
      <c r="Y6" s="186">
        <v>0</v>
      </c>
      <c r="Z6" s="187">
        <v>0</v>
      </c>
      <c r="AA6" s="188">
        <v>0</v>
      </c>
      <c r="AB6" s="188">
        <v>0</v>
      </c>
      <c r="AC6" s="188">
        <v>11</v>
      </c>
      <c r="AD6" s="186">
        <v>17</v>
      </c>
      <c r="AE6" s="189">
        <v>28</v>
      </c>
      <c r="AF6" s="190">
        <v>28</v>
      </c>
      <c r="AG6" s="185">
        <v>0</v>
      </c>
      <c r="AH6" s="186">
        <v>0</v>
      </c>
      <c r="AI6" s="186">
        <v>0</v>
      </c>
      <c r="AJ6" s="187">
        <v>0</v>
      </c>
      <c r="AK6" s="188">
        <v>1</v>
      </c>
      <c r="AL6" s="188">
        <v>2</v>
      </c>
      <c r="AM6" s="188">
        <v>13</v>
      </c>
      <c r="AN6" s="186">
        <v>17</v>
      </c>
      <c r="AO6" s="189">
        <v>33</v>
      </c>
      <c r="AP6" s="191">
        <v>33</v>
      </c>
      <c r="AQ6" s="37"/>
    </row>
    <row r="7" spans="2:43" ht="21" customHeight="1" x14ac:dyDescent="0.2">
      <c r="B7" s="62" t="s">
        <v>5</v>
      </c>
      <c r="C7" s="194">
        <v>0</v>
      </c>
      <c r="D7" s="195">
        <v>0</v>
      </c>
      <c r="E7" s="195">
        <v>0</v>
      </c>
      <c r="F7" s="196">
        <v>4</v>
      </c>
      <c r="G7" s="197">
        <v>22</v>
      </c>
      <c r="H7" s="197">
        <v>128</v>
      </c>
      <c r="I7" s="197">
        <v>186</v>
      </c>
      <c r="J7" s="195">
        <v>140</v>
      </c>
      <c r="K7" s="198">
        <v>480</v>
      </c>
      <c r="L7" s="199">
        <v>480</v>
      </c>
      <c r="M7" s="194">
        <v>0</v>
      </c>
      <c r="N7" s="195">
        <v>0</v>
      </c>
      <c r="O7" s="198">
        <v>0</v>
      </c>
      <c r="P7" s="201">
        <v>25</v>
      </c>
      <c r="Q7" s="197">
        <v>64</v>
      </c>
      <c r="R7" s="197">
        <v>92</v>
      </c>
      <c r="S7" s="197">
        <v>130</v>
      </c>
      <c r="T7" s="195">
        <v>66</v>
      </c>
      <c r="U7" s="198">
        <v>377</v>
      </c>
      <c r="V7" s="202">
        <v>377</v>
      </c>
      <c r="W7" s="201">
        <v>0</v>
      </c>
      <c r="X7" s="195">
        <v>0</v>
      </c>
      <c r="Y7" s="195">
        <v>0</v>
      </c>
      <c r="Z7" s="196">
        <v>0</v>
      </c>
      <c r="AA7" s="197">
        <v>0</v>
      </c>
      <c r="AB7" s="197">
        <v>0</v>
      </c>
      <c r="AC7" s="197">
        <v>4</v>
      </c>
      <c r="AD7" s="195">
        <v>6</v>
      </c>
      <c r="AE7" s="198">
        <v>10</v>
      </c>
      <c r="AF7" s="199">
        <v>10</v>
      </c>
      <c r="AG7" s="194">
        <v>0</v>
      </c>
      <c r="AH7" s="195">
        <v>0</v>
      </c>
      <c r="AI7" s="195">
        <v>0</v>
      </c>
      <c r="AJ7" s="196">
        <v>0</v>
      </c>
      <c r="AK7" s="197">
        <v>0</v>
      </c>
      <c r="AL7" s="197">
        <v>0</v>
      </c>
      <c r="AM7" s="197">
        <v>6</v>
      </c>
      <c r="AN7" s="195">
        <v>5</v>
      </c>
      <c r="AO7" s="198">
        <v>11</v>
      </c>
      <c r="AP7" s="200">
        <v>11</v>
      </c>
      <c r="AQ7" s="37"/>
    </row>
    <row r="8" spans="2:43" ht="21" customHeight="1" x14ac:dyDescent="0.2">
      <c r="B8" s="62" t="s">
        <v>6</v>
      </c>
      <c r="C8" s="194">
        <v>0</v>
      </c>
      <c r="D8" s="195">
        <v>0</v>
      </c>
      <c r="E8" s="195">
        <v>0</v>
      </c>
      <c r="F8" s="196">
        <v>1</v>
      </c>
      <c r="G8" s="197">
        <v>3</v>
      </c>
      <c r="H8" s="197">
        <v>31</v>
      </c>
      <c r="I8" s="197">
        <v>58</v>
      </c>
      <c r="J8" s="195">
        <v>37</v>
      </c>
      <c r="K8" s="198">
        <v>130</v>
      </c>
      <c r="L8" s="199">
        <v>130</v>
      </c>
      <c r="M8" s="194">
        <v>0</v>
      </c>
      <c r="N8" s="195">
        <v>0</v>
      </c>
      <c r="O8" s="198">
        <v>0</v>
      </c>
      <c r="P8" s="201">
        <v>6</v>
      </c>
      <c r="Q8" s="197">
        <v>11</v>
      </c>
      <c r="R8" s="197">
        <v>22</v>
      </c>
      <c r="S8" s="197">
        <v>39</v>
      </c>
      <c r="T8" s="195">
        <v>18</v>
      </c>
      <c r="U8" s="198">
        <v>96</v>
      </c>
      <c r="V8" s="202">
        <v>96</v>
      </c>
      <c r="W8" s="201">
        <v>0</v>
      </c>
      <c r="X8" s="195">
        <v>0</v>
      </c>
      <c r="Y8" s="195">
        <v>0</v>
      </c>
      <c r="Z8" s="196">
        <v>0</v>
      </c>
      <c r="AA8" s="197">
        <v>0</v>
      </c>
      <c r="AB8" s="197">
        <v>0</v>
      </c>
      <c r="AC8" s="197">
        <v>6</v>
      </c>
      <c r="AD8" s="195">
        <v>7</v>
      </c>
      <c r="AE8" s="198">
        <v>13</v>
      </c>
      <c r="AF8" s="199">
        <v>13</v>
      </c>
      <c r="AG8" s="194">
        <v>0</v>
      </c>
      <c r="AH8" s="195">
        <v>0</v>
      </c>
      <c r="AI8" s="195">
        <v>0</v>
      </c>
      <c r="AJ8" s="196">
        <v>0</v>
      </c>
      <c r="AK8" s="197">
        <v>0</v>
      </c>
      <c r="AL8" s="197">
        <v>0</v>
      </c>
      <c r="AM8" s="197">
        <v>1</v>
      </c>
      <c r="AN8" s="195">
        <v>3</v>
      </c>
      <c r="AO8" s="198">
        <v>4</v>
      </c>
      <c r="AP8" s="200">
        <v>4</v>
      </c>
      <c r="AQ8" s="37"/>
    </row>
    <row r="9" spans="2:43" ht="21" customHeight="1" x14ac:dyDescent="0.2">
      <c r="B9" s="62" t="s">
        <v>14</v>
      </c>
      <c r="C9" s="194">
        <v>0</v>
      </c>
      <c r="D9" s="195">
        <v>0</v>
      </c>
      <c r="E9" s="195">
        <v>0</v>
      </c>
      <c r="F9" s="196">
        <v>0</v>
      </c>
      <c r="G9" s="197">
        <v>0</v>
      </c>
      <c r="H9" s="197">
        <v>15</v>
      </c>
      <c r="I9" s="197">
        <v>32</v>
      </c>
      <c r="J9" s="195">
        <v>21</v>
      </c>
      <c r="K9" s="198">
        <v>68</v>
      </c>
      <c r="L9" s="199">
        <v>68</v>
      </c>
      <c r="M9" s="194">
        <v>0</v>
      </c>
      <c r="N9" s="195">
        <v>0</v>
      </c>
      <c r="O9" s="198">
        <v>0</v>
      </c>
      <c r="P9" s="201">
        <v>0</v>
      </c>
      <c r="Q9" s="197">
        <v>10</v>
      </c>
      <c r="R9" s="197">
        <v>8</v>
      </c>
      <c r="S9" s="197">
        <v>15</v>
      </c>
      <c r="T9" s="195">
        <v>3</v>
      </c>
      <c r="U9" s="198">
        <v>36</v>
      </c>
      <c r="V9" s="202">
        <v>36</v>
      </c>
      <c r="W9" s="201">
        <v>0</v>
      </c>
      <c r="X9" s="195">
        <v>0</v>
      </c>
      <c r="Y9" s="195">
        <v>0</v>
      </c>
      <c r="Z9" s="196">
        <v>0</v>
      </c>
      <c r="AA9" s="197">
        <v>0</v>
      </c>
      <c r="AB9" s="197">
        <v>0</v>
      </c>
      <c r="AC9" s="197">
        <v>0</v>
      </c>
      <c r="AD9" s="195">
        <v>2</v>
      </c>
      <c r="AE9" s="198">
        <v>2</v>
      </c>
      <c r="AF9" s="199">
        <v>2</v>
      </c>
      <c r="AG9" s="194">
        <v>0</v>
      </c>
      <c r="AH9" s="195">
        <v>0</v>
      </c>
      <c r="AI9" s="195">
        <v>0</v>
      </c>
      <c r="AJ9" s="196">
        <v>0</v>
      </c>
      <c r="AK9" s="197">
        <v>0</v>
      </c>
      <c r="AL9" s="197">
        <v>1</v>
      </c>
      <c r="AM9" s="197">
        <v>2</v>
      </c>
      <c r="AN9" s="195">
        <v>1</v>
      </c>
      <c r="AO9" s="198">
        <v>4</v>
      </c>
      <c r="AP9" s="200">
        <v>4</v>
      </c>
      <c r="AQ9" s="37"/>
    </row>
    <row r="10" spans="2:43" ht="21" customHeight="1" x14ac:dyDescent="0.2">
      <c r="B10" s="62" t="s">
        <v>7</v>
      </c>
      <c r="C10" s="194">
        <v>0</v>
      </c>
      <c r="D10" s="195">
        <v>0</v>
      </c>
      <c r="E10" s="195">
        <v>0</v>
      </c>
      <c r="F10" s="196">
        <v>0</v>
      </c>
      <c r="G10" s="197">
        <v>0</v>
      </c>
      <c r="H10" s="197">
        <v>4</v>
      </c>
      <c r="I10" s="197">
        <v>24</v>
      </c>
      <c r="J10" s="195">
        <v>11</v>
      </c>
      <c r="K10" s="198">
        <v>39</v>
      </c>
      <c r="L10" s="199">
        <v>39</v>
      </c>
      <c r="M10" s="194">
        <v>0</v>
      </c>
      <c r="N10" s="195">
        <v>0</v>
      </c>
      <c r="O10" s="198">
        <v>0</v>
      </c>
      <c r="P10" s="201">
        <v>2</v>
      </c>
      <c r="Q10" s="197">
        <v>3</v>
      </c>
      <c r="R10" s="197">
        <v>3</v>
      </c>
      <c r="S10" s="197">
        <v>8</v>
      </c>
      <c r="T10" s="195">
        <v>3</v>
      </c>
      <c r="U10" s="198">
        <v>19</v>
      </c>
      <c r="V10" s="202">
        <v>19</v>
      </c>
      <c r="W10" s="201">
        <v>0</v>
      </c>
      <c r="X10" s="195">
        <v>0</v>
      </c>
      <c r="Y10" s="195">
        <v>0</v>
      </c>
      <c r="Z10" s="196">
        <v>0</v>
      </c>
      <c r="AA10" s="197">
        <v>0</v>
      </c>
      <c r="AB10" s="197">
        <v>0</v>
      </c>
      <c r="AC10" s="197">
        <v>0</v>
      </c>
      <c r="AD10" s="195">
        <v>0</v>
      </c>
      <c r="AE10" s="198">
        <v>0</v>
      </c>
      <c r="AF10" s="199">
        <v>0</v>
      </c>
      <c r="AG10" s="194">
        <v>0</v>
      </c>
      <c r="AH10" s="195">
        <v>0</v>
      </c>
      <c r="AI10" s="195">
        <v>0</v>
      </c>
      <c r="AJ10" s="196">
        <v>0</v>
      </c>
      <c r="AK10" s="197">
        <v>0</v>
      </c>
      <c r="AL10" s="197">
        <v>0</v>
      </c>
      <c r="AM10" s="197">
        <v>0</v>
      </c>
      <c r="AN10" s="195">
        <v>0</v>
      </c>
      <c r="AO10" s="198">
        <v>0</v>
      </c>
      <c r="AP10" s="200">
        <v>0</v>
      </c>
      <c r="AQ10" s="37"/>
    </row>
    <row r="11" spans="2:43" ht="21" customHeight="1" x14ac:dyDescent="0.2">
      <c r="B11" s="62" t="s">
        <v>8</v>
      </c>
      <c r="C11" s="194">
        <v>0</v>
      </c>
      <c r="D11" s="195">
        <v>0</v>
      </c>
      <c r="E11" s="195">
        <v>0</v>
      </c>
      <c r="F11" s="196">
        <v>1</v>
      </c>
      <c r="G11" s="197">
        <v>2</v>
      </c>
      <c r="H11" s="197">
        <v>4</v>
      </c>
      <c r="I11" s="197">
        <v>10</v>
      </c>
      <c r="J11" s="195">
        <v>7</v>
      </c>
      <c r="K11" s="198">
        <v>24</v>
      </c>
      <c r="L11" s="199">
        <v>24</v>
      </c>
      <c r="M11" s="194">
        <v>0</v>
      </c>
      <c r="N11" s="195">
        <v>0</v>
      </c>
      <c r="O11" s="198">
        <v>0</v>
      </c>
      <c r="P11" s="201">
        <v>0</v>
      </c>
      <c r="Q11" s="197">
        <v>4</v>
      </c>
      <c r="R11" s="197">
        <v>5</v>
      </c>
      <c r="S11" s="197">
        <v>6</v>
      </c>
      <c r="T11" s="195">
        <v>2</v>
      </c>
      <c r="U11" s="198">
        <v>17</v>
      </c>
      <c r="V11" s="202">
        <v>17</v>
      </c>
      <c r="W11" s="201">
        <v>0</v>
      </c>
      <c r="X11" s="195">
        <v>0</v>
      </c>
      <c r="Y11" s="195">
        <v>0</v>
      </c>
      <c r="Z11" s="196">
        <v>0</v>
      </c>
      <c r="AA11" s="197">
        <v>0</v>
      </c>
      <c r="AB11" s="197">
        <v>0</v>
      </c>
      <c r="AC11" s="197">
        <v>0</v>
      </c>
      <c r="AD11" s="195">
        <v>0</v>
      </c>
      <c r="AE11" s="198">
        <v>0</v>
      </c>
      <c r="AF11" s="199">
        <v>0</v>
      </c>
      <c r="AG11" s="194">
        <v>0</v>
      </c>
      <c r="AH11" s="195">
        <v>0</v>
      </c>
      <c r="AI11" s="195">
        <v>0</v>
      </c>
      <c r="AJ11" s="196">
        <v>0</v>
      </c>
      <c r="AK11" s="197">
        <v>0</v>
      </c>
      <c r="AL11" s="197">
        <v>0</v>
      </c>
      <c r="AM11" s="197">
        <v>1</v>
      </c>
      <c r="AN11" s="195">
        <v>0</v>
      </c>
      <c r="AO11" s="198">
        <v>1</v>
      </c>
      <c r="AP11" s="200">
        <v>1</v>
      </c>
      <c r="AQ11" s="37"/>
    </row>
    <row r="12" spans="2:43" ht="21" customHeight="1" x14ac:dyDescent="0.2">
      <c r="B12" s="62" t="s">
        <v>9</v>
      </c>
      <c r="C12" s="194">
        <v>0</v>
      </c>
      <c r="D12" s="195">
        <v>0</v>
      </c>
      <c r="E12" s="195">
        <v>0</v>
      </c>
      <c r="F12" s="196">
        <v>1</v>
      </c>
      <c r="G12" s="197">
        <v>0</v>
      </c>
      <c r="H12" s="197">
        <v>3</v>
      </c>
      <c r="I12" s="197">
        <v>16</v>
      </c>
      <c r="J12" s="195">
        <v>12</v>
      </c>
      <c r="K12" s="198">
        <v>32</v>
      </c>
      <c r="L12" s="199">
        <v>32</v>
      </c>
      <c r="M12" s="194">
        <v>0</v>
      </c>
      <c r="N12" s="195">
        <v>0</v>
      </c>
      <c r="O12" s="198">
        <v>0</v>
      </c>
      <c r="P12" s="201">
        <v>0</v>
      </c>
      <c r="Q12" s="197">
        <v>5</v>
      </c>
      <c r="R12" s="197">
        <v>10</v>
      </c>
      <c r="S12" s="197">
        <v>5</v>
      </c>
      <c r="T12" s="195">
        <v>5</v>
      </c>
      <c r="U12" s="198">
        <v>25</v>
      </c>
      <c r="V12" s="202">
        <v>25</v>
      </c>
      <c r="W12" s="201">
        <v>0</v>
      </c>
      <c r="X12" s="195">
        <v>0</v>
      </c>
      <c r="Y12" s="195">
        <v>0</v>
      </c>
      <c r="Z12" s="196">
        <v>0</v>
      </c>
      <c r="AA12" s="197">
        <v>0</v>
      </c>
      <c r="AB12" s="197">
        <v>0</v>
      </c>
      <c r="AC12" s="197">
        <v>0</v>
      </c>
      <c r="AD12" s="195">
        <v>0</v>
      </c>
      <c r="AE12" s="198">
        <v>0</v>
      </c>
      <c r="AF12" s="199">
        <v>0</v>
      </c>
      <c r="AG12" s="194">
        <v>0</v>
      </c>
      <c r="AH12" s="195">
        <v>0</v>
      </c>
      <c r="AI12" s="195">
        <v>0</v>
      </c>
      <c r="AJ12" s="196">
        <v>0</v>
      </c>
      <c r="AK12" s="197">
        <v>0</v>
      </c>
      <c r="AL12" s="197">
        <v>0</v>
      </c>
      <c r="AM12" s="197">
        <v>0</v>
      </c>
      <c r="AN12" s="195">
        <v>0</v>
      </c>
      <c r="AO12" s="198">
        <v>0</v>
      </c>
      <c r="AP12" s="200">
        <v>0</v>
      </c>
      <c r="AQ12" s="37"/>
    </row>
    <row r="13" spans="2:43" ht="21" customHeight="1" x14ac:dyDescent="0.2">
      <c r="B13" s="62" t="s">
        <v>10</v>
      </c>
      <c r="C13" s="194">
        <v>0</v>
      </c>
      <c r="D13" s="195">
        <v>0</v>
      </c>
      <c r="E13" s="195">
        <v>0</v>
      </c>
      <c r="F13" s="196">
        <v>0</v>
      </c>
      <c r="G13" s="197">
        <v>1</v>
      </c>
      <c r="H13" s="197">
        <v>16</v>
      </c>
      <c r="I13" s="197">
        <v>11</v>
      </c>
      <c r="J13" s="195">
        <v>18</v>
      </c>
      <c r="K13" s="198">
        <v>46</v>
      </c>
      <c r="L13" s="199">
        <v>46</v>
      </c>
      <c r="M13" s="194">
        <v>0</v>
      </c>
      <c r="N13" s="195">
        <v>0</v>
      </c>
      <c r="O13" s="198">
        <v>0</v>
      </c>
      <c r="P13" s="201">
        <v>0</v>
      </c>
      <c r="Q13" s="197">
        <v>3</v>
      </c>
      <c r="R13" s="197">
        <v>8</v>
      </c>
      <c r="S13" s="197">
        <v>6</v>
      </c>
      <c r="T13" s="195">
        <v>1</v>
      </c>
      <c r="U13" s="198">
        <v>18</v>
      </c>
      <c r="V13" s="202">
        <v>18</v>
      </c>
      <c r="W13" s="201">
        <v>0</v>
      </c>
      <c r="X13" s="195">
        <v>0</v>
      </c>
      <c r="Y13" s="195">
        <v>0</v>
      </c>
      <c r="Z13" s="196">
        <v>0</v>
      </c>
      <c r="AA13" s="197">
        <v>0</v>
      </c>
      <c r="AB13" s="197">
        <v>0</v>
      </c>
      <c r="AC13" s="197">
        <v>0</v>
      </c>
      <c r="AD13" s="195">
        <v>1</v>
      </c>
      <c r="AE13" s="198">
        <v>1</v>
      </c>
      <c r="AF13" s="199">
        <v>1</v>
      </c>
      <c r="AG13" s="194">
        <v>0</v>
      </c>
      <c r="AH13" s="195">
        <v>0</v>
      </c>
      <c r="AI13" s="195">
        <v>0</v>
      </c>
      <c r="AJ13" s="196">
        <v>0</v>
      </c>
      <c r="AK13" s="197">
        <v>0</v>
      </c>
      <c r="AL13" s="197">
        <v>0</v>
      </c>
      <c r="AM13" s="197">
        <v>0</v>
      </c>
      <c r="AN13" s="195">
        <v>1</v>
      </c>
      <c r="AO13" s="198">
        <v>1</v>
      </c>
      <c r="AP13" s="200">
        <v>1</v>
      </c>
      <c r="AQ13" s="37"/>
    </row>
    <row r="14" spans="2:43" ht="21" customHeight="1" x14ac:dyDescent="0.2">
      <c r="B14" s="62" t="s">
        <v>11</v>
      </c>
      <c r="C14" s="194">
        <v>0</v>
      </c>
      <c r="D14" s="195">
        <v>0</v>
      </c>
      <c r="E14" s="195">
        <v>0</v>
      </c>
      <c r="F14" s="196">
        <v>0</v>
      </c>
      <c r="G14" s="197">
        <v>0</v>
      </c>
      <c r="H14" s="197">
        <v>1</v>
      </c>
      <c r="I14" s="197">
        <v>6</v>
      </c>
      <c r="J14" s="195">
        <v>7</v>
      </c>
      <c r="K14" s="198">
        <v>14</v>
      </c>
      <c r="L14" s="199">
        <v>14</v>
      </c>
      <c r="M14" s="194">
        <v>0</v>
      </c>
      <c r="N14" s="195">
        <v>0</v>
      </c>
      <c r="O14" s="198">
        <v>0</v>
      </c>
      <c r="P14" s="201">
        <v>2</v>
      </c>
      <c r="Q14" s="197">
        <v>1</v>
      </c>
      <c r="R14" s="197">
        <v>3</v>
      </c>
      <c r="S14" s="197">
        <v>5</v>
      </c>
      <c r="T14" s="195">
        <v>1</v>
      </c>
      <c r="U14" s="198">
        <v>12</v>
      </c>
      <c r="V14" s="202">
        <v>12</v>
      </c>
      <c r="W14" s="201">
        <v>0</v>
      </c>
      <c r="X14" s="195">
        <v>0</v>
      </c>
      <c r="Y14" s="195">
        <v>0</v>
      </c>
      <c r="Z14" s="196">
        <v>0</v>
      </c>
      <c r="AA14" s="197">
        <v>0</v>
      </c>
      <c r="AB14" s="197">
        <v>0</v>
      </c>
      <c r="AC14" s="197">
        <v>0</v>
      </c>
      <c r="AD14" s="195">
        <v>0</v>
      </c>
      <c r="AE14" s="198">
        <v>0</v>
      </c>
      <c r="AF14" s="199">
        <v>0</v>
      </c>
      <c r="AG14" s="194">
        <v>0</v>
      </c>
      <c r="AH14" s="195">
        <v>0</v>
      </c>
      <c r="AI14" s="195">
        <v>0</v>
      </c>
      <c r="AJ14" s="196">
        <v>0</v>
      </c>
      <c r="AK14" s="197">
        <v>0</v>
      </c>
      <c r="AL14" s="197">
        <v>0</v>
      </c>
      <c r="AM14" s="197">
        <v>0</v>
      </c>
      <c r="AN14" s="195">
        <v>0</v>
      </c>
      <c r="AO14" s="198">
        <v>0</v>
      </c>
      <c r="AP14" s="200">
        <v>0</v>
      </c>
      <c r="AQ14" s="37"/>
    </row>
    <row r="15" spans="2:43" ht="21" customHeight="1" x14ac:dyDescent="0.2">
      <c r="B15" s="62" t="s">
        <v>12</v>
      </c>
      <c r="C15" s="194">
        <v>0</v>
      </c>
      <c r="D15" s="195">
        <v>0</v>
      </c>
      <c r="E15" s="195">
        <v>0</v>
      </c>
      <c r="F15" s="196">
        <v>0</v>
      </c>
      <c r="G15" s="197">
        <v>1</v>
      </c>
      <c r="H15" s="197">
        <v>2</v>
      </c>
      <c r="I15" s="197">
        <v>10</v>
      </c>
      <c r="J15" s="195">
        <v>5</v>
      </c>
      <c r="K15" s="198">
        <v>18</v>
      </c>
      <c r="L15" s="199">
        <v>18</v>
      </c>
      <c r="M15" s="194">
        <v>0</v>
      </c>
      <c r="N15" s="195">
        <v>0</v>
      </c>
      <c r="O15" s="198">
        <v>0</v>
      </c>
      <c r="P15" s="201">
        <v>0</v>
      </c>
      <c r="Q15" s="197">
        <v>4</v>
      </c>
      <c r="R15" s="197">
        <v>4</v>
      </c>
      <c r="S15" s="197">
        <v>6</v>
      </c>
      <c r="T15" s="195">
        <v>3</v>
      </c>
      <c r="U15" s="198">
        <v>17</v>
      </c>
      <c r="V15" s="202">
        <v>17</v>
      </c>
      <c r="W15" s="201">
        <v>0</v>
      </c>
      <c r="X15" s="195">
        <v>0</v>
      </c>
      <c r="Y15" s="195">
        <v>0</v>
      </c>
      <c r="Z15" s="196">
        <v>0</v>
      </c>
      <c r="AA15" s="197">
        <v>0</v>
      </c>
      <c r="AB15" s="197">
        <v>0</v>
      </c>
      <c r="AC15" s="197">
        <v>0</v>
      </c>
      <c r="AD15" s="195">
        <v>0</v>
      </c>
      <c r="AE15" s="198">
        <v>0</v>
      </c>
      <c r="AF15" s="199">
        <v>0</v>
      </c>
      <c r="AG15" s="194">
        <v>0</v>
      </c>
      <c r="AH15" s="195">
        <v>0</v>
      </c>
      <c r="AI15" s="195">
        <v>0</v>
      </c>
      <c r="AJ15" s="196">
        <v>0</v>
      </c>
      <c r="AK15" s="197">
        <v>0</v>
      </c>
      <c r="AL15" s="197">
        <v>0</v>
      </c>
      <c r="AM15" s="197">
        <v>1</v>
      </c>
      <c r="AN15" s="195">
        <v>0</v>
      </c>
      <c r="AO15" s="198">
        <v>1</v>
      </c>
      <c r="AP15" s="200">
        <v>1</v>
      </c>
      <c r="AQ15" s="37"/>
    </row>
    <row r="16" spans="2:43" ht="21" customHeight="1" x14ac:dyDescent="0.2">
      <c r="B16" s="62" t="s">
        <v>13</v>
      </c>
      <c r="C16" s="194">
        <v>0</v>
      </c>
      <c r="D16" s="195">
        <v>0</v>
      </c>
      <c r="E16" s="195">
        <v>0</v>
      </c>
      <c r="F16" s="196">
        <v>1</v>
      </c>
      <c r="G16" s="197">
        <v>0</v>
      </c>
      <c r="H16" s="197">
        <v>3</v>
      </c>
      <c r="I16" s="197">
        <v>4</v>
      </c>
      <c r="J16" s="195">
        <v>4</v>
      </c>
      <c r="K16" s="198">
        <v>12</v>
      </c>
      <c r="L16" s="199">
        <v>12</v>
      </c>
      <c r="M16" s="194">
        <v>0</v>
      </c>
      <c r="N16" s="195">
        <v>0</v>
      </c>
      <c r="O16" s="198">
        <v>0</v>
      </c>
      <c r="P16" s="201">
        <v>0</v>
      </c>
      <c r="Q16" s="197">
        <v>1</v>
      </c>
      <c r="R16" s="197">
        <v>1</v>
      </c>
      <c r="S16" s="197">
        <v>5</v>
      </c>
      <c r="T16" s="195">
        <v>1</v>
      </c>
      <c r="U16" s="198">
        <v>8</v>
      </c>
      <c r="V16" s="202">
        <v>8</v>
      </c>
      <c r="W16" s="201">
        <v>0</v>
      </c>
      <c r="X16" s="195">
        <v>0</v>
      </c>
      <c r="Y16" s="195">
        <v>0</v>
      </c>
      <c r="Z16" s="196">
        <v>0</v>
      </c>
      <c r="AA16" s="197">
        <v>0</v>
      </c>
      <c r="AB16" s="197">
        <v>0</v>
      </c>
      <c r="AC16" s="197">
        <v>0</v>
      </c>
      <c r="AD16" s="195">
        <v>0</v>
      </c>
      <c r="AE16" s="198">
        <v>0</v>
      </c>
      <c r="AF16" s="199">
        <v>0</v>
      </c>
      <c r="AG16" s="194">
        <v>0</v>
      </c>
      <c r="AH16" s="195">
        <v>0</v>
      </c>
      <c r="AI16" s="195">
        <v>0</v>
      </c>
      <c r="AJ16" s="196">
        <v>0</v>
      </c>
      <c r="AK16" s="197">
        <v>0</v>
      </c>
      <c r="AL16" s="197">
        <v>0</v>
      </c>
      <c r="AM16" s="197">
        <v>0</v>
      </c>
      <c r="AN16" s="195">
        <v>0</v>
      </c>
      <c r="AO16" s="198">
        <v>0</v>
      </c>
      <c r="AP16" s="200">
        <v>0</v>
      </c>
      <c r="AQ16" s="37"/>
    </row>
    <row r="17" spans="2:43" ht="21" customHeight="1" x14ac:dyDescent="0.2">
      <c r="B17" s="62" t="s">
        <v>15</v>
      </c>
      <c r="C17" s="194">
        <v>0</v>
      </c>
      <c r="D17" s="195">
        <v>0</v>
      </c>
      <c r="E17" s="195">
        <v>0</v>
      </c>
      <c r="F17" s="196">
        <v>0</v>
      </c>
      <c r="G17" s="197">
        <v>0</v>
      </c>
      <c r="H17" s="197">
        <v>1</v>
      </c>
      <c r="I17" s="197">
        <v>0</v>
      </c>
      <c r="J17" s="195">
        <v>2</v>
      </c>
      <c r="K17" s="198">
        <v>3</v>
      </c>
      <c r="L17" s="199">
        <v>3</v>
      </c>
      <c r="M17" s="194">
        <v>0</v>
      </c>
      <c r="N17" s="195">
        <v>0</v>
      </c>
      <c r="O17" s="198">
        <v>0</v>
      </c>
      <c r="P17" s="201">
        <v>0</v>
      </c>
      <c r="Q17" s="197">
        <v>0</v>
      </c>
      <c r="R17" s="197">
        <v>2</v>
      </c>
      <c r="S17" s="197">
        <v>2</v>
      </c>
      <c r="T17" s="195">
        <v>0</v>
      </c>
      <c r="U17" s="198">
        <v>4</v>
      </c>
      <c r="V17" s="202">
        <v>4</v>
      </c>
      <c r="W17" s="201">
        <v>0</v>
      </c>
      <c r="X17" s="195">
        <v>0</v>
      </c>
      <c r="Y17" s="195">
        <v>0</v>
      </c>
      <c r="Z17" s="196">
        <v>0</v>
      </c>
      <c r="AA17" s="197">
        <v>0</v>
      </c>
      <c r="AB17" s="197">
        <v>0</v>
      </c>
      <c r="AC17" s="197">
        <v>0</v>
      </c>
      <c r="AD17" s="195">
        <v>0</v>
      </c>
      <c r="AE17" s="198">
        <v>0</v>
      </c>
      <c r="AF17" s="199">
        <v>0</v>
      </c>
      <c r="AG17" s="194">
        <v>0</v>
      </c>
      <c r="AH17" s="195">
        <v>0</v>
      </c>
      <c r="AI17" s="195">
        <v>0</v>
      </c>
      <c r="AJ17" s="196">
        <v>0</v>
      </c>
      <c r="AK17" s="197">
        <v>0</v>
      </c>
      <c r="AL17" s="197">
        <v>0</v>
      </c>
      <c r="AM17" s="197">
        <v>0</v>
      </c>
      <c r="AN17" s="195">
        <v>0</v>
      </c>
      <c r="AO17" s="198">
        <v>0</v>
      </c>
      <c r="AP17" s="200">
        <v>0</v>
      </c>
      <c r="AQ17" s="37"/>
    </row>
    <row r="18" spans="2:43" ht="21" customHeight="1" x14ac:dyDescent="0.2">
      <c r="B18" s="62" t="s">
        <v>16</v>
      </c>
      <c r="C18" s="194">
        <v>0</v>
      </c>
      <c r="D18" s="195">
        <v>0</v>
      </c>
      <c r="E18" s="195">
        <v>0</v>
      </c>
      <c r="F18" s="196">
        <v>0</v>
      </c>
      <c r="G18" s="197">
        <v>0</v>
      </c>
      <c r="H18" s="197">
        <v>5</v>
      </c>
      <c r="I18" s="197">
        <v>7</v>
      </c>
      <c r="J18" s="195">
        <v>6</v>
      </c>
      <c r="K18" s="198">
        <v>18</v>
      </c>
      <c r="L18" s="199">
        <v>18</v>
      </c>
      <c r="M18" s="194">
        <v>0</v>
      </c>
      <c r="N18" s="195">
        <v>0</v>
      </c>
      <c r="O18" s="198">
        <v>0</v>
      </c>
      <c r="P18" s="201">
        <v>1</v>
      </c>
      <c r="Q18" s="197">
        <v>3</v>
      </c>
      <c r="R18" s="197">
        <v>2</v>
      </c>
      <c r="S18" s="197">
        <v>6</v>
      </c>
      <c r="T18" s="195">
        <v>2</v>
      </c>
      <c r="U18" s="198">
        <v>14</v>
      </c>
      <c r="V18" s="202">
        <v>14</v>
      </c>
      <c r="W18" s="201">
        <v>0</v>
      </c>
      <c r="X18" s="195">
        <v>0</v>
      </c>
      <c r="Y18" s="195">
        <v>0</v>
      </c>
      <c r="Z18" s="196">
        <v>0</v>
      </c>
      <c r="AA18" s="197">
        <v>0</v>
      </c>
      <c r="AB18" s="197">
        <v>0</v>
      </c>
      <c r="AC18" s="197">
        <v>0</v>
      </c>
      <c r="AD18" s="195">
        <v>0</v>
      </c>
      <c r="AE18" s="198">
        <v>0</v>
      </c>
      <c r="AF18" s="199">
        <v>0</v>
      </c>
      <c r="AG18" s="194">
        <v>0</v>
      </c>
      <c r="AH18" s="195">
        <v>0</v>
      </c>
      <c r="AI18" s="195">
        <v>0</v>
      </c>
      <c r="AJ18" s="196">
        <v>0</v>
      </c>
      <c r="AK18" s="197">
        <v>0</v>
      </c>
      <c r="AL18" s="197">
        <v>1</v>
      </c>
      <c r="AM18" s="197">
        <v>1</v>
      </c>
      <c r="AN18" s="195">
        <v>0</v>
      </c>
      <c r="AO18" s="198">
        <v>2</v>
      </c>
      <c r="AP18" s="200">
        <v>2</v>
      </c>
      <c r="AQ18" s="37"/>
    </row>
    <row r="19" spans="2:43" ht="21" customHeight="1" x14ac:dyDescent="0.2">
      <c r="B19" s="62" t="s">
        <v>17</v>
      </c>
      <c r="C19" s="194">
        <v>0</v>
      </c>
      <c r="D19" s="195">
        <v>0</v>
      </c>
      <c r="E19" s="195">
        <v>0</v>
      </c>
      <c r="F19" s="196">
        <v>0</v>
      </c>
      <c r="G19" s="197">
        <v>1</v>
      </c>
      <c r="H19" s="197">
        <v>8</v>
      </c>
      <c r="I19" s="197">
        <v>9</v>
      </c>
      <c r="J19" s="195">
        <v>7</v>
      </c>
      <c r="K19" s="198">
        <v>25</v>
      </c>
      <c r="L19" s="199">
        <v>25</v>
      </c>
      <c r="M19" s="194">
        <v>0</v>
      </c>
      <c r="N19" s="195">
        <v>0</v>
      </c>
      <c r="O19" s="198">
        <v>0</v>
      </c>
      <c r="P19" s="201">
        <v>1</v>
      </c>
      <c r="Q19" s="197">
        <v>7</v>
      </c>
      <c r="R19" s="197">
        <v>10</v>
      </c>
      <c r="S19" s="197">
        <v>7</v>
      </c>
      <c r="T19" s="195">
        <v>4</v>
      </c>
      <c r="U19" s="198">
        <v>29</v>
      </c>
      <c r="V19" s="202">
        <v>29</v>
      </c>
      <c r="W19" s="201">
        <v>0</v>
      </c>
      <c r="X19" s="195">
        <v>0</v>
      </c>
      <c r="Y19" s="195">
        <v>0</v>
      </c>
      <c r="Z19" s="196">
        <v>0</v>
      </c>
      <c r="AA19" s="197">
        <v>0</v>
      </c>
      <c r="AB19" s="197">
        <v>0</v>
      </c>
      <c r="AC19" s="197">
        <v>0</v>
      </c>
      <c r="AD19" s="195">
        <v>0</v>
      </c>
      <c r="AE19" s="198">
        <v>0</v>
      </c>
      <c r="AF19" s="199">
        <v>0</v>
      </c>
      <c r="AG19" s="194">
        <v>0</v>
      </c>
      <c r="AH19" s="195">
        <v>0</v>
      </c>
      <c r="AI19" s="195">
        <v>0</v>
      </c>
      <c r="AJ19" s="196">
        <v>0</v>
      </c>
      <c r="AK19" s="197">
        <v>0</v>
      </c>
      <c r="AL19" s="197">
        <v>0</v>
      </c>
      <c r="AM19" s="197">
        <v>0</v>
      </c>
      <c r="AN19" s="195">
        <v>1</v>
      </c>
      <c r="AO19" s="198">
        <v>1</v>
      </c>
      <c r="AP19" s="200">
        <v>1</v>
      </c>
      <c r="AQ19" s="37"/>
    </row>
    <row r="20" spans="2:43" ht="21" customHeight="1" x14ac:dyDescent="0.2">
      <c r="B20" s="62" t="s">
        <v>18</v>
      </c>
      <c r="C20" s="194">
        <v>0</v>
      </c>
      <c r="D20" s="195">
        <v>0</v>
      </c>
      <c r="E20" s="195">
        <v>0</v>
      </c>
      <c r="F20" s="196">
        <v>0</v>
      </c>
      <c r="G20" s="197">
        <v>1</v>
      </c>
      <c r="H20" s="197">
        <v>6</v>
      </c>
      <c r="I20" s="197">
        <v>14</v>
      </c>
      <c r="J20" s="195">
        <v>8</v>
      </c>
      <c r="K20" s="198">
        <v>29</v>
      </c>
      <c r="L20" s="199">
        <v>29</v>
      </c>
      <c r="M20" s="194">
        <v>0</v>
      </c>
      <c r="N20" s="195">
        <v>0</v>
      </c>
      <c r="O20" s="198">
        <v>0</v>
      </c>
      <c r="P20" s="201">
        <v>3</v>
      </c>
      <c r="Q20" s="197">
        <v>1</v>
      </c>
      <c r="R20" s="197">
        <v>3</v>
      </c>
      <c r="S20" s="197">
        <v>7</v>
      </c>
      <c r="T20" s="195">
        <v>3</v>
      </c>
      <c r="U20" s="198">
        <v>17</v>
      </c>
      <c r="V20" s="202">
        <v>17</v>
      </c>
      <c r="W20" s="201">
        <v>0</v>
      </c>
      <c r="X20" s="195">
        <v>0</v>
      </c>
      <c r="Y20" s="195">
        <v>0</v>
      </c>
      <c r="Z20" s="196">
        <v>0</v>
      </c>
      <c r="AA20" s="197">
        <v>0</v>
      </c>
      <c r="AB20" s="197">
        <v>0</v>
      </c>
      <c r="AC20" s="197">
        <v>0</v>
      </c>
      <c r="AD20" s="195">
        <v>1</v>
      </c>
      <c r="AE20" s="198">
        <v>1</v>
      </c>
      <c r="AF20" s="199">
        <v>1</v>
      </c>
      <c r="AG20" s="194">
        <v>0</v>
      </c>
      <c r="AH20" s="195">
        <v>0</v>
      </c>
      <c r="AI20" s="195">
        <v>0</v>
      </c>
      <c r="AJ20" s="196">
        <v>0</v>
      </c>
      <c r="AK20" s="197">
        <v>0</v>
      </c>
      <c r="AL20" s="197">
        <v>0</v>
      </c>
      <c r="AM20" s="197">
        <v>0</v>
      </c>
      <c r="AN20" s="195">
        <v>0</v>
      </c>
      <c r="AO20" s="198">
        <v>0</v>
      </c>
      <c r="AP20" s="200">
        <v>0</v>
      </c>
      <c r="AQ20" s="37"/>
    </row>
    <row r="21" spans="2:43" ht="21" customHeight="1" x14ac:dyDescent="0.2">
      <c r="B21" s="62" t="s">
        <v>19</v>
      </c>
      <c r="C21" s="194">
        <v>0</v>
      </c>
      <c r="D21" s="195">
        <v>0</v>
      </c>
      <c r="E21" s="195">
        <v>0</v>
      </c>
      <c r="F21" s="196">
        <v>0</v>
      </c>
      <c r="G21" s="197">
        <v>0</v>
      </c>
      <c r="H21" s="197">
        <v>2</v>
      </c>
      <c r="I21" s="197">
        <v>3</v>
      </c>
      <c r="J21" s="195">
        <v>3</v>
      </c>
      <c r="K21" s="198">
        <v>8</v>
      </c>
      <c r="L21" s="199">
        <v>8</v>
      </c>
      <c r="M21" s="194">
        <v>0</v>
      </c>
      <c r="N21" s="195">
        <v>0</v>
      </c>
      <c r="O21" s="198">
        <v>0</v>
      </c>
      <c r="P21" s="201">
        <v>0</v>
      </c>
      <c r="Q21" s="197">
        <v>3</v>
      </c>
      <c r="R21" s="197">
        <v>4</v>
      </c>
      <c r="S21" s="197">
        <v>3</v>
      </c>
      <c r="T21" s="195">
        <v>1</v>
      </c>
      <c r="U21" s="198">
        <v>11</v>
      </c>
      <c r="V21" s="202">
        <v>11</v>
      </c>
      <c r="W21" s="201">
        <v>0</v>
      </c>
      <c r="X21" s="195">
        <v>0</v>
      </c>
      <c r="Y21" s="195">
        <v>0</v>
      </c>
      <c r="Z21" s="196">
        <v>0</v>
      </c>
      <c r="AA21" s="197">
        <v>0</v>
      </c>
      <c r="AB21" s="197">
        <v>0</v>
      </c>
      <c r="AC21" s="197">
        <v>0</v>
      </c>
      <c r="AD21" s="195">
        <v>0</v>
      </c>
      <c r="AE21" s="198">
        <v>0</v>
      </c>
      <c r="AF21" s="199">
        <v>0</v>
      </c>
      <c r="AG21" s="194">
        <v>0</v>
      </c>
      <c r="AH21" s="195">
        <v>0</v>
      </c>
      <c r="AI21" s="195">
        <v>0</v>
      </c>
      <c r="AJ21" s="196">
        <v>0</v>
      </c>
      <c r="AK21" s="197">
        <v>0</v>
      </c>
      <c r="AL21" s="197">
        <v>0</v>
      </c>
      <c r="AM21" s="197">
        <v>0</v>
      </c>
      <c r="AN21" s="195">
        <v>0</v>
      </c>
      <c r="AO21" s="198">
        <v>0</v>
      </c>
      <c r="AP21" s="200">
        <v>0</v>
      </c>
      <c r="AQ21" s="37"/>
    </row>
    <row r="22" spans="2:43" ht="21" customHeight="1" x14ac:dyDescent="0.2">
      <c r="B22" s="62" t="s">
        <v>20</v>
      </c>
      <c r="C22" s="194">
        <v>0</v>
      </c>
      <c r="D22" s="195">
        <v>0</v>
      </c>
      <c r="E22" s="195">
        <v>0</v>
      </c>
      <c r="F22" s="196">
        <v>0</v>
      </c>
      <c r="G22" s="197">
        <v>1</v>
      </c>
      <c r="H22" s="197">
        <v>1</v>
      </c>
      <c r="I22" s="197">
        <v>6</v>
      </c>
      <c r="J22" s="195">
        <v>6</v>
      </c>
      <c r="K22" s="198">
        <v>14</v>
      </c>
      <c r="L22" s="199">
        <v>14</v>
      </c>
      <c r="M22" s="194">
        <v>0</v>
      </c>
      <c r="N22" s="195">
        <v>0</v>
      </c>
      <c r="O22" s="198">
        <v>0</v>
      </c>
      <c r="P22" s="201">
        <v>1</v>
      </c>
      <c r="Q22" s="197">
        <v>1</v>
      </c>
      <c r="R22" s="197">
        <v>3</v>
      </c>
      <c r="S22" s="197">
        <v>5</v>
      </c>
      <c r="T22" s="195">
        <v>0</v>
      </c>
      <c r="U22" s="198">
        <v>10</v>
      </c>
      <c r="V22" s="202">
        <v>10</v>
      </c>
      <c r="W22" s="201">
        <v>0</v>
      </c>
      <c r="X22" s="195">
        <v>0</v>
      </c>
      <c r="Y22" s="195">
        <v>0</v>
      </c>
      <c r="Z22" s="196">
        <v>0</v>
      </c>
      <c r="AA22" s="197">
        <v>0</v>
      </c>
      <c r="AB22" s="197">
        <v>0</v>
      </c>
      <c r="AC22" s="197">
        <v>0</v>
      </c>
      <c r="AD22" s="195">
        <v>0</v>
      </c>
      <c r="AE22" s="198">
        <v>0</v>
      </c>
      <c r="AF22" s="199">
        <v>0</v>
      </c>
      <c r="AG22" s="194">
        <v>0</v>
      </c>
      <c r="AH22" s="195">
        <v>0</v>
      </c>
      <c r="AI22" s="195">
        <v>0</v>
      </c>
      <c r="AJ22" s="196">
        <v>0</v>
      </c>
      <c r="AK22" s="197">
        <v>0</v>
      </c>
      <c r="AL22" s="197">
        <v>0</v>
      </c>
      <c r="AM22" s="197">
        <v>0</v>
      </c>
      <c r="AN22" s="195">
        <v>0</v>
      </c>
      <c r="AO22" s="198">
        <v>0</v>
      </c>
      <c r="AP22" s="200">
        <v>0</v>
      </c>
      <c r="AQ22" s="37"/>
    </row>
    <row r="23" spans="2:43" ht="21" customHeight="1" x14ac:dyDescent="0.2">
      <c r="B23" s="62" t="s">
        <v>21</v>
      </c>
      <c r="C23" s="194">
        <v>0</v>
      </c>
      <c r="D23" s="195">
        <v>0</v>
      </c>
      <c r="E23" s="195">
        <v>0</v>
      </c>
      <c r="F23" s="196">
        <v>0</v>
      </c>
      <c r="G23" s="197">
        <v>0</v>
      </c>
      <c r="H23" s="197">
        <v>2</v>
      </c>
      <c r="I23" s="197">
        <v>3</v>
      </c>
      <c r="J23" s="195">
        <v>6</v>
      </c>
      <c r="K23" s="198">
        <v>11</v>
      </c>
      <c r="L23" s="199">
        <v>11</v>
      </c>
      <c r="M23" s="194">
        <v>0</v>
      </c>
      <c r="N23" s="195">
        <v>0</v>
      </c>
      <c r="O23" s="198">
        <v>0</v>
      </c>
      <c r="P23" s="201">
        <v>0</v>
      </c>
      <c r="Q23" s="197">
        <v>3</v>
      </c>
      <c r="R23" s="197">
        <v>1</v>
      </c>
      <c r="S23" s="197">
        <v>2</v>
      </c>
      <c r="T23" s="195">
        <v>1</v>
      </c>
      <c r="U23" s="198">
        <v>7</v>
      </c>
      <c r="V23" s="202">
        <v>7</v>
      </c>
      <c r="W23" s="201">
        <v>0</v>
      </c>
      <c r="X23" s="195">
        <v>0</v>
      </c>
      <c r="Y23" s="195">
        <v>0</v>
      </c>
      <c r="Z23" s="196">
        <v>0</v>
      </c>
      <c r="AA23" s="197">
        <v>0</v>
      </c>
      <c r="AB23" s="197">
        <v>0</v>
      </c>
      <c r="AC23" s="197">
        <v>0</v>
      </c>
      <c r="AD23" s="195">
        <v>0</v>
      </c>
      <c r="AE23" s="198">
        <v>0</v>
      </c>
      <c r="AF23" s="199">
        <v>0</v>
      </c>
      <c r="AG23" s="194">
        <v>0</v>
      </c>
      <c r="AH23" s="195">
        <v>0</v>
      </c>
      <c r="AI23" s="195">
        <v>0</v>
      </c>
      <c r="AJ23" s="196">
        <v>0</v>
      </c>
      <c r="AK23" s="197">
        <v>0</v>
      </c>
      <c r="AL23" s="197">
        <v>0</v>
      </c>
      <c r="AM23" s="197">
        <v>0</v>
      </c>
      <c r="AN23" s="195">
        <v>2</v>
      </c>
      <c r="AO23" s="198">
        <v>2</v>
      </c>
      <c r="AP23" s="200">
        <v>2</v>
      </c>
      <c r="AQ23" s="37"/>
    </row>
    <row r="24" spans="2:43" ht="21" customHeight="1" x14ac:dyDescent="0.2">
      <c r="B24" s="62" t="s">
        <v>22</v>
      </c>
      <c r="C24" s="194">
        <v>0</v>
      </c>
      <c r="D24" s="195">
        <v>0</v>
      </c>
      <c r="E24" s="195">
        <v>0</v>
      </c>
      <c r="F24" s="196">
        <v>0</v>
      </c>
      <c r="G24" s="197">
        <v>0</v>
      </c>
      <c r="H24" s="197">
        <v>0</v>
      </c>
      <c r="I24" s="197">
        <v>1</v>
      </c>
      <c r="J24" s="195">
        <v>1</v>
      </c>
      <c r="K24" s="198">
        <v>2</v>
      </c>
      <c r="L24" s="199">
        <v>2</v>
      </c>
      <c r="M24" s="194">
        <v>0</v>
      </c>
      <c r="N24" s="195">
        <v>0</v>
      </c>
      <c r="O24" s="198">
        <v>0</v>
      </c>
      <c r="P24" s="201">
        <v>1</v>
      </c>
      <c r="Q24" s="197">
        <v>0</v>
      </c>
      <c r="R24" s="197">
        <v>2</v>
      </c>
      <c r="S24" s="197">
        <v>0</v>
      </c>
      <c r="T24" s="195">
        <v>0</v>
      </c>
      <c r="U24" s="198">
        <v>3</v>
      </c>
      <c r="V24" s="202">
        <v>3</v>
      </c>
      <c r="W24" s="201">
        <v>0</v>
      </c>
      <c r="X24" s="195">
        <v>0</v>
      </c>
      <c r="Y24" s="195">
        <v>0</v>
      </c>
      <c r="Z24" s="196">
        <v>0</v>
      </c>
      <c r="AA24" s="197">
        <v>0</v>
      </c>
      <c r="AB24" s="197">
        <v>0</v>
      </c>
      <c r="AC24" s="197">
        <v>0</v>
      </c>
      <c r="AD24" s="195">
        <v>0</v>
      </c>
      <c r="AE24" s="198">
        <v>0</v>
      </c>
      <c r="AF24" s="199">
        <v>0</v>
      </c>
      <c r="AG24" s="194">
        <v>0</v>
      </c>
      <c r="AH24" s="195">
        <v>0</v>
      </c>
      <c r="AI24" s="195">
        <v>0</v>
      </c>
      <c r="AJ24" s="196">
        <v>0</v>
      </c>
      <c r="AK24" s="197">
        <v>0</v>
      </c>
      <c r="AL24" s="197">
        <v>0</v>
      </c>
      <c r="AM24" s="197">
        <v>0</v>
      </c>
      <c r="AN24" s="195">
        <v>0</v>
      </c>
      <c r="AO24" s="198">
        <v>0</v>
      </c>
      <c r="AP24" s="200">
        <v>0</v>
      </c>
      <c r="AQ24" s="37"/>
    </row>
    <row r="25" spans="2:43" ht="21" customHeight="1" x14ac:dyDescent="0.2">
      <c r="B25" s="62" t="s">
        <v>23</v>
      </c>
      <c r="C25" s="194">
        <v>0</v>
      </c>
      <c r="D25" s="195">
        <v>0</v>
      </c>
      <c r="E25" s="195">
        <v>0</v>
      </c>
      <c r="F25" s="196">
        <v>0</v>
      </c>
      <c r="G25" s="197">
        <v>0</v>
      </c>
      <c r="H25" s="197">
        <v>1</v>
      </c>
      <c r="I25" s="197">
        <v>4</v>
      </c>
      <c r="J25" s="195">
        <v>2</v>
      </c>
      <c r="K25" s="198">
        <v>7</v>
      </c>
      <c r="L25" s="199">
        <v>7</v>
      </c>
      <c r="M25" s="194">
        <v>0</v>
      </c>
      <c r="N25" s="195">
        <v>0</v>
      </c>
      <c r="O25" s="198">
        <v>0</v>
      </c>
      <c r="P25" s="201">
        <v>0</v>
      </c>
      <c r="Q25" s="197">
        <v>0</v>
      </c>
      <c r="R25" s="197">
        <v>1</v>
      </c>
      <c r="S25" s="197">
        <v>1</v>
      </c>
      <c r="T25" s="195">
        <v>4</v>
      </c>
      <c r="U25" s="198">
        <v>6</v>
      </c>
      <c r="V25" s="202">
        <v>6</v>
      </c>
      <c r="W25" s="201">
        <v>0</v>
      </c>
      <c r="X25" s="195">
        <v>0</v>
      </c>
      <c r="Y25" s="195">
        <v>0</v>
      </c>
      <c r="Z25" s="196">
        <v>0</v>
      </c>
      <c r="AA25" s="197">
        <v>0</v>
      </c>
      <c r="AB25" s="197">
        <v>0</v>
      </c>
      <c r="AC25" s="197">
        <v>1</v>
      </c>
      <c r="AD25" s="195">
        <v>0</v>
      </c>
      <c r="AE25" s="198">
        <v>1</v>
      </c>
      <c r="AF25" s="199">
        <v>1</v>
      </c>
      <c r="AG25" s="194">
        <v>0</v>
      </c>
      <c r="AH25" s="195">
        <v>0</v>
      </c>
      <c r="AI25" s="195">
        <v>0</v>
      </c>
      <c r="AJ25" s="196">
        <v>0</v>
      </c>
      <c r="AK25" s="197">
        <v>0</v>
      </c>
      <c r="AL25" s="197">
        <v>0</v>
      </c>
      <c r="AM25" s="197">
        <v>0</v>
      </c>
      <c r="AN25" s="195">
        <v>1</v>
      </c>
      <c r="AO25" s="198">
        <v>1</v>
      </c>
      <c r="AP25" s="200">
        <v>1</v>
      </c>
      <c r="AQ25" s="37"/>
    </row>
    <row r="26" spans="2:43" ht="21" customHeight="1" x14ac:dyDescent="0.2">
      <c r="B26" s="62" t="s">
        <v>24</v>
      </c>
      <c r="C26" s="194">
        <v>0</v>
      </c>
      <c r="D26" s="195">
        <v>0</v>
      </c>
      <c r="E26" s="195">
        <v>0</v>
      </c>
      <c r="F26" s="196">
        <v>0</v>
      </c>
      <c r="G26" s="197">
        <v>0</v>
      </c>
      <c r="H26" s="197">
        <v>1</v>
      </c>
      <c r="I26" s="197">
        <v>3</v>
      </c>
      <c r="J26" s="195">
        <v>2</v>
      </c>
      <c r="K26" s="198">
        <v>6</v>
      </c>
      <c r="L26" s="199">
        <v>6</v>
      </c>
      <c r="M26" s="194">
        <v>0</v>
      </c>
      <c r="N26" s="195">
        <v>0</v>
      </c>
      <c r="O26" s="198">
        <v>0</v>
      </c>
      <c r="P26" s="201">
        <v>0</v>
      </c>
      <c r="Q26" s="197">
        <v>0</v>
      </c>
      <c r="R26" s="197">
        <v>1</v>
      </c>
      <c r="S26" s="197">
        <v>1</v>
      </c>
      <c r="T26" s="195">
        <v>1</v>
      </c>
      <c r="U26" s="198">
        <v>3</v>
      </c>
      <c r="V26" s="202">
        <v>3</v>
      </c>
      <c r="W26" s="201">
        <v>0</v>
      </c>
      <c r="X26" s="195">
        <v>0</v>
      </c>
      <c r="Y26" s="195">
        <v>0</v>
      </c>
      <c r="Z26" s="196">
        <v>0</v>
      </c>
      <c r="AA26" s="197">
        <v>0</v>
      </c>
      <c r="AB26" s="197">
        <v>0</v>
      </c>
      <c r="AC26" s="197">
        <v>0</v>
      </c>
      <c r="AD26" s="195">
        <v>0</v>
      </c>
      <c r="AE26" s="198">
        <v>0</v>
      </c>
      <c r="AF26" s="199">
        <v>0</v>
      </c>
      <c r="AG26" s="194">
        <v>0</v>
      </c>
      <c r="AH26" s="195">
        <v>0</v>
      </c>
      <c r="AI26" s="195">
        <v>0</v>
      </c>
      <c r="AJ26" s="196">
        <v>0</v>
      </c>
      <c r="AK26" s="197">
        <v>0</v>
      </c>
      <c r="AL26" s="197">
        <v>0</v>
      </c>
      <c r="AM26" s="197">
        <v>0</v>
      </c>
      <c r="AN26" s="195">
        <v>0</v>
      </c>
      <c r="AO26" s="198">
        <v>0</v>
      </c>
      <c r="AP26" s="200">
        <v>0</v>
      </c>
      <c r="AQ26" s="37"/>
    </row>
    <row r="27" spans="2:43" ht="21" customHeight="1" x14ac:dyDescent="0.2">
      <c r="B27" s="62" t="s">
        <v>25</v>
      </c>
      <c r="C27" s="194">
        <v>0</v>
      </c>
      <c r="D27" s="195">
        <v>0</v>
      </c>
      <c r="E27" s="195">
        <v>0</v>
      </c>
      <c r="F27" s="196">
        <v>0</v>
      </c>
      <c r="G27" s="197">
        <v>0</v>
      </c>
      <c r="H27" s="197">
        <v>1</v>
      </c>
      <c r="I27" s="197">
        <v>1</v>
      </c>
      <c r="J27" s="195">
        <v>0</v>
      </c>
      <c r="K27" s="198">
        <v>2</v>
      </c>
      <c r="L27" s="199">
        <v>2</v>
      </c>
      <c r="M27" s="194">
        <v>0</v>
      </c>
      <c r="N27" s="195">
        <v>0</v>
      </c>
      <c r="O27" s="198">
        <v>0</v>
      </c>
      <c r="P27" s="201">
        <v>1</v>
      </c>
      <c r="Q27" s="197">
        <v>0</v>
      </c>
      <c r="R27" s="197">
        <v>0</v>
      </c>
      <c r="S27" s="197">
        <v>1</v>
      </c>
      <c r="T27" s="195">
        <v>0</v>
      </c>
      <c r="U27" s="198">
        <v>2</v>
      </c>
      <c r="V27" s="202">
        <v>2</v>
      </c>
      <c r="W27" s="201">
        <v>0</v>
      </c>
      <c r="X27" s="195">
        <v>0</v>
      </c>
      <c r="Y27" s="195">
        <v>0</v>
      </c>
      <c r="Z27" s="196">
        <v>0</v>
      </c>
      <c r="AA27" s="197">
        <v>0</v>
      </c>
      <c r="AB27" s="197">
        <v>0</v>
      </c>
      <c r="AC27" s="197">
        <v>0</v>
      </c>
      <c r="AD27" s="195">
        <v>0</v>
      </c>
      <c r="AE27" s="198">
        <v>0</v>
      </c>
      <c r="AF27" s="199">
        <v>0</v>
      </c>
      <c r="AG27" s="194">
        <v>0</v>
      </c>
      <c r="AH27" s="195">
        <v>0</v>
      </c>
      <c r="AI27" s="195">
        <v>0</v>
      </c>
      <c r="AJ27" s="196">
        <v>0</v>
      </c>
      <c r="AK27" s="197">
        <v>1</v>
      </c>
      <c r="AL27" s="197">
        <v>0</v>
      </c>
      <c r="AM27" s="197">
        <v>0</v>
      </c>
      <c r="AN27" s="195">
        <v>0</v>
      </c>
      <c r="AO27" s="198">
        <v>1</v>
      </c>
      <c r="AP27" s="200">
        <v>1</v>
      </c>
      <c r="AQ27" s="37"/>
    </row>
    <row r="28" spans="2:43" ht="21" customHeight="1" x14ac:dyDescent="0.2">
      <c r="B28" s="62" t="s">
        <v>26</v>
      </c>
      <c r="C28" s="194">
        <v>0</v>
      </c>
      <c r="D28" s="195">
        <v>0</v>
      </c>
      <c r="E28" s="195">
        <v>0</v>
      </c>
      <c r="F28" s="196">
        <v>0</v>
      </c>
      <c r="G28" s="197">
        <v>0</v>
      </c>
      <c r="H28" s="197">
        <v>0</v>
      </c>
      <c r="I28" s="197">
        <v>1</v>
      </c>
      <c r="J28" s="195">
        <v>1</v>
      </c>
      <c r="K28" s="198">
        <v>2</v>
      </c>
      <c r="L28" s="199">
        <v>2</v>
      </c>
      <c r="M28" s="194">
        <v>0</v>
      </c>
      <c r="N28" s="195">
        <v>0</v>
      </c>
      <c r="O28" s="198">
        <v>0</v>
      </c>
      <c r="P28" s="201">
        <v>1</v>
      </c>
      <c r="Q28" s="197">
        <v>0</v>
      </c>
      <c r="R28" s="197">
        <v>0</v>
      </c>
      <c r="S28" s="197">
        <v>0</v>
      </c>
      <c r="T28" s="195">
        <v>0</v>
      </c>
      <c r="U28" s="198">
        <v>1</v>
      </c>
      <c r="V28" s="202">
        <v>1</v>
      </c>
      <c r="W28" s="201">
        <v>0</v>
      </c>
      <c r="X28" s="195">
        <v>0</v>
      </c>
      <c r="Y28" s="195">
        <v>0</v>
      </c>
      <c r="Z28" s="196">
        <v>0</v>
      </c>
      <c r="AA28" s="197">
        <v>0</v>
      </c>
      <c r="AB28" s="197">
        <v>0</v>
      </c>
      <c r="AC28" s="197">
        <v>0</v>
      </c>
      <c r="AD28" s="195">
        <v>0</v>
      </c>
      <c r="AE28" s="198">
        <v>0</v>
      </c>
      <c r="AF28" s="199">
        <v>0</v>
      </c>
      <c r="AG28" s="194">
        <v>0</v>
      </c>
      <c r="AH28" s="195">
        <v>0</v>
      </c>
      <c r="AI28" s="195">
        <v>0</v>
      </c>
      <c r="AJ28" s="196">
        <v>0</v>
      </c>
      <c r="AK28" s="197">
        <v>0</v>
      </c>
      <c r="AL28" s="197">
        <v>0</v>
      </c>
      <c r="AM28" s="197">
        <v>0</v>
      </c>
      <c r="AN28" s="195">
        <v>0</v>
      </c>
      <c r="AO28" s="198">
        <v>0</v>
      </c>
      <c r="AP28" s="200">
        <v>0</v>
      </c>
      <c r="AQ28" s="37"/>
    </row>
    <row r="29" spans="2:43" ht="21" customHeight="1" x14ac:dyDescent="0.2">
      <c r="B29" s="62" t="s">
        <v>27</v>
      </c>
      <c r="C29" s="194">
        <v>0</v>
      </c>
      <c r="D29" s="195">
        <v>0</v>
      </c>
      <c r="E29" s="195">
        <v>0</v>
      </c>
      <c r="F29" s="196">
        <v>0</v>
      </c>
      <c r="G29" s="197">
        <v>0</v>
      </c>
      <c r="H29" s="197">
        <v>1</v>
      </c>
      <c r="I29" s="197">
        <v>2</v>
      </c>
      <c r="J29" s="195">
        <v>0</v>
      </c>
      <c r="K29" s="198">
        <v>3</v>
      </c>
      <c r="L29" s="199">
        <v>3</v>
      </c>
      <c r="M29" s="194">
        <v>0</v>
      </c>
      <c r="N29" s="195">
        <v>0</v>
      </c>
      <c r="O29" s="198">
        <v>0</v>
      </c>
      <c r="P29" s="201">
        <v>1</v>
      </c>
      <c r="Q29" s="197">
        <v>0</v>
      </c>
      <c r="R29" s="197">
        <v>0</v>
      </c>
      <c r="S29" s="197">
        <v>0</v>
      </c>
      <c r="T29" s="195">
        <v>0</v>
      </c>
      <c r="U29" s="198">
        <v>1</v>
      </c>
      <c r="V29" s="202">
        <v>1</v>
      </c>
      <c r="W29" s="201">
        <v>0</v>
      </c>
      <c r="X29" s="195">
        <v>0</v>
      </c>
      <c r="Y29" s="195">
        <v>0</v>
      </c>
      <c r="Z29" s="196">
        <v>0</v>
      </c>
      <c r="AA29" s="197">
        <v>0</v>
      </c>
      <c r="AB29" s="197">
        <v>0</v>
      </c>
      <c r="AC29" s="197">
        <v>0</v>
      </c>
      <c r="AD29" s="195">
        <v>0</v>
      </c>
      <c r="AE29" s="198">
        <v>0</v>
      </c>
      <c r="AF29" s="199">
        <v>0</v>
      </c>
      <c r="AG29" s="194">
        <v>0</v>
      </c>
      <c r="AH29" s="195">
        <v>0</v>
      </c>
      <c r="AI29" s="195">
        <v>0</v>
      </c>
      <c r="AJ29" s="196">
        <v>0</v>
      </c>
      <c r="AK29" s="197">
        <v>0</v>
      </c>
      <c r="AL29" s="197">
        <v>0</v>
      </c>
      <c r="AM29" s="197">
        <v>0</v>
      </c>
      <c r="AN29" s="195">
        <v>0</v>
      </c>
      <c r="AO29" s="198">
        <v>0</v>
      </c>
      <c r="AP29" s="200">
        <v>0</v>
      </c>
      <c r="AQ29" s="37"/>
    </row>
    <row r="30" spans="2:43" ht="21" customHeight="1" x14ac:dyDescent="0.2">
      <c r="B30" s="62" t="s">
        <v>28</v>
      </c>
      <c r="C30" s="194">
        <v>0</v>
      </c>
      <c r="D30" s="195">
        <v>0</v>
      </c>
      <c r="E30" s="195">
        <v>0</v>
      </c>
      <c r="F30" s="196">
        <v>0</v>
      </c>
      <c r="G30" s="197">
        <v>0</v>
      </c>
      <c r="H30" s="197">
        <v>0</v>
      </c>
      <c r="I30" s="197">
        <v>0</v>
      </c>
      <c r="J30" s="195">
        <v>0</v>
      </c>
      <c r="K30" s="198">
        <v>0</v>
      </c>
      <c r="L30" s="199">
        <v>0</v>
      </c>
      <c r="M30" s="194">
        <v>0</v>
      </c>
      <c r="N30" s="195">
        <v>0</v>
      </c>
      <c r="O30" s="198">
        <v>0</v>
      </c>
      <c r="P30" s="201">
        <v>0</v>
      </c>
      <c r="Q30" s="197">
        <v>0</v>
      </c>
      <c r="R30" s="197">
        <v>0</v>
      </c>
      <c r="S30" s="197">
        <v>0</v>
      </c>
      <c r="T30" s="195">
        <v>0</v>
      </c>
      <c r="U30" s="198">
        <v>0</v>
      </c>
      <c r="V30" s="202">
        <v>0</v>
      </c>
      <c r="W30" s="201">
        <v>0</v>
      </c>
      <c r="X30" s="195">
        <v>0</v>
      </c>
      <c r="Y30" s="195">
        <v>0</v>
      </c>
      <c r="Z30" s="196">
        <v>0</v>
      </c>
      <c r="AA30" s="197">
        <v>0</v>
      </c>
      <c r="AB30" s="197">
        <v>0</v>
      </c>
      <c r="AC30" s="197">
        <v>0</v>
      </c>
      <c r="AD30" s="195">
        <v>0</v>
      </c>
      <c r="AE30" s="198">
        <v>0</v>
      </c>
      <c r="AF30" s="199">
        <v>0</v>
      </c>
      <c r="AG30" s="194">
        <v>0</v>
      </c>
      <c r="AH30" s="195">
        <v>0</v>
      </c>
      <c r="AI30" s="195">
        <v>0</v>
      </c>
      <c r="AJ30" s="196">
        <v>0</v>
      </c>
      <c r="AK30" s="197">
        <v>0</v>
      </c>
      <c r="AL30" s="197">
        <v>0</v>
      </c>
      <c r="AM30" s="197">
        <v>0</v>
      </c>
      <c r="AN30" s="195">
        <v>0</v>
      </c>
      <c r="AO30" s="198">
        <v>0</v>
      </c>
      <c r="AP30" s="200">
        <v>0</v>
      </c>
      <c r="AQ30" s="37"/>
    </row>
    <row r="31" spans="2:43" ht="21" customHeight="1" x14ac:dyDescent="0.2">
      <c r="B31" s="62" t="s">
        <v>29</v>
      </c>
      <c r="C31" s="194">
        <v>0</v>
      </c>
      <c r="D31" s="195">
        <v>0</v>
      </c>
      <c r="E31" s="195">
        <v>0</v>
      </c>
      <c r="F31" s="196">
        <v>0</v>
      </c>
      <c r="G31" s="197">
        <v>0</v>
      </c>
      <c r="H31" s="197">
        <v>0</v>
      </c>
      <c r="I31" s="197">
        <v>0</v>
      </c>
      <c r="J31" s="195">
        <v>0</v>
      </c>
      <c r="K31" s="198">
        <v>0</v>
      </c>
      <c r="L31" s="199">
        <v>0</v>
      </c>
      <c r="M31" s="194">
        <v>0</v>
      </c>
      <c r="N31" s="195">
        <v>0</v>
      </c>
      <c r="O31" s="198">
        <v>0</v>
      </c>
      <c r="P31" s="201">
        <v>0</v>
      </c>
      <c r="Q31" s="197">
        <v>0</v>
      </c>
      <c r="R31" s="197">
        <v>0</v>
      </c>
      <c r="S31" s="197">
        <v>1</v>
      </c>
      <c r="T31" s="195">
        <v>0</v>
      </c>
      <c r="U31" s="198">
        <v>1</v>
      </c>
      <c r="V31" s="202">
        <v>1</v>
      </c>
      <c r="W31" s="201">
        <v>0</v>
      </c>
      <c r="X31" s="195">
        <v>0</v>
      </c>
      <c r="Y31" s="195">
        <v>0</v>
      </c>
      <c r="Z31" s="196">
        <v>0</v>
      </c>
      <c r="AA31" s="197">
        <v>0</v>
      </c>
      <c r="AB31" s="197">
        <v>0</v>
      </c>
      <c r="AC31" s="197">
        <v>0</v>
      </c>
      <c r="AD31" s="195">
        <v>0</v>
      </c>
      <c r="AE31" s="198">
        <v>0</v>
      </c>
      <c r="AF31" s="199">
        <v>0</v>
      </c>
      <c r="AG31" s="194">
        <v>0</v>
      </c>
      <c r="AH31" s="195">
        <v>0</v>
      </c>
      <c r="AI31" s="195">
        <v>0</v>
      </c>
      <c r="AJ31" s="196">
        <v>0</v>
      </c>
      <c r="AK31" s="197">
        <v>0</v>
      </c>
      <c r="AL31" s="197">
        <v>0</v>
      </c>
      <c r="AM31" s="197">
        <v>0</v>
      </c>
      <c r="AN31" s="195">
        <v>0</v>
      </c>
      <c r="AO31" s="198">
        <v>0</v>
      </c>
      <c r="AP31" s="200">
        <v>0</v>
      </c>
      <c r="AQ31" s="37"/>
    </row>
    <row r="32" spans="2:43" ht="21" customHeight="1" x14ac:dyDescent="0.2">
      <c r="B32" s="62" t="s">
        <v>30</v>
      </c>
      <c r="C32" s="194">
        <v>0</v>
      </c>
      <c r="D32" s="195">
        <v>0</v>
      </c>
      <c r="E32" s="195">
        <v>0</v>
      </c>
      <c r="F32" s="196">
        <v>0</v>
      </c>
      <c r="G32" s="197">
        <v>0</v>
      </c>
      <c r="H32" s="197">
        <v>1</v>
      </c>
      <c r="I32" s="197">
        <v>1</v>
      </c>
      <c r="J32" s="195">
        <v>0</v>
      </c>
      <c r="K32" s="198">
        <v>2</v>
      </c>
      <c r="L32" s="199">
        <v>2</v>
      </c>
      <c r="M32" s="194">
        <v>0</v>
      </c>
      <c r="N32" s="195">
        <v>0</v>
      </c>
      <c r="O32" s="198">
        <v>0</v>
      </c>
      <c r="P32" s="201">
        <v>1</v>
      </c>
      <c r="Q32" s="197">
        <v>0</v>
      </c>
      <c r="R32" s="197">
        <v>0</v>
      </c>
      <c r="S32" s="197">
        <v>1</v>
      </c>
      <c r="T32" s="195">
        <v>1</v>
      </c>
      <c r="U32" s="198">
        <v>3</v>
      </c>
      <c r="V32" s="202">
        <v>3</v>
      </c>
      <c r="W32" s="201">
        <v>0</v>
      </c>
      <c r="X32" s="195">
        <v>0</v>
      </c>
      <c r="Y32" s="195">
        <v>0</v>
      </c>
      <c r="Z32" s="196">
        <v>0</v>
      </c>
      <c r="AA32" s="197">
        <v>0</v>
      </c>
      <c r="AB32" s="197">
        <v>0</v>
      </c>
      <c r="AC32" s="197">
        <v>0</v>
      </c>
      <c r="AD32" s="195">
        <v>0</v>
      </c>
      <c r="AE32" s="198">
        <v>0</v>
      </c>
      <c r="AF32" s="199">
        <v>0</v>
      </c>
      <c r="AG32" s="194">
        <v>0</v>
      </c>
      <c r="AH32" s="195">
        <v>0</v>
      </c>
      <c r="AI32" s="195">
        <v>0</v>
      </c>
      <c r="AJ32" s="196">
        <v>0</v>
      </c>
      <c r="AK32" s="197">
        <v>0</v>
      </c>
      <c r="AL32" s="197">
        <v>0</v>
      </c>
      <c r="AM32" s="197">
        <v>0</v>
      </c>
      <c r="AN32" s="195">
        <v>0</v>
      </c>
      <c r="AO32" s="198">
        <v>0</v>
      </c>
      <c r="AP32" s="200">
        <v>0</v>
      </c>
      <c r="AQ32" s="37"/>
    </row>
    <row r="33" spans="2:43" ht="21" customHeight="1" x14ac:dyDescent="0.2">
      <c r="B33" s="62" t="s">
        <v>31</v>
      </c>
      <c r="C33" s="194">
        <v>0</v>
      </c>
      <c r="D33" s="195">
        <v>0</v>
      </c>
      <c r="E33" s="195">
        <v>0</v>
      </c>
      <c r="F33" s="196">
        <v>0</v>
      </c>
      <c r="G33" s="197">
        <v>0</v>
      </c>
      <c r="H33" s="197">
        <v>2</v>
      </c>
      <c r="I33" s="197">
        <v>0</v>
      </c>
      <c r="J33" s="195">
        <v>0</v>
      </c>
      <c r="K33" s="198">
        <v>2</v>
      </c>
      <c r="L33" s="199">
        <v>2</v>
      </c>
      <c r="M33" s="194">
        <v>0</v>
      </c>
      <c r="N33" s="195">
        <v>0</v>
      </c>
      <c r="O33" s="198">
        <v>0</v>
      </c>
      <c r="P33" s="201">
        <v>0</v>
      </c>
      <c r="Q33" s="197">
        <v>1</v>
      </c>
      <c r="R33" s="197">
        <v>0</v>
      </c>
      <c r="S33" s="197">
        <v>0</v>
      </c>
      <c r="T33" s="195">
        <v>1</v>
      </c>
      <c r="U33" s="198">
        <v>2</v>
      </c>
      <c r="V33" s="202">
        <v>2</v>
      </c>
      <c r="W33" s="201">
        <v>0</v>
      </c>
      <c r="X33" s="195">
        <v>0</v>
      </c>
      <c r="Y33" s="195">
        <v>0</v>
      </c>
      <c r="Z33" s="196">
        <v>0</v>
      </c>
      <c r="AA33" s="197">
        <v>0</v>
      </c>
      <c r="AB33" s="197">
        <v>0</v>
      </c>
      <c r="AC33" s="197">
        <v>0</v>
      </c>
      <c r="AD33" s="195">
        <v>0</v>
      </c>
      <c r="AE33" s="198">
        <v>0</v>
      </c>
      <c r="AF33" s="199">
        <v>0</v>
      </c>
      <c r="AG33" s="194">
        <v>0</v>
      </c>
      <c r="AH33" s="195">
        <v>0</v>
      </c>
      <c r="AI33" s="195">
        <v>0</v>
      </c>
      <c r="AJ33" s="196">
        <v>0</v>
      </c>
      <c r="AK33" s="197">
        <v>0</v>
      </c>
      <c r="AL33" s="197">
        <v>0</v>
      </c>
      <c r="AM33" s="197">
        <v>0</v>
      </c>
      <c r="AN33" s="195">
        <v>0</v>
      </c>
      <c r="AO33" s="198">
        <v>0</v>
      </c>
      <c r="AP33" s="200">
        <v>0</v>
      </c>
      <c r="AQ33" s="37"/>
    </row>
    <row r="34" spans="2:43" ht="21" customHeight="1" x14ac:dyDescent="0.2">
      <c r="B34" s="62" t="s">
        <v>32</v>
      </c>
      <c r="C34" s="194">
        <v>0</v>
      </c>
      <c r="D34" s="195">
        <v>0</v>
      </c>
      <c r="E34" s="195">
        <v>0</v>
      </c>
      <c r="F34" s="196">
        <v>0</v>
      </c>
      <c r="G34" s="197">
        <v>0</v>
      </c>
      <c r="H34" s="197">
        <v>0</v>
      </c>
      <c r="I34" s="197">
        <v>1</v>
      </c>
      <c r="J34" s="195">
        <v>1</v>
      </c>
      <c r="K34" s="198">
        <v>2</v>
      </c>
      <c r="L34" s="199">
        <v>2</v>
      </c>
      <c r="M34" s="194">
        <v>0</v>
      </c>
      <c r="N34" s="195">
        <v>0</v>
      </c>
      <c r="O34" s="198">
        <v>0</v>
      </c>
      <c r="P34" s="201">
        <v>0</v>
      </c>
      <c r="Q34" s="197">
        <v>0</v>
      </c>
      <c r="R34" s="197">
        <v>0</v>
      </c>
      <c r="S34" s="197">
        <v>1</v>
      </c>
      <c r="T34" s="195">
        <v>1</v>
      </c>
      <c r="U34" s="198">
        <v>2</v>
      </c>
      <c r="V34" s="202">
        <v>2</v>
      </c>
      <c r="W34" s="201">
        <v>0</v>
      </c>
      <c r="X34" s="195">
        <v>0</v>
      </c>
      <c r="Y34" s="195">
        <v>0</v>
      </c>
      <c r="Z34" s="196">
        <v>0</v>
      </c>
      <c r="AA34" s="197">
        <v>0</v>
      </c>
      <c r="AB34" s="197">
        <v>0</v>
      </c>
      <c r="AC34" s="197">
        <v>0</v>
      </c>
      <c r="AD34" s="195">
        <v>0</v>
      </c>
      <c r="AE34" s="198">
        <v>0</v>
      </c>
      <c r="AF34" s="199">
        <v>0</v>
      </c>
      <c r="AG34" s="194">
        <v>0</v>
      </c>
      <c r="AH34" s="195">
        <v>0</v>
      </c>
      <c r="AI34" s="195">
        <v>0</v>
      </c>
      <c r="AJ34" s="196">
        <v>0</v>
      </c>
      <c r="AK34" s="197">
        <v>0</v>
      </c>
      <c r="AL34" s="197">
        <v>0</v>
      </c>
      <c r="AM34" s="197">
        <v>0</v>
      </c>
      <c r="AN34" s="195">
        <v>0</v>
      </c>
      <c r="AO34" s="198">
        <v>0</v>
      </c>
      <c r="AP34" s="200">
        <v>0</v>
      </c>
      <c r="AQ34" s="37"/>
    </row>
    <row r="35" spans="2:43" ht="21" customHeight="1" x14ac:dyDescent="0.2">
      <c r="B35" s="62" t="s">
        <v>33</v>
      </c>
      <c r="C35" s="194">
        <v>0</v>
      </c>
      <c r="D35" s="195">
        <v>0</v>
      </c>
      <c r="E35" s="195">
        <v>0</v>
      </c>
      <c r="F35" s="196">
        <v>0</v>
      </c>
      <c r="G35" s="197">
        <v>0</v>
      </c>
      <c r="H35" s="197">
        <v>0</v>
      </c>
      <c r="I35" s="197">
        <v>0</v>
      </c>
      <c r="J35" s="195">
        <v>0</v>
      </c>
      <c r="K35" s="198">
        <v>0</v>
      </c>
      <c r="L35" s="199">
        <v>0</v>
      </c>
      <c r="M35" s="194">
        <v>0</v>
      </c>
      <c r="N35" s="195">
        <v>0</v>
      </c>
      <c r="O35" s="198">
        <v>0</v>
      </c>
      <c r="P35" s="201">
        <v>0</v>
      </c>
      <c r="Q35" s="197">
        <v>0</v>
      </c>
      <c r="R35" s="197">
        <v>0</v>
      </c>
      <c r="S35" s="197">
        <v>1</v>
      </c>
      <c r="T35" s="195">
        <v>0</v>
      </c>
      <c r="U35" s="198">
        <v>1</v>
      </c>
      <c r="V35" s="202">
        <v>1</v>
      </c>
      <c r="W35" s="201">
        <v>0</v>
      </c>
      <c r="X35" s="195">
        <v>0</v>
      </c>
      <c r="Y35" s="195">
        <v>0</v>
      </c>
      <c r="Z35" s="196">
        <v>0</v>
      </c>
      <c r="AA35" s="197">
        <v>0</v>
      </c>
      <c r="AB35" s="197">
        <v>0</v>
      </c>
      <c r="AC35" s="197">
        <v>0</v>
      </c>
      <c r="AD35" s="195">
        <v>0</v>
      </c>
      <c r="AE35" s="198">
        <v>0</v>
      </c>
      <c r="AF35" s="199">
        <v>0</v>
      </c>
      <c r="AG35" s="194">
        <v>0</v>
      </c>
      <c r="AH35" s="195">
        <v>0</v>
      </c>
      <c r="AI35" s="195">
        <v>0</v>
      </c>
      <c r="AJ35" s="196">
        <v>0</v>
      </c>
      <c r="AK35" s="197">
        <v>0</v>
      </c>
      <c r="AL35" s="197">
        <v>0</v>
      </c>
      <c r="AM35" s="197">
        <v>1</v>
      </c>
      <c r="AN35" s="195">
        <v>2</v>
      </c>
      <c r="AO35" s="198">
        <v>3</v>
      </c>
      <c r="AP35" s="200">
        <v>3</v>
      </c>
      <c r="AQ35" s="37"/>
    </row>
    <row r="36" spans="2:43" ht="21" customHeight="1" x14ac:dyDescent="0.2">
      <c r="B36" s="62" t="s">
        <v>34</v>
      </c>
      <c r="C36" s="194">
        <v>0</v>
      </c>
      <c r="D36" s="195">
        <v>0</v>
      </c>
      <c r="E36" s="195">
        <v>0</v>
      </c>
      <c r="F36" s="196">
        <v>0</v>
      </c>
      <c r="G36" s="197">
        <v>0</v>
      </c>
      <c r="H36" s="197">
        <v>0</v>
      </c>
      <c r="I36" s="197">
        <v>0</v>
      </c>
      <c r="J36" s="195">
        <v>0</v>
      </c>
      <c r="K36" s="198">
        <v>0</v>
      </c>
      <c r="L36" s="199">
        <v>0</v>
      </c>
      <c r="M36" s="194">
        <v>0</v>
      </c>
      <c r="N36" s="195">
        <v>0</v>
      </c>
      <c r="O36" s="198">
        <v>0</v>
      </c>
      <c r="P36" s="201">
        <v>1</v>
      </c>
      <c r="Q36" s="197">
        <v>1</v>
      </c>
      <c r="R36" s="197">
        <v>0</v>
      </c>
      <c r="S36" s="197">
        <v>0</v>
      </c>
      <c r="T36" s="195">
        <v>0</v>
      </c>
      <c r="U36" s="198">
        <v>2</v>
      </c>
      <c r="V36" s="202">
        <v>2</v>
      </c>
      <c r="W36" s="201">
        <v>0</v>
      </c>
      <c r="X36" s="195">
        <v>0</v>
      </c>
      <c r="Y36" s="195">
        <v>0</v>
      </c>
      <c r="Z36" s="196">
        <v>0</v>
      </c>
      <c r="AA36" s="197">
        <v>0</v>
      </c>
      <c r="AB36" s="197">
        <v>0</v>
      </c>
      <c r="AC36" s="197">
        <v>0</v>
      </c>
      <c r="AD36" s="195">
        <v>0</v>
      </c>
      <c r="AE36" s="198">
        <v>0</v>
      </c>
      <c r="AF36" s="199">
        <v>0</v>
      </c>
      <c r="AG36" s="194">
        <v>0</v>
      </c>
      <c r="AH36" s="195">
        <v>0</v>
      </c>
      <c r="AI36" s="195">
        <v>0</v>
      </c>
      <c r="AJ36" s="196">
        <v>0</v>
      </c>
      <c r="AK36" s="197">
        <v>0</v>
      </c>
      <c r="AL36" s="197">
        <v>0</v>
      </c>
      <c r="AM36" s="197">
        <v>0</v>
      </c>
      <c r="AN36" s="195">
        <v>0</v>
      </c>
      <c r="AO36" s="198">
        <v>0</v>
      </c>
      <c r="AP36" s="200">
        <v>0</v>
      </c>
      <c r="AQ36" s="37"/>
    </row>
    <row r="37" spans="2:43" ht="21" customHeight="1" x14ac:dyDescent="0.2">
      <c r="B37" s="62" t="s">
        <v>35</v>
      </c>
      <c r="C37" s="194">
        <v>0</v>
      </c>
      <c r="D37" s="195">
        <v>0</v>
      </c>
      <c r="E37" s="195">
        <v>0</v>
      </c>
      <c r="F37" s="196">
        <v>0</v>
      </c>
      <c r="G37" s="197">
        <v>0</v>
      </c>
      <c r="H37" s="197">
        <v>0</v>
      </c>
      <c r="I37" s="197">
        <v>2</v>
      </c>
      <c r="J37" s="195">
        <v>0</v>
      </c>
      <c r="K37" s="198">
        <v>2</v>
      </c>
      <c r="L37" s="199">
        <v>2</v>
      </c>
      <c r="M37" s="194">
        <v>0</v>
      </c>
      <c r="N37" s="195">
        <v>0</v>
      </c>
      <c r="O37" s="198">
        <v>0</v>
      </c>
      <c r="P37" s="201">
        <v>0</v>
      </c>
      <c r="Q37" s="197">
        <v>0</v>
      </c>
      <c r="R37" s="197">
        <v>0</v>
      </c>
      <c r="S37" s="197">
        <v>0</v>
      </c>
      <c r="T37" s="195">
        <v>0</v>
      </c>
      <c r="U37" s="198">
        <v>0</v>
      </c>
      <c r="V37" s="202">
        <v>0</v>
      </c>
      <c r="W37" s="201">
        <v>0</v>
      </c>
      <c r="X37" s="195">
        <v>0</v>
      </c>
      <c r="Y37" s="195">
        <v>0</v>
      </c>
      <c r="Z37" s="196">
        <v>0</v>
      </c>
      <c r="AA37" s="197">
        <v>0</v>
      </c>
      <c r="AB37" s="197">
        <v>0</v>
      </c>
      <c r="AC37" s="197">
        <v>0</v>
      </c>
      <c r="AD37" s="195">
        <v>0</v>
      </c>
      <c r="AE37" s="198">
        <v>0</v>
      </c>
      <c r="AF37" s="199">
        <v>0</v>
      </c>
      <c r="AG37" s="194">
        <v>0</v>
      </c>
      <c r="AH37" s="195">
        <v>0</v>
      </c>
      <c r="AI37" s="195">
        <v>0</v>
      </c>
      <c r="AJ37" s="196">
        <v>0</v>
      </c>
      <c r="AK37" s="197">
        <v>0</v>
      </c>
      <c r="AL37" s="197">
        <v>0</v>
      </c>
      <c r="AM37" s="197">
        <v>0</v>
      </c>
      <c r="AN37" s="195">
        <v>0</v>
      </c>
      <c r="AO37" s="198">
        <v>0</v>
      </c>
      <c r="AP37" s="200">
        <v>0</v>
      </c>
      <c r="AQ37" s="37"/>
    </row>
    <row r="38" spans="2:43" ht="21" customHeight="1" x14ac:dyDescent="0.2">
      <c r="B38" s="62" t="s">
        <v>36</v>
      </c>
      <c r="C38" s="194">
        <v>0</v>
      </c>
      <c r="D38" s="195">
        <v>0</v>
      </c>
      <c r="E38" s="195">
        <v>0</v>
      </c>
      <c r="F38" s="196">
        <v>0</v>
      </c>
      <c r="G38" s="197">
        <v>0</v>
      </c>
      <c r="H38" s="197">
        <v>2</v>
      </c>
      <c r="I38" s="197">
        <v>0</v>
      </c>
      <c r="J38" s="195">
        <v>2</v>
      </c>
      <c r="K38" s="198">
        <v>4</v>
      </c>
      <c r="L38" s="199">
        <v>4</v>
      </c>
      <c r="M38" s="194">
        <v>0</v>
      </c>
      <c r="N38" s="195">
        <v>0</v>
      </c>
      <c r="O38" s="198">
        <v>0</v>
      </c>
      <c r="P38" s="201">
        <v>1</v>
      </c>
      <c r="Q38" s="197">
        <v>0</v>
      </c>
      <c r="R38" s="197">
        <v>1</v>
      </c>
      <c r="S38" s="197">
        <v>4</v>
      </c>
      <c r="T38" s="195">
        <v>0</v>
      </c>
      <c r="U38" s="198">
        <v>6</v>
      </c>
      <c r="V38" s="202">
        <v>6</v>
      </c>
      <c r="W38" s="201">
        <v>0</v>
      </c>
      <c r="X38" s="195">
        <v>0</v>
      </c>
      <c r="Y38" s="195">
        <v>0</v>
      </c>
      <c r="Z38" s="196">
        <v>0</v>
      </c>
      <c r="AA38" s="197">
        <v>0</v>
      </c>
      <c r="AB38" s="197">
        <v>0</v>
      </c>
      <c r="AC38" s="197">
        <v>0</v>
      </c>
      <c r="AD38" s="195">
        <v>0</v>
      </c>
      <c r="AE38" s="198">
        <v>0</v>
      </c>
      <c r="AF38" s="199">
        <v>0</v>
      </c>
      <c r="AG38" s="194">
        <v>0</v>
      </c>
      <c r="AH38" s="195">
        <v>0</v>
      </c>
      <c r="AI38" s="195">
        <v>0</v>
      </c>
      <c r="AJ38" s="196">
        <v>0</v>
      </c>
      <c r="AK38" s="197">
        <v>0</v>
      </c>
      <c r="AL38" s="197">
        <v>0</v>
      </c>
      <c r="AM38" s="197">
        <v>0</v>
      </c>
      <c r="AN38" s="195">
        <v>0</v>
      </c>
      <c r="AO38" s="198">
        <v>0</v>
      </c>
      <c r="AP38" s="200">
        <v>0</v>
      </c>
      <c r="AQ38" s="37"/>
    </row>
    <row r="39" spans="2:43" ht="21" customHeight="1" thickBot="1" x14ac:dyDescent="0.25">
      <c r="B39" s="63" t="s">
        <v>37</v>
      </c>
      <c r="C39" s="203">
        <v>0</v>
      </c>
      <c r="D39" s="204">
        <v>0</v>
      </c>
      <c r="E39" s="204">
        <v>0</v>
      </c>
      <c r="F39" s="205">
        <v>0</v>
      </c>
      <c r="G39" s="206">
        <v>0</v>
      </c>
      <c r="H39" s="206">
        <v>0</v>
      </c>
      <c r="I39" s="206">
        <v>0</v>
      </c>
      <c r="J39" s="204">
        <v>0</v>
      </c>
      <c r="K39" s="207">
        <v>0</v>
      </c>
      <c r="L39" s="208">
        <v>0</v>
      </c>
      <c r="M39" s="203">
        <v>0</v>
      </c>
      <c r="N39" s="204">
        <v>0</v>
      </c>
      <c r="O39" s="207">
        <v>0</v>
      </c>
      <c r="P39" s="210">
        <v>0</v>
      </c>
      <c r="Q39" s="206">
        <v>0</v>
      </c>
      <c r="R39" s="206">
        <v>0</v>
      </c>
      <c r="S39" s="206">
        <v>0</v>
      </c>
      <c r="T39" s="204">
        <v>0</v>
      </c>
      <c r="U39" s="207">
        <v>0</v>
      </c>
      <c r="V39" s="211">
        <v>0</v>
      </c>
      <c r="W39" s="210">
        <v>0</v>
      </c>
      <c r="X39" s="204">
        <v>0</v>
      </c>
      <c r="Y39" s="204">
        <v>0</v>
      </c>
      <c r="Z39" s="205">
        <v>0</v>
      </c>
      <c r="AA39" s="206">
        <v>0</v>
      </c>
      <c r="AB39" s="206">
        <v>0</v>
      </c>
      <c r="AC39" s="206">
        <v>0</v>
      </c>
      <c r="AD39" s="204">
        <v>0</v>
      </c>
      <c r="AE39" s="207">
        <v>0</v>
      </c>
      <c r="AF39" s="208">
        <v>0</v>
      </c>
      <c r="AG39" s="203">
        <v>0</v>
      </c>
      <c r="AH39" s="204">
        <v>0</v>
      </c>
      <c r="AI39" s="204">
        <v>0</v>
      </c>
      <c r="AJ39" s="205">
        <v>0</v>
      </c>
      <c r="AK39" s="206">
        <v>0</v>
      </c>
      <c r="AL39" s="206">
        <v>0</v>
      </c>
      <c r="AM39" s="206">
        <v>0</v>
      </c>
      <c r="AN39" s="204">
        <v>1</v>
      </c>
      <c r="AO39" s="207">
        <v>1</v>
      </c>
      <c r="AP39" s="209">
        <v>1</v>
      </c>
      <c r="AQ39" s="37"/>
    </row>
    <row r="40" spans="2:43" x14ac:dyDescent="0.2">
      <c r="C40" s="38"/>
      <c r="D40" s="38"/>
      <c r="E40" s="38"/>
      <c r="F40" s="38"/>
      <c r="G40" s="38"/>
      <c r="H40" s="38"/>
      <c r="I40" s="38"/>
      <c r="J40" s="38"/>
      <c r="K40" s="38"/>
      <c r="L40" s="38"/>
      <c r="M40" s="37"/>
      <c r="N40" s="37"/>
      <c r="O40" s="37"/>
      <c r="P40" s="37"/>
      <c r="Q40" s="37"/>
      <c r="R40" s="37"/>
      <c r="S40" s="37"/>
      <c r="T40" s="37"/>
      <c r="U40" s="37"/>
      <c r="V40" s="37"/>
      <c r="W40" s="37"/>
      <c r="X40" s="37"/>
      <c r="Y40" s="37"/>
      <c r="Z40" s="37"/>
      <c r="AA40" s="37"/>
      <c r="AB40" s="37"/>
      <c r="AC40" s="37"/>
      <c r="AD40" s="37"/>
      <c r="AE40" s="37"/>
      <c r="AF40" s="37"/>
      <c r="AG40" s="37"/>
      <c r="AH40" s="37"/>
      <c r="AI40" s="37"/>
      <c r="AJ40" s="37"/>
      <c r="AK40" s="37"/>
      <c r="AL40" s="37"/>
      <c r="AM40" s="37"/>
      <c r="AN40" s="37"/>
      <c r="AO40" s="37"/>
      <c r="AP40" s="37"/>
      <c r="AQ40" s="37"/>
    </row>
    <row r="41" spans="2:43" x14ac:dyDescent="0.2">
      <c r="C41" s="38"/>
      <c r="D41" s="38"/>
      <c r="E41" s="38"/>
      <c r="F41" s="38"/>
      <c r="G41" s="38"/>
      <c r="H41" s="38"/>
      <c r="I41" s="38"/>
      <c r="J41" s="38"/>
      <c r="K41" s="38"/>
      <c r="L41" s="38"/>
      <c r="M41" s="37"/>
      <c r="N41" s="37"/>
      <c r="O41" s="37"/>
      <c r="P41" s="37"/>
      <c r="Q41" s="37"/>
      <c r="R41" s="37"/>
      <c r="S41" s="37"/>
      <c r="T41" s="37"/>
      <c r="U41" s="37"/>
      <c r="V41" s="37"/>
      <c r="W41" s="37"/>
      <c r="X41" s="37"/>
      <c r="Y41" s="37"/>
      <c r="Z41" s="37"/>
      <c r="AA41" s="37"/>
      <c r="AB41" s="37"/>
      <c r="AC41" s="37"/>
      <c r="AD41" s="37"/>
      <c r="AE41" s="37"/>
      <c r="AF41" s="37"/>
      <c r="AG41" s="37"/>
      <c r="AH41" s="37"/>
      <c r="AI41" s="37"/>
      <c r="AJ41" s="37"/>
      <c r="AK41" s="37"/>
      <c r="AL41" s="37"/>
      <c r="AM41" s="37"/>
      <c r="AN41" s="37"/>
      <c r="AO41" s="37"/>
      <c r="AP41" s="37"/>
      <c r="AQ41" s="37"/>
    </row>
    <row r="42" spans="2:43" x14ac:dyDescent="0.2">
      <c r="C42" s="38"/>
      <c r="D42" s="38"/>
      <c r="E42" s="38"/>
      <c r="F42" s="38"/>
      <c r="G42" s="38"/>
      <c r="H42" s="38"/>
      <c r="I42" s="38"/>
      <c r="J42" s="38"/>
      <c r="K42" s="38"/>
      <c r="L42" s="38"/>
      <c r="M42" s="37"/>
      <c r="N42" s="37"/>
      <c r="O42" s="37"/>
      <c r="P42" s="37"/>
      <c r="Q42" s="37"/>
      <c r="R42" s="37"/>
      <c r="S42" s="37"/>
      <c r="T42" s="37"/>
      <c r="U42" s="37"/>
      <c r="V42" s="37"/>
      <c r="W42" s="37"/>
      <c r="X42" s="37"/>
      <c r="Y42" s="37"/>
      <c r="Z42" s="37"/>
      <c r="AA42" s="37"/>
      <c r="AB42" s="37"/>
      <c r="AC42" s="37"/>
      <c r="AD42" s="37"/>
      <c r="AE42" s="37"/>
      <c r="AF42" s="37"/>
      <c r="AG42" s="37"/>
      <c r="AH42" s="37"/>
      <c r="AI42" s="37"/>
      <c r="AJ42" s="37"/>
      <c r="AK42" s="37"/>
      <c r="AL42" s="37"/>
      <c r="AM42" s="37"/>
      <c r="AN42" s="37"/>
      <c r="AO42" s="37"/>
      <c r="AP42" s="37"/>
      <c r="AQ42" s="37"/>
    </row>
    <row r="43" spans="2:43" x14ac:dyDescent="0.2">
      <c r="C43" s="38"/>
      <c r="D43" s="38"/>
      <c r="E43" s="38"/>
      <c r="F43" s="38"/>
      <c r="G43" s="38"/>
      <c r="H43" s="38"/>
      <c r="I43" s="38"/>
      <c r="J43" s="38"/>
      <c r="K43" s="38"/>
      <c r="L43" s="38"/>
      <c r="M43" s="37"/>
      <c r="N43" s="37"/>
      <c r="O43" s="37"/>
      <c r="P43" s="37"/>
      <c r="Q43" s="37"/>
      <c r="R43" s="37"/>
      <c r="S43" s="37"/>
      <c r="T43" s="37"/>
      <c r="U43" s="37"/>
      <c r="V43" s="37"/>
      <c r="W43" s="37"/>
      <c r="X43" s="37"/>
      <c r="Y43" s="37"/>
      <c r="Z43" s="37"/>
      <c r="AA43" s="37"/>
      <c r="AB43" s="37"/>
      <c r="AC43" s="37"/>
      <c r="AD43" s="37"/>
      <c r="AE43" s="37"/>
      <c r="AF43" s="37"/>
      <c r="AG43" s="37"/>
      <c r="AH43" s="37"/>
      <c r="AI43" s="37"/>
      <c r="AJ43" s="37"/>
      <c r="AK43" s="37"/>
      <c r="AL43" s="37"/>
      <c r="AM43" s="37"/>
      <c r="AN43" s="37"/>
      <c r="AO43" s="37"/>
      <c r="AP43" s="37"/>
      <c r="AQ43" s="37"/>
    </row>
    <row r="44" spans="2:43" x14ac:dyDescent="0.2">
      <c r="C44" s="38"/>
      <c r="D44" s="38"/>
      <c r="E44" s="38"/>
      <c r="F44" s="38"/>
      <c r="G44" s="38"/>
      <c r="H44" s="38"/>
      <c r="I44" s="38"/>
      <c r="J44" s="38"/>
      <c r="K44" s="38"/>
      <c r="L44" s="38"/>
      <c r="M44" s="37"/>
      <c r="N44" s="37"/>
      <c r="O44" s="37"/>
      <c r="P44" s="37"/>
      <c r="Q44" s="37"/>
      <c r="R44" s="37"/>
      <c r="S44" s="37"/>
      <c r="T44" s="37"/>
      <c r="U44" s="37"/>
      <c r="V44" s="37"/>
      <c r="W44" s="37"/>
      <c r="X44" s="37"/>
      <c r="Y44" s="37"/>
      <c r="Z44" s="37"/>
      <c r="AA44" s="37"/>
      <c r="AB44" s="37"/>
      <c r="AC44" s="37"/>
      <c r="AD44" s="37"/>
      <c r="AE44" s="37"/>
      <c r="AF44" s="37"/>
      <c r="AG44" s="37"/>
      <c r="AH44" s="37"/>
      <c r="AI44" s="37"/>
      <c r="AJ44" s="37"/>
      <c r="AK44" s="37"/>
      <c r="AL44" s="37"/>
      <c r="AM44" s="37"/>
      <c r="AN44" s="37"/>
      <c r="AO44" s="37"/>
      <c r="AP44" s="37"/>
      <c r="AQ44" s="37"/>
    </row>
    <row r="45" spans="2:43" x14ac:dyDescent="0.2">
      <c r="C45" s="3"/>
      <c r="D45" s="3"/>
      <c r="E45" s="3"/>
      <c r="F45" s="3"/>
      <c r="G45" s="3"/>
      <c r="H45" s="3"/>
      <c r="I45" s="3"/>
      <c r="J45" s="3"/>
      <c r="K45" s="3"/>
      <c r="L45" s="3"/>
    </row>
    <row r="46" spans="2:43" x14ac:dyDescent="0.2">
      <c r="C46" s="3"/>
      <c r="D46" s="3"/>
      <c r="E46" s="3"/>
      <c r="F46" s="3"/>
      <c r="G46" s="3"/>
      <c r="H46" s="3"/>
      <c r="I46" s="3"/>
      <c r="J46" s="3"/>
      <c r="K46" s="3"/>
      <c r="L46" s="3"/>
    </row>
    <row r="47" spans="2:43" x14ac:dyDescent="0.2">
      <c r="C47" s="3"/>
      <c r="D47" s="3"/>
      <c r="E47" s="3"/>
      <c r="F47" s="3"/>
      <c r="G47" s="3"/>
      <c r="H47" s="3"/>
      <c r="I47" s="3"/>
      <c r="J47" s="3"/>
      <c r="K47" s="3"/>
      <c r="L47" s="3"/>
    </row>
    <row r="48" spans="2:43" x14ac:dyDescent="0.2">
      <c r="C48" s="3"/>
      <c r="D48" s="3"/>
      <c r="E48" s="3"/>
      <c r="F48" s="3"/>
      <c r="G48" s="3"/>
      <c r="H48" s="3"/>
      <c r="I48" s="3"/>
      <c r="J48" s="3"/>
      <c r="K48" s="3"/>
      <c r="L48" s="3"/>
    </row>
    <row r="49" spans="3:12" x14ac:dyDescent="0.2">
      <c r="C49" s="3"/>
      <c r="D49" s="3"/>
      <c r="E49" s="3"/>
      <c r="F49" s="3"/>
      <c r="G49" s="3"/>
      <c r="H49" s="3"/>
      <c r="I49" s="3"/>
      <c r="J49" s="3"/>
      <c r="K49" s="3"/>
      <c r="L49" s="3"/>
    </row>
    <row r="50" spans="3:12" x14ac:dyDescent="0.2">
      <c r="C50" s="3"/>
      <c r="D50" s="3"/>
      <c r="E50" s="3"/>
      <c r="F50" s="3"/>
      <c r="G50" s="3"/>
      <c r="H50" s="3"/>
      <c r="I50" s="3"/>
      <c r="J50" s="3"/>
      <c r="K50" s="3"/>
      <c r="L50" s="3"/>
    </row>
    <row r="51" spans="3:12" x14ac:dyDescent="0.2">
      <c r="C51" s="3"/>
      <c r="D51" s="3"/>
      <c r="E51" s="3"/>
      <c r="F51" s="3"/>
      <c r="G51" s="3"/>
      <c r="H51" s="3"/>
      <c r="I51" s="3"/>
      <c r="J51" s="3"/>
      <c r="K51" s="3"/>
      <c r="L51" s="3"/>
    </row>
    <row r="52" spans="3:12" x14ac:dyDescent="0.2">
      <c r="C52" s="3"/>
      <c r="D52" s="3"/>
      <c r="E52" s="3"/>
      <c r="F52" s="3"/>
      <c r="G52" s="3"/>
      <c r="H52" s="3"/>
      <c r="I52" s="3"/>
      <c r="J52" s="3"/>
      <c r="K52" s="3"/>
      <c r="L52" s="3"/>
    </row>
    <row r="53" spans="3:12" x14ac:dyDescent="0.2">
      <c r="C53" s="3"/>
      <c r="D53" s="3"/>
      <c r="E53" s="3"/>
      <c r="F53" s="3"/>
      <c r="G53" s="3"/>
      <c r="H53" s="3"/>
      <c r="I53" s="3"/>
      <c r="J53" s="3"/>
      <c r="K53" s="3"/>
      <c r="L53" s="3"/>
    </row>
    <row r="54" spans="3:12" x14ac:dyDescent="0.2">
      <c r="C54" s="3"/>
      <c r="D54" s="3"/>
      <c r="E54" s="3"/>
      <c r="F54" s="3"/>
      <c r="G54" s="3"/>
      <c r="H54" s="3"/>
      <c r="I54" s="3"/>
      <c r="J54" s="3"/>
      <c r="K54" s="3"/>
      <c r="L54" s="3"/>
    </row>
    <row r="55" spans="3:12" x14ac:dyDescent="0.2">
      <c r="C55" s="3"/>
      <c r="D55" s="3"/>
      <c r="E55" s="3"/>
      <c r="F55" s="3"/>
      <c r="G55" s="3"/>
      <c r="H55" s="3"/>
      <c r="I55" s="3"/>
      <c r="J55" s="3"/>
      <c r="K55" s="3"/>
      <c r="L55" s="3"/>
    </row>
    <row r="56" spans="3:12" x14ac:dyDescent="0.2">
      <c r="C56" s="3"/>
      <c r="D56" s="3"/>
      <c r="E56" s="3"/>
      <c r="F56" s="3"/>
      <c r="G56" s="3"/>
      <c r="H56" s="3"/>
      <c r="I56" s="3"/>
      <c r="J56" s="3"/>
      <c r="K56" s="3"/>
      <c r="L56" s="3"/>
    </row>
    <row r="57" spans="3:12" x14ac:dyDescent="0.2">
      <c r="C57" s="3"/>
      <c r="D57" s="3"/>
      <c r="E57" s="3"/>
      <c r="F57" s="3"/>
      <c r="G57" s="3"/>
      <c r="H57" s="3"/>
      <c r="I57" s="3"/>
      <c r="J57" s="3"/>
      <c r="K57" s="3"/>
      <c r="L57" s="3"/>
    </row>
    <row r="58" spans="3:12" x14ac:dyDescent="0.2">
      <c r="C58" s="3"/>
      <c r="D58" s="3"/>
      <c r="E58" s="3"/>
      <c r="F58" s="3"/>
      <c r="G58" s="3"/>
      <c r="H58" s="3"/>
      <c r="I58" s="3"/>
      <c r="J58" s="3"/>
      <c r="K58" s="3"/>
      <c r="L58" s="3"/>
    </row>
    <row r="59" spans="3:12" x14ac:dyDescent="0.2">
      <c r="C59" s="3"/>
      <c r="D59" s="3"/>
      <c r="E59" s="3"/>
      <c r="F59" s="3"/>
      <c r="G59" s="3"/>
      <c r="H59" s="3"/>
      <c r="I59" s="3"/>
      <c r="J59" s="3"/>
      <c r="K59" s="3"/>
      <c r="L59" s="3"/>
    </row>
    <row r="60" spans="3:12" x14ac:dyDescent="0.2">
      <c r="C60" s="3"/>
      <c r="D60" s="3"/>
      <c r="E60" s="3"/>
      <c r="F60" s="3"/>
      <c r="G60" s="3"/>
      <c r="H60" s="3"/>
      <c r="I60" s="3"/>
      <c r="J60" s="3"/>
      <c r="K60" s="3"/>
      <c r="L60" s="3"/>
    </row>
    <row r="61" spans="3:12" x14ac:dyDescent="0.2">
      <c r="C61" s="3"/>
      <c r="D61" s="3"/>
      <c r="E61" s="3"/>
      <c r="F61" s="3"/>
      <c r="G61" s="3"/>
      <c r="H61" s="3"/>
      <c r="I61" s="3"/>
      <c r="J61" s="3"/>
      <c r="K61" s="3"/>
      <c r="L61" s="3"/>
    </row>
    <row r="62" spans="3:12" x14ac:dyDescent="0.2">
      <c r="C62" s="3"/>
      <c r="D62" s="3"/>
      <c r="E62" s="3"/>
      <c r="F62" s="3"/>
      <c r="G62" s="3"/>
      <c r="H62" s="3"/>
      <c r="I62" s="3"/>
      <c r="J62" s="3"/>
      <c r="K62" s="3"/>
      <c r="L62" s="3"/>
    </row>
    <row r="63" spans="3:12" x14ac:dyDescent="0.2">
      <c r="C63" s="3"/>
      <c r="D63" s="3"/>
      <c r="E63" s="3"/>
      <c r="F63" s="3"/>
      <c r="G63" s="3"/>
      <c r="H63" s="3"/>
      <c r="I63" s="3"/>
      <c r="J63" s="3"/>
      <c r="K63" s="3"/>
      <c r="L63" s="3"/>
    </row>
    <row r="64" spans="3:12" x14ac:dyDescent="0.2">
      <c r="C64" s="3"/>
      <c r="D64" s="3"/>
      <c r="E64" s="3"/>
      <c r="F64" s="3"/>
      <c r="G64" s="3"/>
      <c r="H64" s="3"/>
      <c r="I64" s="3"/>
      <c r="J64" s="3"/>
      <c r="K64" s="3"/>
      <c r="L64" s="3"/>
    </row>
    <row r="65" spans="3:12" x14ac:dyDescent="0.2">
      <c r="C65" s="3"/>
      <c r="D65" s="3"/>
      <c r="E65" s="3"/>
      <c r="F65" s="3"/>
      <c r="G65" s="3"/>
      <c r="H65" s="3"/>
      <c r="I65" s="3"/>
      <c r="J65" s="3"/>
      <c r="K65" s="3"/>
      <c r="L65" s="3"/>
    </row>
    <row r="66" spans="3:12" x14ac:dyDescent="0.2">
      <c r="C66" s="3"/>
      <c r="D66" s="3"/>
      <c r="E66" s="3"/>
      <c r="F66" s="3"/>
      <c r="G66" s="3"/>
      <c r="H66" s="3"/>
      <c r="I66" s="3"/>
      <c r="J66" s="3"/>
      <c r="K66" s="3"/>
      <c r="L66" s="3"/>
    </row>
    <row r="67" spans="3:12" x14ac:dyDescent="0.2">
      <c r="C67" s="3"/>
      <c r="D67" s="3"/>
      <c r="E67" s="3"/>
      <c r="F67" s="3"/>
      <c r="G67" s="3"/>
      <c r="H67" s="3"/>
      <c r="I67" s="3"/>
      <c r="J67" s="3"/>
      <c r="K67" s="3"/>
      <c r="L67" s="3"/>
    </row>
    <row r="68" spans="3:12" x14ac:dyDescent="0.2">
      <c r="C68" s="3"/>
      <c r="D68" s="3"/>
      <c r="E68" s="3"/>
      <c r="F68" s="3"/>
      <c r="G68" s="3"/>
      <c r="H68" s="3"/>
      <c r="I68" s="3"/>
      <c r="J68" s="3"/>
      <c r="K68" s="3"/>
      <c r="L68" s="3"/>
    </row>
    <row r="69" spans="3:12" x14ac:dyDescent="0.2">
      <c r="C69" s="3"/>
      <c r="D69" s="3"/>
      <c r="E69" s="3"/>
      <c r="F69" s="3"/>
      <c r="G69" s="3"/>
      <c r="H69" s="3"/>
      <c r="I69" s="3"/>
      <c r="J69" s="3"/>
      <c r="K69" s="3"/>
      <c r="L69" s="3"/>
    </row>
    <row r="70" spans="3:12" x14ac:dyDescent="0.2">
      <c r="C70" s="3"/>
      <c r="D70" s="3"/>
      <c r="E70" s="3"/>
      <c r="F70" s="3"/>
      <c r="G70" s="3"/>
      <c r="H70" s="3"/>
      <c r="I70" s="3"/>
      <c r="J70" s="3"/>
      <c r="K70" s="3"/>
      <c r="L70" s="3"/>
    </row>
    <row r="71" spans="3:12" x14ac:dyDescent="0.2">
      <c r="C71" s="3"/>
      <c r="D71" s="3"/>
      <c r="E71" s="3"/>
      <c r="F71" s="3"/>
      <c r="G71" s="3"/>
      <c r="H71" s="3"/>
      <c r="I71" s="3"/>
      <c r="J71" s="3"/>
      <c r="K71" s="3"/>
      <c r="L71" s="3"/>
    </row>
    <row r="72" spans="3:12" x14ac:dyDescent="0.2">
      <c r="C72" s="3"/>
      <c r="D72" s="3"/>
      <c r="E72" s="3"/>
      <c r="F72" s="3"/>
      <c r="G72" s="3"/>
      <c r="H72" s="3"/>
      <c r="I72" s="3"/>
      <c r="J72" s="3"/>
      <c r="K72" s="3"/>
      <c r="L72" s="3"/>
    </row>
    <row r="73" spans="3:12" x14ac:dyDescent="0.2">
      <c r="C73" s="3"/>
      <c r="D73" s="3"/>
      <c r="E73" s="3"/>
      <c r="F73" s="3"/>
      <c r="G73" s="3"/>
      <c r="H73" s="3"/>
      <c r="I73" s="3"/>
      <c r="J73" s="3"/>
      <c r="K73" s="3"/>
      <c r="L73" s="3"/>
    </row>
    <row r="74" spans="3:12" x14ac:dyDescent="0.2">
      <c r="C74" s="3"/>
      <c r="D74" s="3"/>
      <c r="E74" s="3"/>
      <c r="F74" s="3"/>
      <c r="G74" s="3"/>
      <c r="H74" s="3"/>
      <c r="I74" s="3"/>
      <c r="J74" s="3"/>
      <c r="K74" s="3"/>
      <c r="L74" s="3"/>
    </row>
    <row r="75" spans="3:12" x14ac:dyDescent="0.2">
      <c r="C75" s="3"/>
      <c r="D75" s="3"/>
      <c r="E75" s="3"/>
      <c r="F75" s="3"/>
      <c r="G75" s="3"/>
      <c r="H75" s="3"/>
      <c r="I75" s="3"/>
      <c r="J75" s="3"/>
      <c r="K75" s="3"/>
      <c r="L75" s="3"/>
    </row>
    <row r="76" spans="3:12" x14ac:dyDescent="0.2">
      <c r="C76" s="3"/>
      <c r="D76" s="3"/>
      <c r="E76" s="3"/>
      <c r="F76" s="3"/>
      <c r="G76" s="3"/>
      <c r="H76" s="3"/>
      <c r="I76" s="3"/>
      <c r="J76" s="3"/>
      <c r="K76" s="3"/>
      <c r="L76" s="3"/>
    </row>
    <row r="77" spans="3:12" x14ac:dyDescent="0.2">
      <c r="C77" s="3"/>
      <c r="D77" s="3"/>
      <c r="E77" s="3"/>
      <c r="F77" s="3"/>
      <c r="G77" s="3"/>
      <c r="H77" s="3"/>
      <c r="I77" s="3"/>
      <c r="J77" s="3"/>
      <c r="K77" s="3"/>
      <c r="L77" s="3"/>
    </row>
    <row r="78" spans="3:12" x14ac:dyDescent="0.2">
      <c r="C78" s="3"/>
      <c r="D78" s="3"/>
      <c r="E78" s="3"/>
      <c r="F78" s="3"/>
      <c r="G78" s="3"/>
      <c r="H78" s="3"/>
      <c r="I78" s="3"/>
      <c r="J78" s="3"/>
      <c r="K78" s="3"/>
      <c r="L78" s="3"/>
    </row>
    <row r="79" spans="3:12" x14ac:dyDescent="0.2">
      <c r="C79" s="3"/>
      <c r="D79" s="3"/>
      <c r="E79" s="3"/>
      <c r="F79" s="3"/>
      <c r="G79" s="3"/>
      <c r="H79" s="3"/>
      <c r="I79" s="3"/>
      <c r="J79" s="3"/>
      <c r="K79" s="3"/>
      <c r="L79" s="3"/>
    </row>
    <row r="80" spans="3:12" x14ac:dyDescent="0.2">
      <c r="C80" s="3"/>
      <c r="D80" s="3"/>
      <c r="E80" s="3"/>
      <c r="F80" s="3"/>
      <c r="G80" s="3"/>
      <c r="H80" s="3"/>
      <c r="I80" s="3"/>
      <c r="J80" s="3"/>
      <c r="K80" s="3"/>
      <c r="L80" s="3"/>
    </row>
    <row r="81" spans="3:12" x14ac:dyDescent="0.2">
      <c r="C81" s="3"/>
      <c r="D81" s="3"/>
      <c r="E81" s="3"/>
      <c r="F81" s="3"/>
      <c r="G81" s="3"/>
      <c r="H81" s="3"/>
      <c r="I81" s="3"/>
      <c r="J81" s="3"/>
      <c r="K81" s="3"/>
      <c r="L81" s="3"/>
    </row>
    <row r="82" spans="3:12" x14ac:dyDescent="0.2">
      <c r="C82" s="3"/>
      <c r="D82" s="3"/>
      <c r="E82" s="3"/>
      <c r="F82" s="3"/>
      <c r="G82" s="3"/>
      <c r="H82" s="3"/>
      <c r="I82" s="3"/>
      <c r="J82" s="3"/>
      <c r="K82" s="3"/>
      <c r="L82" s="3"/>
    </row>
    <row r="83" spans="3:12" x14ac:dyDescent="0.2">
      <c r="C83" s="3"/>
      <c r="D83" s="3"/>
      <c r="E83" s="3"/>
      <c r="F83" s="3"/>
      <c r="G83" s="3"/>
      <c r="H83" s="3"/>
      <c r="I83" s="3"/>
      <c r="J83" s="3"/>
      <c r="K83" s="3"/>
      <c r="L83" s="3"/>
    </row>
    <row r="84" spans="3:12" x14ac:dyDescent="0.2">
      <c r="C84" s="3"/>
      <c r="D84" s="3"/>
      <c r="E84" s="3"/>
      <c r="F84" s="3"/>
      <c r="G84" s="3"/>
      <c r="H84" s="3"/>
      <c r="I84" s="3"/>
      <c r="J84" s="3"/>
      <c r="K84" s="3"/>
      <c r="L84" s="3"/>
    </row>
    <row r="85" spans="3:12" x14ac:dyDescent="0.2">
      <c r="C85" s="3"/>
      <c r="D85" s="3"/>
      <c r="E85" s="3"/>
      <c r="F85" s="3"/>
      <c r="G85" s="3"/>
      <c r="H85" s="3"/>
      <c r="I85" s="3"/>
      <c r="J85" s="3"/>
      <c r="K85" s="3"/>
      <c r="L85" s="3"/>
    </row>
    <row r="86" spans="3:12" x14ac:dyDescent="0.2">
      <c r="C86" s="3"/>
      <c r="D86" s="3"/>
      <c r="E86" s="3"/>
      <c r="F86" s="3"/>
      <c r="G86" s="3"/>
      <c r="H86" s="3"/>
      <c r="I86" s="3"/>
      <c r="J86" s="3"/>
      <c r="K86" s="3"/>
      <c r="L86" s="3"/>
    </row>
    <row r="87" spans="3:12" x14ac:dyDescent="0.2">
      <c r="C87" s="3"/>
      <c r="D87" s="3"/>
      <c r="E87" s="3"/>
      <c r="F87" s="3"/>
      <c r="G87" s="3"/>
      <c r="H87" s="3"/>
      <c r="I87" s="3"/>
      <c r="J87" s="3"/>
      <c r="K87" s="3"/>
      <c r="L87" s="3"/>
    </row>
    <row r="88" spans="3:12" x14ac:dyDescent="0.2">
      <c r="C88" s="3"/>
      <c r="D88" s="3"/>
      <c r="E88" s="3"/>
      <c r="F88" s="3"/>
      <c r="G88" s="3"/>
      <c r="H88" s="3"/>
      <c r="I88" s="3"/>
      <c r="J88" s="3"/>
      <c r="K88" s="3"/>
      <c r="L88" s="3"/>
    </row>
    <row r="89" spans="3:12" x14ac:dyDescent="0.2">
      <c r="C89" s="3"/>
      <c r="D89" s="3"/>
      <c r="E89" s="3"/>
      <c r="F89" s="3"/>
      <c r="G89" s="3"/>
      <c r="H89" s="3"/>
      <c r="I89" s="3"/>
      <c r="J89" s="3"/>
      <c r="K89" s="3"/>
      <c r="L89" s="3"/>
    </row>
    <row r="90" spans="3:12" x14ac:dyDescent="0.2">
      <c r="C90" s="3"/>
      <c r="D90" s="3"/>
      <c r="E90" s="3"/>
      <c r="F90" s="3"/>
      <c r="G90" s="3"/>
      <c r="H90" s="3"/>
      <c r="I90" s="3"/>
      <c r="J90" s="3"/>
      <c r="K90" s="3"/>
      <c r="L90" s="3"/>
    </row>
    <row r="91" spans="3:12" x14ac:dyDescent="0.2">
      <c r="C91" s="3"/>
      <c r="D91" s="3"/>
      <c r="E91" s="3"/>
      <c r="F91" s="3"/>
      <c r="G91" s="3"/>
      <c r="H91" s="3"/>
      <c r="I91" s="3"/>
      <c r="J91" s="3"/>
      <c r="K91" s="3"/>
      <c r="L91" s="3"/>
    </row>
    <row r="92" spans="3:12" x14ac:dyDescent="0.2">
      <c r="C92" s="3"/>
      <c r="D92" s="3"/>
      <c r="E92" s="3"/>
      <c r="F92" s="3"/>
      <c r="G92" s="3"/>
      <c r="H92" s="3"/>
      <c r="I92" s="3"/>
      <c r="J92" s="3"/>
      <c r="K92" s="3"/>
      <c r="L92" s="3"/>
    </row>
    <row r="93" spans="3:12" x14ac:dyDescent="0.2">
      <c r="C93" s="3"/>
      <c r="D93" s="3"/>
      <c r="E93" s="3"/>
      <c r="F93" s="3"/>
      <c r="G93" s="3"/>
      <c r="H93" s="3"/>
      <c r="I93" s="3"/>
      <c r="J93" s="3"/>
      <c r="K93" s="3"/>
      <c r="L93" s="3"/>
    </row>
    <row r="94" spans="3:12" x14ac:dyDescent="0.2">
      <c r="C94" s="3"/>
      <c r="D94" s="3"/>
      <c r="E94" s="3"/>
      <c r="F94" s="3"/>
      <c r="G94" s="3"/>
      <c r="H94" s="3"/>
      <c r="I94" s="3"/>
      <c r="J94" s="3"/>
      <c r="K94" s="3"/>
      <c r="L94" s="3"/>
    </row>
    <row r="95" spans="3:12" x14ac:dyDescent="0.2">
      <c r="C95" s="3"/>
      <c r="D95" s="3"/>
      <c r="E95" s="3"/>
      <c r="F95" s="3"/>
      <c r="G95" s="3"/>
      <c r="H95" s="3"/>
      <c r="I95" s="3"/>
      <c r="J95" s="3"/>
      <c r="K95" s="3"/>
      <c r="L95" s="3"/>
    </row>
    <row r="96" spans="3:12" x14ac:dyDescent="0.2">
      <c r="C96" s="3"/>
      <c r="D96" s="3"/>
      <c r="E96" s="3"/>
      <c r="F96" s="3"/>
      <c r="G96" s="3"/>
      <c r="H96" s="3"/>
      <c r="I96" s="3"/>
      <c r="J96" s="3"/>
      <c r="K96" s="3"/>
      <c r="L96" s="3"/>
    </row>
    <row r="97" spans="3:12" x14ac:dyDescent="0.2">
      <c r="C97" s="3"/>
      <c r="D97" s="3"/>
      <c r="E97" s="3"/>
      <c r="F97" s="3"/>
      <c r="G97" s="3"/>
      <c r="H97" s="3"/>
      <c r="I97" s="3"/>
      <c r="J97" s="3"/>
      <c r="K97" s="3"/>
      <c r="L97" s="3"/>
    </row>
    <row r="98" spans="3:12" x14ac:dyDescent="0.2">
      <c r="C98" s="3"/>
      <c r="D98" s="3"/>
      <c r="E98" s="3"/>
      <c r="F98" s="3"/>
      <c r="G98" s="3"/>
      <c r="H98" s="3"/>
      <c r="I98" s="3"/>
      <c r="J98" s="3"/>
      <c r="K98" s="3"/>
      <c r="L98" s="3"/>
    </row>
    <row r="99" spans="3:12" x14ac:dyDescent="0.2">
      <c r="C99" s="3"/>
      <c r="D99" s="3"/>
      <c r="E99" s="3"/>
      <c r="F99" s="3"/>
      <c r="G99" s="3"/>
      <c r="H99" s="3"/>
      <c r="I99" s="3"/>
      <c r="J99" s="3"/>
      <c r="K99" s="3"/>
      <c r="L99" s="3"/>
    </row>
    <row r="100" spans="3:12" x14ac:dyDescent="0.2">
      <c r="C100" s="3"/>
      <c r="D100" s="3"/>
      <c r="E100" s="3"/>
      <c r="F100" s="3"/>
      <c r="G100" s="3"/>
      <c r="H100" s="3"/>
      <c r="I100" s="3"/>
      <c r="J100" s="3"/>
      <c r="K100" s="3"/>
      <c r="L100" s="3"/>
    </row>
    <row r="101" spans="3:12" x14ac:dyDescent="0.2">
      <c r="C101" s="3"/>
      <c r="D101" s="3"/>
      <c r="E101" s="3"/>
      <c r="F101" s="3"/>
      <c r="G101" s="3"/>
      <c r="H101" s="3"/>
      <c r="I101" s="3"/>
      <c r="J101" s="3"/>
      <c r="K101" s="3"/>
      <c r="L101" s="3"/>
    </row>
    <row r="102" spans="3:12" x14ac:dyDescent="0.2">
      <c r="C102" s="3"/>
      <c r="D102" s="3"/>
      <c r="E102" s="3"/>
      <c r="F102" s="3"/>
      <c r="G102" s="3"/>
      <c r="H102" s="3"/>
      <c r="I102" s="3"/>
      <c r="J102" s="3"/>
      <c r="K102" s="3"/>
      <c r="L102" s="3"/>
    </row>
    <row r="103" spans="3:12" x14ac:dyDescent="0.2">
      <c r="C103" s="3"/>
      <c r="D103" s="3"/>
      <c r="E103" s="3"/>
      <c r="F103" s="3"/>
      <c r="G103" s="3"/>
      <c r="H103" s="3"/>
      <c r="I103" s="3"/>
      <c r="J103" s="3"/>
      <c r="K103" s="3"/>
      <c r="L103" s="3"/>
    </row>
    <row r="104" spans="3:12" x14ac:dyDescent="0.2">
      <c r="C104" s="3"/>
      <c r="D104" s="3"/>
      <c r="E104" s="3"/>
      <c r="F104" s="3"/>
      <c r="G104" s="3"/>
      <c r="H104" s="3"/>
      <c r="I104" s="3"/>
      <c r="J104" s="3"/>
      <c r="K104" s="3"/>
      <c r="L104" s="3"/>
    </row>
    <row r="105" spans="3:12" x14ac:dyDescent="0.2">
      <c r="C105" s="3"/>
      <c r="D105" s="3"/>
      <c r="E105" s="3"/>
      <c r="F105" s="3"/>
      <c r="G105" s="3"/>
      <c r="H105" s="3"/>
      <c r="I105" s="3"/>
      <c r="J105" s="3"/>
      <c r="K105" s="3"/>
      <c r="L105" s="3"/>
    </row>
    <row r="106" spans="3:12" x14ac:dyDescent="0.2">
      <c r="C106" s="3"/>
      <c r="D106" s="3"/>
      <c r="E106" s="3"/>
      <c r="F106" s="3"/>
      <c r="G106" s="3"/>
      <c r="H106" s="3"/>
      <c r="I106" s="3"/>
      <c r="J106" s="3"/>
      <c r="K106" s="3"/>
      <c r="L106" s="3"/>
    </row>
    <row r="107" spans="3:12" x14ac:dyDescent="0.2">
      <c r="C107" s="3"/>
      <c r="D107" s="3"/>
      <c r="E107" s="3"/>
      <c r="F107" s="3"/>
      <c r="G107" s="3"/>
      <c r="H107" s="3"/>
      <c r="I107" s="3"/>
      <c r="J107" s="3"/>
      <c r="K107" s="3"/>
      <c r="L107" s="3"/>
    </row>
    <row r="108" spans="3:12" x14ac:dyDescent="0.2">
      <c r="C108" s="3"/>
      <c r="D108" s="3"/>
      <c r="E108" s="3"/>
      <c r="F108" s="3"/>
      <c r="G108" s="3"/>
      <c r="H108" s="3"/>
      <c r="I108" s="3"/>
      <c r="J108" s="3"/>
      <c r="K108" s="3"/>
      <c r="L108" s="3"/>
    </row>
    <row r="109" spans="3:12" x14ac:dyDescent="0.2">
      <c r="C109" s="3"/>
      <c r="D109" s="3"/>
      <c r="E109" s="3"/>
      <c r="F109" s="3"/>
      <c r="G109" s="3"/>
      <c r="H109" s="3"/>
      <c r="I109" s="3"/>
      <c r="J109" s="3"/>
      <c r="K109" s="3"/>
      <c r="L109" s="3"/>
    </row>
    <row r="110" spans="3:12" x14ac:dyDescent="0.2">
      <c r="C110" s="3"/>
      <c r="D110" s="3"/>
      <c r="E110" s="3"/>
      <c r="F110" s="3"/>
      <c r="G110" s="3"/>
      <c r="H110" s="3"/>
      <c r="I110" s="3"/>
      <c r="J110" s="3"/>
      <c r="K110" s="3"/>
      <c r="L110" s="3"/>
    </row>
    <row r="111" spans="3:12" x14ac:dyDescent="0.2">
      <c r="C111" s="3"/>
      <c r="D111" s="3"/>
      <c r="E111" s="3"/>
      <c r="F111" s="3"/>
      <c r="G111" s="3"/>
      <c r="H111" s="3"/>
      <c r="I111" s="3"/>
      <c r="J111" s="3"/>
      <c r="K111" s="3"/>
      <c r="L111" s="3"/>
    </row>
    <row r="112" spans="3:12" x14ac:dyDescent="0.2">
      <c r="C112" s="3"/>
      <c r="D112" s="3"/>
      <c r="E112" s="3"/>
      <c r="F112" s="3"/>
      <c r="G112" s="3"/>
      <c r="H112" s="3"/>
      <c r="I112" s="3"/>
      <c r="J112" s="3"/>
      <c r="K112" s="3"/>
      <c r="L112" s="3"/>
    </row>
    <row r="113" spans="3:12" x14ac:dyDescent="0.2">
      <c r="C113" s="3"/>
      <c r="D113" s="3"/>
      <c r="E113" s="3"/>
      <c r="F113" s="3"/>
      <c r="G113" s="3"/>
      <c r="H113" s="3"/>
      <c r="I113" s="3"/>
      <c r="J113" s="3"/>
      <c r="K113" s="3"/>
      <c r="L113" s="3"/>
    </row>
    <row r="114" spans="3:12" x14ac:dyDescent="0.2">
      <c r="C114" s="3"/>
      <c r="D114" s="3"/>
      <c r="E114" s="3"/>
      <c r="F114" s="3"/>
      <c r="G114" s="3"/>
      <c r="H114" s="3"/>
      <c r="I114" s="3"/>
      <c r="J114" s="3"/>
      <c r="K114" s="3"/>
      <c r="L114" s="3"/>
    </row>
    <row r="115" spans="3:12" x14ac:dyDescent="0.2">
      <c r="C115" s="3"/>
      <c r="D115" s="3"/>
      <c r="E115" s="3"/>
      <c r="F115" s="3"/>
      <c r="G115" s="3"/>
      <c r="H115" s="3"/>
      <c r="I115" s="3"/>
      <c r="J115" s="3"/>
      <c r="K115" s="3"/>
      <c r="L115" s="3"/>
    </row>
    <row r="116" spans="3:12" x14ac:dyDescent="0.2">
      <c r="C116" s="3"/>
      <c r="D116" s="3"/>
      <c r="E116" s="3"/>
      <c r="F116" s="3"/>
      <c r="G116" s="3"/>
      <c r="H116" s="3"/>
      <c r="I116" s="3"/>
      <c r="J116" s="3"/>
      <c r="K116" s="3"/>
      <c r="L116" s="3"/>
    </row>
    <row r="117" spans="3:12" x14ac:dyDescent="0.2">
      <c r="C117" s="3"/>
      <c r="D117" s="3"/>
      <c r="E117" s="3"/>
      <c r="F117" s="3"/>
      <c r="G117" s="3"/>
      <c r="H117" s="3"/>
      <c r="I117" s="3"/>
      <c r="J117" s="3"/>
      <c r="K117" s="3"/>
      <c r="L117" s="3"/>
    </row>
    <row r="118" spans="3:12" x14ac:dyDescent="0.2">
      <c r="C118" s="3"/>
      <c r="D118" s="3"/>
      <c r="E118" s="3"/>
      <c r="F118" s="3"/>
      <c r="G118" s="3"/>
      <c r="H118" s="3"/>
      <c r="I118" s="3"/>
      <c r="J118" s="3"/>
      <c r="K118" s="3"/>
      <c r="L118" s="3"/>
    </row>
    <row r="119" spans="3:12" x14ac:dyDescent="0.2">
      <c r="C119" s="3"/>
      <c r="D119" s="3"/>
      <c r="E119" s="3"/>
      <c r="F119" s="3"/>
      <c r="G119" s="3"/>
      <c r="H119" s="3"/>
      <c r="I119" s="3"/>
      <c r="J119" s="3"/>
      <c r="K119" s="3"/>
      <c r="L119" s="3"/>
    </row>
    <row r="120" spans="3:12" x14ac:dyDescent="0.2">
      <c r="C120" s="3"/>
      <c r="D120" s="3"/>
      <c r="E120" s="3"/>
      <c r="F120" s="3"/>
      <c r="G120" s="3"/>
      <c r="H120" s="3"/>
      <c r="I120" s="3"/>
      <c r="J120" s="3"/>
      <c r="K120" s="3"/>
      <c r="L120" s="3"/>
    </row>
    <row r="121" spans="3:12" x14ac:dyDescent="0.2">
      <c r="C121" s="3"/>
      <c r="D121" s="3"/>
      <c r="E121" s="3"/>
      <c r="F121" s="3"/>
      <c r="G121" s="3"/>
      <c r="H121" s="3"/>
      <c r="I121" s="3"/>
      <c r="J121" s="3"/>
      <c r="K121" s="3"/>
      <c r="L121" s="3"/>
    </row>
    <row r="122" spans="3:12" x14ac:dyDescent="0.2">
      <c r="C122" s="3"/>
      <c r="D122" s="3"/>
      <c r="E122" s="3"/>
      <c r="F122" s="3"/>
      <c r="G122" s="3"/>
      <c r="H122" s="3"/>
      <c r="I122" s="3"/>
      <c r="J122" s="3"/>
      <c r="K122" s="3"/>
      <c r="L122" s="3"/>
    </row>
    <row r="123" spans="3:12" x14ac:dyDescent="0.2">
      <c r="C123" s="3"/>
      <c r="D123" s="3"/>
      <c r="E123" s="3"/>
      <c r="F123" s="3"/>
      <c r="G123" s="3"/>
      <c r="H123" s="3"/>
      <c r="I123" s="3"/>
      <c r="J123" s="3"/>
      <c r="K123" s="3"/>
      <c r="L123" s="3"/>
    </row>
    <row r="124" spans="3:12" x14ac:dyDescent="0.2">
      <c r="C124" s="3"/>
      <c r="D124" s="3"/>
      <c r="E124" s="3"/>
      <c r="F124" s="3"/>
      <c r="G124" s="3"/>
      <c r="H124" s="3"/>
      <c r="I124" s="3"/>
      <c r="J124" s="3"/>
      <c r="K124" s="3"/>
      <c r="L124" s="3"/>
    </row>
    <row r="125" spans="3:12" x14ac:dyDescent="0.2">
      <c r="C125" s="3"/>
      <c r="D125" s="3"/>
      <c r="E125" s="3"/>
      <c r="F125" s="3"/>
      <c r="G125" s="3"/>
      <c r="H125" s="3"/>
      <c r="I125" s="3"/>
      <c r="J125" s="3"/>
      <c r="K125" s="3"/>
      <c r="L125" s="3"/>
    </row>
    <row r="126" spans="3:12" x14ac:dyDescent="0.2">
      <c r="C126" s="3"/>
      <c r="D126" s="3"/>
      <c r="E126" s="3"/>
      <c r="F126" s="3"/>
      <c r="G126" s="3"/>
      <c r="H126" s="3"/>
      <c r="I126" s="3"/>
      <c r="J126" s="3"/>
      <c r="K126" s="3"/>
      <c r="L126" s="3"/>
    </row>
    <row r="127" spans="3:12" x14ac:dyDescent="0.2">
      <c r="C127" s="3"/>
      <c r="D127" s="3"/>
      <c r="E127" s="3"/>
      <c r="F127" s="3"/>
      <c r="G127" s="3"/>
      <c r="H127" s="3"/>
      <c r="I127" s="3"/>
      <c r="J127" s="3"/>
      <c r="K127" s="3"/>
      <c r="L127" s="3"/>
    </row>
    <row r="128" spans="3:12" x14ac:dyDescent="0.2">
      <c r="C128" s="3"/>
      <c r="D128" s="3"/>
      <c r="E128" s="3"/>
      <c r="F128" s="3"/>
      <c r="G128" s="3"/>
      <c r="H128" s="3"/>
      <c r="I128" s="3"/>
      <c r="J128" s="3"/>
      <c r="K128" s="3"/>
      <c r="L128" s="3"/>
    </row>
    <row r="129" spans="3:12" x14ac:dyDescent="0.2">
      <c r="C129" s="3"/>
      <c r="D129" s="3"/>
      <c r="E129" s="3"/>
      <c r="F129" s="3"/>
      <c r="G129" s="3"/>
      <c r="H129" s="3"/>
      <c r="I129" s="3"/>
      <c r="J129" s="3"/>
      <c r="K129" s="3"/>
      <c r="L129" s="3"/>
    </row>
    <row r="130" spans="3:12" x14ac:dyDescent="0.2">
      <c r="C130" s="3"/>
      <c r="D130" s="3"/>
      <c r="E130" s="3"/>
      <c r="F130" s="3"/>
      <c r="G130" s="3"/>
      <c r="H130" s="3"/>
      <c r="I130" s="3"/>
      <c r="J130" s="3"/>
      <c r="K130" s="3"/>
      <c r="L130" s="3"/>
    </row>
    <row r="131" spans="3:12" x14ac:dyDescent="0.2">
      <c r="C131" s="3"/>
      <c r="D131" s="3"/>
      <c r="E131" s="3"/>
      <c r="F131" s="3"/>
      <c r="G131" s="3"/>
      <c r="H131" s="3"/>
      <c r="I131" s="3"/>
      <c r="J131" s="3"/>
      <c r="K131" s="3"/>
      <c r="L131" s="3"/>
    </row>
    <row r="132" spans="3:12" x14ac:dyDescent="0.2">
      <c r="C132" s="3"/>
      <c r="D132" s="3"/>
      <c r="E132" s="3"/>
      <c r="F132" s="3"/>
      <c r="G132" s="3"/>
      <c r="H132" s="3"/>
      <c r="I132" s="3"/>
      <c r="J132" s="3"/>
      <c r="K132" s="3"/>
      <c r="L132" s="3"/>
    </row>
    <row r="133" spans="3:12" x14ac:dyDescent="0.2">
      <c r="C133" s="3"/>
      <c r="D133" s="3"/>
      <c r="E133" s="3"/>
      <c r="F133" s="3"/>
      <c r="G133" s="3"/>
      <c r="H133" s="3"/>
      <c r="I133" s="3"/>
      <c r="J133" s="3"/>
      <c r="K133" s="3"/>
      <c r="L133" s="3"/>
    </row>
    <row r="134" spans="3:12" x14ac:dyDescent="0.2">
      <c r="C134" s="3"/>
      <c r="D134" s="3"/>
      <c r="E134" s="3"/>
      <c r="F134" s="3"/>
      <c r="G134" s="3"/>
      <c r="H134" s="3"/>
      <c r="I134" s="3"/>
      <c r="J134" s="3"/>
      <c r="K134" s="3"/>
      <c r="L134" s="3"/>
    </row>
    <row r="135" spans="3:12" x14ac:dyDescent="0.2">
      <c r="C135" s="3"/>
      <c r="D135" s="3"/>
      <c r="E135" s="3"/>
      <c r="F135" s="3"/>
      <c r="G135" s="3"/>
      <c r="H135" s="3"/>
      <c r="I135" s="3"/>
      <c r="J135" s="3"/>
      <c r="K135" s="3"/>
      <c r="L135" s="3"/>
    </row>
    <row r="136" spans="3:12" x14ac:dyDescent="0.2">
      <c r="C136" s="3"/>
      <c r="D136" s="3"/>
      <c r="E136" s="3"/>
      <c r="F136" s="3"/>
      <c r="G136" s="3"/>
      <c r="H136" s="3"/>
      <c r="I136" s="3"/>
      <c r="J136" s="3"/>
      <c r="K136" s="3"/>
      <c r="L136" s="3"/>
    </row>
    <row r="137" spans="3:12" x14ac:dyDescent="0.2">
      <c r="C137" s="3"/>
      <c r="D137" s="3"/>
      <c r="E137" s="3"/>
      <c r="F137" s="3"/>
      <c r="G137" s="3"/>
      <c r="H137" s="3"/>
      <c r="I137" s="3"/>
      <c r="J137" s="3"/>
      <c r="K137" s="3"/>
      <c r="L137" s="3"/>
    </row>
    <row r="138" spans="3:12" x14ac:dyDescent="0.2">
      <c r="C138" s="3"/>
      <c r="D138" s="3"/>
      <c r="E138" s="3"/>
      <c r="F138" s="3"/>
      <c r="G138" s="3"/>
      <c r="H138" s="3"/>
      <c r="I138" s="3"/>
      <c r="J138" s="3"/>
      <c r="K138" s="3"/>
      <c r="L138" s="3"/>
    </row>
    <row r="139" spans="3:12" x14ac:dyDescent="0.2">
      <c r="C139" s="3"/>
      <c r="D139" s="3"/>
      <c r="E139" s="3"/>
      <c r="F139" s="3"/>
      <c r="G139" s="3"/>
      <c r="H139" s="3"/>
      <c r="I139" s="3"/>
      <c r="J139" s="3"/>
      <c r="K139" s="3"/>
      <c r="L139" s="3"/>
    </row>
    <row r="140" spans="3:12" x14ac:dyDescent="0.2">
      <c r="C140" s="3"/>
      <c r="D140" s="3"/>
      <c r="E140" s="3"/>
      <c r="F140" s="3"/>
      <c r="G140" s="3"/>
      <c r="H140" s="3"/>
      <c r="I140" s="3"/>
      <c r="J140" s="3"/>
      <c r="K140" s="3"/>
      <c r="L140" s="3"/>
    </row>
    <row r="141" spans="3:12" x14ac:dyDescent="0.2">
      <c r="C141" s="3"/>
      <c r="D141" s="3"/>
      <c r="E141" s="3"/>
      <c r="F141" s="3"/>
      <c r="G141" s="3"/>
      <c r="H141" s="3"/>
      <c r="I141" s="3"/>
      <c r="J141" s="3"/>
      <c r="K141" s="3"/>
      <c r="L141" s="3"/>
    </row>
    <row r="142" spans="3:12" x14ac:dyDescent="0.2">
      <c r="C142" s="3"/>
      <c r="D142" s="3"/>
      <c r="E142" s="3"/>
      <c r="F142" s="3"/>
      <c r="G142" s="3"/>
      <c r="H142" s="3"/>
      <c r="I142" s="3"/>
      <c r="J142" s="3"/>
      <c r="K142" s="3"/>
      <c r="L142" s="3"/>
    </row>
    <row r="143" spans="3:12" x14ac:dyDescent="0.2">
      <c r="C143" s="3"/>
      <c r="D143" s="3"/>
      <c r="E143" s="3"/>
      <c r="F143" s="3"/>
      <c r="G143" s="3"/>
      <c r="H143" s="3"/>
      <c r="I143" s="3"/>
      <c r="J143" s="3"/>
      <c r="K143" s="3"/>
      <c r="L143" s="3"/>
    </row>
    <row r="144" spans="3:12" x14ac:dyDescent="0.2">
      <c r="C144" s="3"/>
      <c r="D144" s="3"/>
      <c r="E144" s="3"/>
      <c r="F144" s="3"/>
      <c r="G144" s="3"/>
      <c r="H144" s="3"/>
      <c r="I144" s="3"/>
      <c r="J144" s="3"/>
      <c r="K144" s="3"/>
      <c r="L144" s="3"/>
    </row>
    <row r="145" spans="3:12" x14ac:dyDescent="0.2">
      <c r="C145" s="3"/>
      <c r="D145" s="3"/>
      <c r="E145" s="3"/>
      <c r="F145" s="3"/>
      <c r="G145" s="3"/>
      <c r="H145" s="3"/>
      <c r="I145" s="3"/>
      <c r="J145" s="3"/>
      <c r="K145" s="3"/>
      <c r="L145" s="3"/>
    </row>
    <row r="146" spans="3:12" x14ac:dyDescent="0.2">
      <c r="C146" s="3"/>
      <c r="D146" s="3"/>
      <c r="E146" s="3"/>
      <c r="F146" s="3"/>
      <c r="G146" s="3"/>
      <c r="H146" s="3"/>
      <c r="I146" s="3"/>
      <c r="J146" s="3"/>
      <c r="K146" s="3"/>
      <c r="L146" s="3"/>
    </row>
    <row r="147" spans="3:12" x14ac:dyDescent="0.2">
      <c r="C147" s="3"/>
      <c r="D147" s="3"/>
      <c r="E147" s="3"/>
      <c r="F147" s="3"/>
      <c r="G147" s="3"/>
      <c r="H147" s="3"/>
      <c r="I147" s="3"/>
      <c r="J147" s="3"/>
      <c r="K147" s="3"/>
      <c r="L147" s="3"/>
    </row>
    <row r="148" spans="3:12" x14ac:dyDescent="0.2">
      <c r="C148" s="3"/>
      <c r="D148" s="3"/>
      <c r="E148" s="3"/>
      <c r="F148" s="3"/>
      <c r="G148" s="3"/>
      <c r="H148" s="3"/>
      <c r="I148" s="3"/>
      <c r="J148" s="3"/>
      <c r="K148" s="3"/>
      <c r="L148" s="3"/>
    </row>
    <row r="149" spans="3:12" x14ac:dyDescent="0.2">
      <c r="C149" s="3"/>
      <c r="D149" s="3"/>
      <c r="E149" s="3"/>
      <c r="F149" s="3"/>
      <c r="G149" s="3"/>
      <c r="H149" s="3"/>
      <c r="I149" s="3"/>
      <c r="J149" s="3"/>
      <c r="K149" s="3"/>
      <c r="L149" s="3"/>
    </row>
    <row r="150" spans="3:12" x14ac:dyDescent="0.2">
      <c r="C150" s="3"/>
      <c r="D150" s="3"/>
      <c r="E150" s="3"/>
      <c r="F150" s="3"/>
      <c r="G150" s="3"/>
      <c r="H150" s="3"/>
      <c r="I150" s="3"/>
      <c r="J150" s="3"/>
      <c r="K150" s="3"/>
      <c r="L150" s="3"/>
    </row>
    <row r="151" spans="3:12" x14ac:dyDescent="0.2">
      <c r="C151" s="3"/>
      <c r="D151" s="3"/>
      <c r="E151" s="3"/>
      <c r="F151" s="3"/>
      <c r="G151" s="3"/>
      <c r="H151" s="3"/>
      <c r="I151" s="3"/>
      <c r="J151" s="3"/>
      <c r="K151" s="3"/>
      <c r="L151" s="3"/>
    </row>
    <row r="152" spans="3:12" x14ac:dyDescent="0.2">
      <c r="C152" s="3"/>
      <c r="D152" s="3"/>
      <c r="E152" s="3"/>
      <c r="F152" s="3"/>
      <c r="G152" s="3"/>
      <c r="H152" s="3"/>
      <c r="I152" s="3"/>
      <c r="J152" s="3"/>
      <c r="K152" s="3"/>
      <c r="L152" s="3"/>
    </row>
    <row r="153" spans="3:12" x14ac:dyDescent="0.2">
      <c r="C153" s="3"/>
      <c r="D153" s="3"/>
      <c r="E153" s="3"/>
      <c r="F153" s="3"/>
      <c r="G153" s="3"/>
      <c r="H153" s="3"/>
      <c r="I153" s="3"/>
      <c r="J153" s="3"/>
      <c r="K153" s="3"/>
      <c r="L153" s="3"/>
    </row>
    <row r="154" spans="3:12" x14ac:dyDescent="0.2">
      <c r="C154" s="3"/>
      <c r="D154" s="3"/>
      <c r="E154" s="3"/>
      <c r="F154" s="3"/>
      <c r="G154" s="3"/>
      <c r="H154" s="3"/>
      <c r="I154" s="3"/>
      <c r="J154" s="3"/>
      <c r="K154" s="3"/>
      <c r="L154" s="3"/>
    </row>
    <row r="155" spans="3:12" x14ac:dyDescent="0.2">
      <c r="C155" s="3"/>
      <c r="D155" s="3"/>
      <c r="E155" s="3"/>
      <c r="F155" s="3"/>
      <c r="G155" s="3"/>
      <c r="H155" s="3"/>
      <c r="I155" s="3"/>
      <c r="J155" s="3"/>
      <c r="K155" s="3"/>
      <c r="L155" s="3"/>
    </row>
    <row r="156" spans="3:12" x14ac:dyDescent="0.2">
      <c r="C156" s="3"/>
      <c r="D156" s="3"/>
      <c r="E156" s="3"/>
      <c r="F156" s="3"/>
      <c r="G156" s="3"/>
      <c r="H156" s="3"/>
      <c r="I156" s="3"/>
      <c r="J156" s="3"/>
      <c r="K156" s="3"/>
      <c r="L156" s="3"/>
    </row>
    <row r="157" spans="3:12" x14ac:dyDescent="0.2">
      <c r="C157" s="3"/>
      <c r="D157" s="3"/>
      <c r="E157" s="3"/>
      <c r="F157" s="3"/>
      <c r="G157" s="3"/>
      <c r="H157" s="3"/>
      <c r="I157" s="3"/>
      <c r="J157" s="3"/>
      <c r="K157" s="3"/>
      <c r="L157" s="3"/>
    </row>
    <row r="158" spans="3:12" x14ac:dyDescent="0.2">
      <c r="C158" s="3"/>
      <c r="D158" s="3"/>
      <c r="E158" s="3"/>
      <c r="F158" s="3"/>
      <c r="G158" s="3"/>
      <c r="H158" s="3"/>
      <c r="I158" s="3"/>
      <c r="J158" s="3"/>
      <c r="K158" s="3"/>
      <c r="L158" s="3"/>
    </row>
    <row r="159" spans="3:12" x14ac:dyDescent="0.2">
      <c r="C159" s="3"/>
      <c r="D159" s="3"/>
      <c r="E159" s="3"/>
      <c r="F159" s="3"/>
      <c r="G159" s="3"/>
      <c r="H159" s="3"/>
      <c r="I159" s="3"/>
      <c r="J159" s="3"/>
      <c r="K159" s="3"/>
      <c r="L159" s="3"/>
    </row>
    <row r="160" spans="3:12" x14ac:dyDescent="0.2">
      <c r="C160" s="3"/>
      <c r="D160" s="3"/>
      <c r="E160" s="3"/>
      <c r="F160" s="3"/>
      <c r="G160" s="3"/>
      <c r="H160" s="3"/>
      <c r="I160" s="3"/>
      <c r="J160" s="3"/>
      <c r="K160" s="3"/>
      <c r="L160" s="3"/>
    </row>
    <row r="161" spans="3:12" x14ac:dyDescent="0.2">
      <c r="C161" s="3"/>
      <c r="D161" s="3"/>
      <c r="E161" s="3"/>
      <c r="F161" s="3"/>
      <c r="G161" s="3"/>
      <c r="H161" s="3"/>
      <c r="I161" s="3"/>
      <c r="J161" s="3"/>
      <c r="K161" s="3"/>
      <c r="L161" s="3"/>
    </row>
    <row r="162" spans="3:12" x14ac:dyDescent="0.2">
      <c r="C162" s="3"/>
      <c r="D162" s="3"/>
      <c r="E162" s="3"/>
      <c r="F162" s="3"/>
      <c r="G162" s="3"/>
      <c r="H162" s="3"/>
      <c r="I162" s="3"/>
      <c r="J162" s="3"/>
      <c r="K162" s="3"/>
      <c r="L162" s="3"/>
    </row>
    <row r="163" spans="3:12" x14ac:dyDescent="0.2">
      <c r="C163" s="3"/>
      <c r="D163" s="3"/>
      <c r="E163" s="3"/>
      <c r="F163" s="3"/>
      <c r="G163" s="3"/>
      <c r="H163" s="3"/>
      <c r="I163" s="3"/>
      <c r="J163" s="3"/>
      <c r="K163" s="3"/>
      <c r="L163" s="3"/>
    </row>
    <row r="164" spans="3:12" x14ac:dyDescent="0.2">
      <c r="C164" s="3"/>
      <c r="D164" s="3"/>
      <c r="E164" s="3"/>
      <c r="F164" s="3"/>
      <c r="G164" s="3"/>
      <c r="H164" s="3"/>
      <c r="I164" s="3"/>
      <c r="J164" s="3"/>
      <c r="K164" s="3"/>
      <c r="L164" s="3"/>
    </row>
    <row r="165" spans="3:12" x14ac:dyDescent="0.2">
      <c r="C165" s="3"/>
      <c r="D165" s="3"/>
      <c r="E165" s="3"/>
      <c r="F165" s="3"/>
      <c r="G165" s="3"/>
      <c r="H165" s="3"/>
      <c r="I165" s="3"/>
      <c r="J165" s="3"/>
      <c r="K165" s="3"/>
      <c r="L165" s="3"/>
    </row>
    <row r="166" spans="3:12" x14ac:dyDescent="0.2">
      <c r="C166" s="3"/>
      <c r="D166" s="3"/>
      <c r="E166" s="3"/>
      <c r="F166" s="3"/>
      <c r="G166" s="3"/>
      <c r="H166" s="3"/>
      <c r="I166" s="3"/>
      <c r="J166" s="3"/>
      <c r="K166" s="3"/>
      <c r="L166" s="3"/>
    </row>
    <row r="167" spans="3:12" x14ac:dyDescent="0.2">
      <c r="C167" s="3"/>
      <c r="D167" s="3"/>
      <c r="E167" s="3"/>
      <c r="F167" s="3"/>
      <c r="G167" s="3"/>
      <c r="H167" s="3"/>
      <c r="I167" s="3"/>
      <c r="J167" s="3"/>
      <c r="K167" s="3"/>
      <c r="L167" s="3"/>
    </row>
    <row r="168" spans="3:12" x14ac:dyDescent="0.2">
      <c r="C168" s="3"/>
      <c r="D168" s="3"/>
      <c r="E168" s="3"/>
      <c r="F168" s="3"/>
      <c r="G168" s="3"/>
      <c r="H168" s="3"/>
      <c r="I168" s="3"/>
      <c r="J168" s="3"/>
      <c r="K168" s="3"/>
      <c r="L168" s="3"/>
    </row>
    <row r="169" spans="3:12" x14ac:dyDescent="0.2">
      <c r="C169" s="3"/>
      <c r="D169" s="3"/>
      <c r="E169" s="3"/>
      <c r="F169" s="3"/>
      <c r="G169" s="3"/>
      <c r="H169" s="3"/>
      <c r="I169" s="3"/>
      <c r="J169" s="3"/>
      <c r="K169" s="3"/>
      <c r="L169" s="3"/>
    </row>
    <row r="170" spans="3:12" x14ac:dyDescent="0.2">
      <c r="C170" s="3"/>
      <c r="D170" s="3"/>
      <c r="E170" s="3"/>
      <c r="F170" s="3"/>
      <c r="G170" s="3"/>
      <c r="H170" s="3"/>
      <c r="I170" s="3"/>
      <c r="J170" s="3"/>
      <c r="K170" s="3"/>
      <c r="L170" s="3"/>
    </row>
    <row r="171" spans="3:12" x14ac:dyDescent="0.2">
      <c r="C171" s="3"/>
      <c r="D171" s="3"/>
      <c r="E171" s="3"/>
      <c r="F171" s="3"/>
      <c r="G171" s="3"/>
      <c r="H171" s="3"/>
      <c r="I171" s="3"/>
      <c r="J171" s="3"/>
      <c r="K171" s="3"/>
      <c r="L171" s="3"/>
    </row>
    <row r="172" spans="3:12" x14ac:dyDescent="0.2">
      <c r="C172" s="3"/>
      <c r="D172" s="3"/>
      <c r="E172" s="3"/>
      <c r="F172" s="3"/>
      <c r="G172" s="3"/>
      <c r="H172" s="3"/>
      <c r="I172" s="3"/>
      <c r="J172" s="3"/>
      <c r="K172" s="3"/>
      <c r="L172" s="3"/>
    </row>
    <row r="173" spans="3:12" x14ac:dyDescent="0.2">
      <c r="C173" s="3"/>
      <c r="D173" s="3"/>
      <c r="E173" s="3"/>
      <c r="F173" s="3"/>
      <c r="G173" s="3"/>
      <c r="H173" s="3"/>
      <c r="I173" s="3"/>
      <c r="J173" s="3"/>
      <c r="K173" s="3"/>
      <c r="L173" s="3"/>
    </row>
    <row r="174" spans="3:12" x14ac:dyDescent="0.2">
      <c r="C174" s="3"/>
      <c r="D174" s="3"/>
      <c r="E174" s="3"/>
      <c r="F174" s="3"/>
      <c r="G174" s="3"/>
      <c r="H174" s="3"/>
      <c r="I174" s="3"/>
      <c r="J174" s="3"/>
      <c r="K174" s="3"/>
      <c r="L174" s="3"/>
    </row>
    <row r="175" spans="3:12" x14ac:dyDescent="0.2">
      <c r="C175" s="3"/>
      <c r="D175" s="3"/>
      <c r="E175" s="3"/>
      <c r="F175" s="3"/>
      <c r="G175" s="3"/>
      <c r="H175" s="3"/>
      <c r="I175" s="3"/>
      <c r="J175" s="3"/>
      <c r="K175" s="3"/>
      <c r="L175" s="3"/>
    </row>
    <row r="176" spans="3:12" x14ac:dyDescent="0.2">
      <c r="C176" s="3"/>
      <c r="D176" s="3"/>
      <c r="E176" s="3"/>
      <c r="F176" s="3"/>
      <c r="G176" s="3"/>
      <c r="H176" s="3"/>
      <c r="I176" s="3"/>
      <c r="J176" s="3"/>
      <c r="K176" s="3"/>
      <c r="L176" s="3"/>
    </row>
    <row r="177" spans="3:12" x14ac:dyDescent="0.2">
      <c r="C177" s="3"/>
      <c r="D177" s="3"/>
      <c r="E177" s="3"/>
      <c r="F177" s="3"/>
      <c r="G177" s="3"/>
      <c r="H177" s="3"/>
      <c r="I177" s="3"/>
      <c r="J177" s="3"/>
      <c r="K177" s="3"/>
      <c r="L177" s="3"/>
    </row>
    <row r="178" spans="3:12" x14ac:dyDescent="0.2">
      <c r="C178" s="3"/>
      <c r="D178" s="3"/>
      <c r="E178" s="3"/>
      <c r="F178" s="3"/>
      <c r="G178" s="3"/>
      <c r="H178" s="3"/>
      <c r="I178" s="3"/>
      <c r="J178" s="3"/>
      <c r="K178" s="3"/>
      <c r="L178" s="3"/>
    </row>
    <row r="179" spans="3:12" x14ac:dyDescent="0.2">
      <c r="C179" s="3"/>
      <c r="D179" s="3"/>
      <c r="E179" s="3"/>
      <c r="F179" s="3"/>
      <c r="G179" s="3"/>
      <c r="H179" s="3"/>
      <c r="I179" s="3"/>
      <c r="J179" s="3"/>
      <c r="K179" s="3"/>
      <c r="L179" s="3"/>
    </row>
    <row r="180" spans="3:12" x14ac:dyDescent="0.2">
      <c r="C180" s="3"/>
      <c r="D180" s="3"/>
      <c r="E180" s="3"/>
      <c r="F180" s="3"/>
      <c r="G180" s="3"/>
      <c r="H180" s="3"/>
      <c r="I180" s="3"/>
      <c r="J180" s="3"/>
      <c r="K180" s="3"/>
      <c r="L180" s="3"/>
    </row>
    <row r="181" spans="3:12" x14ac:dyDescent="0.2">
      <c r="C181" s="3"/>
      <c r="D181" s="3"/>
      <c r="E181" s="3"/>
      <c r="F181" s="3"/>
      <c r="G181" s="3"/>
      <c r="H181" s="3"/>
      <c r="I181" s="3"/>
      <c r="J181" s="3"/>
      <c r="K181" s="3"/>
      <c r="L181" s="3"/>
    </row>
    <row r="182" spans="3:12" x14ac:dyDescent="0.2">
      <c r="C182" s="3"/>
      <c r="D182" s="3"/>
      <c r="E182" s="3"/>
      <c r="F182" s="3"/>
      <c r="G182" s="3"/>
      <c r="H182" s="3"/>
      <c r="I182" s="3"/>
      <c r="J182" s="3"/>
      <c r="K182" s="3"/>
      <c r="L182" s="3"/>
    </row>
    <row r="183" spans="3:12" x14ac:dyDescent="0.2">
      <c r="C183" s="3"/>
      <c r="D183" s="3"/>
      <c r="E183" s="3"/>
      <c r="F183" s="3"/>
      <c r="G183" s="3"/>
      <c r="H183" s="3"/>
      <c r="I183" s="3"/>
      <c r="J183" s="3"/>
      <c r="K183" s="3"/>
      <c r="L183" s="3"/>
    </row>
    <row r="184" spans="3:12" x14ac:dyDescent="0.2">
      <c r="C184" s="3"/>
      <c r="D184" s="3"/>
      <c r="E184" s="3"/>
      <c r="F184" s="3"/>
      <c r="G184" s="3"/>
      <c r="H184" s="3"/>
      <c r="I184" s="3"/>
      <c r="J184" s="3"/>
      <c r="K184" s="3"/>
      <c r="L184" s="3"/>
    </row>
    <row r="185" spans="3:12" x14ac:dyDescent="0.2">
      <c r="C185" s="3"/>
      <c r="D185" s="3"/>
      <c r="E185" s="3"/>
      <c r="F185" s="3"/>
      <c r="G185" s="3"/>
      <c r="H185" s="3"/>
      <c r="I185" s="3"/>
      <c r="J185" s="3"/>
      <c r="K185" s="3"/>
      <c r="L185" s="3"/>
    </row>
    <row r="186" spans="3:12" x14ac:dyDescent="0.2">
      <c r="C186" s="3"/>
      <c r="D186" s="3"/>
      <c r="E186" s="3"/>
      <c r="F186" s="3"/>
      <c r="G186" s="3"/>
      <c r="H186" s="3"/>
      <c r="I186" s="3"/>
      <c r="J186" s="3"/>
      <c r="K186" s="3"/>
      <c r="L186" s="3"/>
    </row>
    <row r="187" spans="3:12" x14ac:dyDescent="0.2">
      <c r="C187" s="3"/>
      <c r="D187" s="3"/>
      <c r="E187" s="3"/>
      <c r="F187" s="3"/>
      <c r="G187" s="3"/>
      <c r="H187" s="3"/>
      <c r="I187" s="3"/>
      <c r="J187" s="3"/>
      <c r="K187" s="3"/>
      <c r="L187" s="3"/>
    </row>
    <row r="188" spans="3:12" x14ac:dyDescent="0.2">
      <c r="C188" s="3"/>
      <c r="D188" s="3"/>
      <c r="E188" s="3"/>
      <c r="F188" s="3"/>
      <c r="G188" s="3"/>
      <c r="H188" s="3"/>
      <c r="I188" s="3"/>
      <c r="J188" s="3"/>
      <c r="K188" s="3"/>
      <c r="L188" s="3"/>
    </row>
    <row r="189" spans="3:12" x14ac:dyDescent="0.2">
      <c r="C189" s="3"/>
      <c r="D189" s="3"/>
      <c r="E189" s="3"/>
      <c r="F189" s="3"/>
      <c r="G189" s="3"/>
      <c r="H189" s="3"/>
      <c r="I189" s="3"/>
      <c r="J189" s="3"/>
      <c r="K189" s="3"/>
      <c r="L189" s="3"/>
    </row>
    <row r="190" spans="3:12" x14ac:dyDescent="0.2">
      <c r="C190" s="3"/>
      <c r="D190" s="3"/>
      <c r="E190" s="3"/>
      <c r="F190" s="3"/>
      <c r="G190" s="3"/>
      <c r="H190" s="3"/>
      <c r="I190" s="3"/>
      <c r="J190" s="3"/>
      <c r="K190" s="3"/>
      <c r="L190" s="3"/>
    </row>
    <row r="191" spans="3:12" x14ac:dyDescent="0.2">
      <c r="C191" s="3"/>
      <c r="D191" s="3"/>
      <c r="E191" s="3"/>
      <c r="F191" s="3"/>
      <c r="G191" s="3"/>
      <c r="H191" s="3"/>
      <c r="I191" s="3"/>
      <c r="J191" s="3"/>
      <c r="K191" s="3"/>
      <c r="L191" s="3"/>
    </row>
    <row r="192" spans="3:12" x14ac:dyDescent="0.2">
      <c r="C192" s="3"/>
      <c r="D192" s="3"/>
      <c r="E192" s="3"/>
      <c r="F192" s="3"/>
      <c r="G192" s="3"/>
      <c r="H192" s="3"/>
      <c r="I192" s="3"/>
      <c r="J192" s="3"/>
      <c r="K192" s="3"/>
      <c r="L192" s="3"/>
    </row>
    <row r="193" spans="3:12" x14ac:dyDescent="0.2">
      <c r="C193" s="3"/>
      <c r="D193" s="3"/>
      <c r="E193" s="3"/>
      <c r="F193" s="3"/>
      <c r="G193" s="3"/>
      <c r="H193" s="3"/>
      <c r="I193" s="3"/>
      <c r="J193" s="3"/>
      <c r="K193" s="3"/>
      <c r="L193" s="3"/>
    </row>
    <row r="194" spans="3:12" x14ac:dyDescent="0.2">
      <c r="C194" s="3"/>
      <c r="D194" s="3"/>
      <c r="E194" s="3"/>
      <c r="F194" s="3"/>
      <c r="G194" s="3"/>
      <c r="H194" s="3"/>
      <c r="I194" s="3"/>
      <c r="J194" s="3"/>
      <c r="K194" s="3"/>
      <c r="L194" s="3"/>
    </row>
    <row r="195" spans="3:12" x14ac:dyDescent="0.2">
      <c r="C195" s="3"/>
      <c r="D195" s="3"/>
      <c r="E195" s="3"/>
      <c r="F195" s="3"/>
      <c r="G195" s="3"/>
      <c r="H195" s="3"/>
      <c r="I195" s="3"/>
      <c r="J195" s="3"/>
      <c r="K195" s="3"/>
      <c r="L195" s="3"/>
    </row>
    <row r="196" spans="3:12" x14ac:dyDescent="0.2">
      <c r="C196" s="3"/>
      <c r="D196" s="3"/>
      <c r="E196" s="3"/>
      <c r="F196" s="3"/>
      <c r="G196" s="3"/>
      <c r="H196" s="3"/>
      <c r="I196" s="3"/>
      <c r="J196" s="3"/>
      <c r="K196" s="3"/>
      <c r="L196" s="3"/>
    </row>
    <row r="197" spans="3:12" x14ac:dyDescent="0.2">
      <c r="C197" s="3"/>
      <c r="D197" s="3"/>
      <c r="E197" s="3"/>
      <c r="F197" s="3"/>
      <c r="G197" s="3"/>
      <c r="H197" s="3"/>
      <c r="I197" s="3"/>
      <c r="J197" s="3"/>
      <c r="K197" s="3"/>
      <c r="L197" s="3"/>
    </row>
    <row r="198" spans="3:12" x14ac:dyDescent="0.2">
      <c r="C198" s="3"/>
      <c r="D198" s="3"/>
      <c r="E198" s="3"/>
      <c r="F198" s="3"/>
      <c r="G198" s="3"/>
      <c r="H198" s="3"/>
      <c r="I198" s="3"/>
      <c r="J198" s="3"/>
      <c r="K198" s="3"/>
      <c r="L198" s="3"/>
    </row>
    <row r="199" spans="3:12" x14ac:dyDescent="0.2">
      <c r="C199" s="3"/>
      <c r="D199" s="3"/>
      <c r="E199" s="3"/>
      <c r="F199" s="3"/>
      <c r="G199" s="3"/>
      <c r="H199" s="3"/>
      <c r="I199" s="3"/>
      <c r="J199" s="3"/>
      <c r="K199" s="3"/>
      <c r="L199" s="3"/>
    </row>
    <row r="200" spans="3:12" x14ac:dyDescent="0.2">
      <c r="C200" s="3"/>
      <c r="D200" s="3"/>
      <c r="E200" s="3"/>
      <c r="F200" s="3"/>
      <c r="G200" s="3"/>
      <c r="H200" s="3"/>
      <c r="I200" s="3"/>
      <c r="J200" s="3"/>
      <c r="K200" s="3"/>
      <c r="L200" s="3"/>
    </row>
    <row r="201" spans="3:12" x14ac:dyDescent="0.2">
      <c r="C201" s="3"/>
      <c r="D201" s="3"/>
      <c r="E201" s="3"/>
      <c r="F201" s="3"/>
      <c r="G201" s="3"/>
      <c r="H201" s="3"/>
      <c r="I201" s="3"/>
      <c r="J201" s="3"/>
      <c r="K201" s="3"/>
      <c r="L201" s="3"/>
    </row>
    <row r="202" spans="3:12" x14ac:dyDescent="0.2">
      <c r="C202" s="3"/>
      <c r="D202" s="3"/>
      <c r="E202" s="3"/>
      <c r="F202" s="3"/>
      <c r="G202" s="3"/>
      <c r="H202" s="3"/>
      <c r="I202" s="3"/>
      <c r="J202" s="3"/>
      <c r="K202" s="3"/>
      <c r="L202" s="3"/>
    </row>
    <row r="203" spans="3:12" x14ac:dyDescent="0.2">
      <c r="C203" s="3"/>
      <c r="D203" s="3"/>
      <c r="E203" s="3"/>
      <c r="F203" s="3"/>
      <c r="G203" s="3"/>
      <c r="H203" s="3"/>
      <c r="I203" s="3"/>
      <c r="J203" s="3"/>
      <c r="K203" s="3"/>
      <c r="L203" s="3"/>
    </row>
    <row r="204" spans="3:12" x14ac:dyDescent="0.2">
      <c r="C204" s="3"/>
      <c r="D204" s="3"/>
      <c r="E204" s="3"/>
      <c r="F204" s="3"/>
      <c r="G204" s="3"/>
      <c r="H204" s="3"/>
      <c r="I204" s="3"/>
      <c r="J204" s="3"/>
      <c r="K204" s="3"/>
      <c r="L204" s="3"/>
    </row>
    <row r="205" spans="3:12" x14ac:dyDescent="0.2">
      <c r="C205" s="3"/>
      <c r="D205" s="3"/>
      <c r="E205" s="3"/>
      <c r="F205" s="3"/>
      <c r="G205" s="3"/>
      <c r="H205" s="3"/>
      <c r="I205" s="3"/>
      <c r="J205" s="3"/>
      <c r="K205" s="3"/>
      <c r="L205" s="3"/>
    </row>
    <row r="206" spans="3:12" x14ac:dyDescent="0.2">
      <c r="C206" s="3"/>
      <c r="D206" s="3"/>
      <c r="E206" s="3"/>
      <c r="F206" s="3"/>
      <c r="G206" s="3"/>
      <c r="H206" s="3"/>
      <c r="I206" s="3"/>
      <c r="J206" s="3"/>
      <c r="K206" s="3"/>
      <c r="L206" s="3"/>
    </row>
    <row r="207" spans="3:12" x14ac:dyDescent="0.2">
      <c r="C207" s="3"/>
      <c r="D207" s="3"/>
      <c r="E207" s="3"/>
      <c r="F207" s="3"/>
      <c r="G207" s="3"/>
      <c r="H207" s="3"/>
      <c r="I207" s="3"/>
      <c r="J207" s="3"/>
      <c r="K207" s="3"/>
      <c r="L207" s="3"/>
    </row>
    <row r="208" spans="3:12" x14ac:dyDescent="0.2">
      <c r="C208" s="3"/>
      <c r="D208" s="3"/>
      <c r="E208" s="3"/>
      <c r="F208" s="3"/>
      <c r="G208" s="3"/>
      <c r="H208" s="3"/>
      <c r="I208" s="3"/>
      <c r="J208" s="3"/>
      <c r="K208" s="3"/>
      <c r="L208" s="3"/>
    </row>
    <row r="209" spans="3:12" x14ac:dyDescent="0.2">
      <c r="C209" s="3"/>
      <c r="D209" s="3"/>
      <c r="E209" s="3"/>
      <c r="F209" s="3"/>
      <c r="G209" s="3"/>
      <c r="H209" s="3"/>
      <c r="I209" s="3"/>
      <c r="J209" s="3"/>
      <c r="K209" s="3"/>
      <c r="L209" s="3"/>
    </row>
    <row r="210" spans="3:12" x14ac:dyDescent="0.2">
      <c r="C210" s="3"/>
      <c r="D210" s="3"/>
      <c r="E210" s="3"/>
      <c r="F210" s="3"/>
      <c r="G210" s="3"/>
      <c r="H210" s="3"/>
      <c r="I210" s="3"/>
      <c r="J210" s="3"/>
      <c r="K210" s="3"/>
      <c r="L210" s="3"/>
    </row>
    <row r="211" spans="3:12" x14ac:dyDescent="0.2">
      <c r="C211" s="3"/>
      <c r="D211" s="3"/>
      <c r="E211" s="3"/>
      <c r="F211" s="3"/>
      <c r="G211" s="3"/>
      <c r="H211" s="3"/>
      <c r="I211" s="3"/>
      <c r="J211" s="3"/>
      <c r="K211" s="3"/>
      <c r="L211" s="3"/>
    </row>
    <row r="212" spans="3:12" x14ac:dyDescent="0.2">
      <c r="C212" s="3"/>
      <c r="D212" s="3"/>
      <c r="E212" s="3"/>
      <c r="F212" s="3"/>
      <c r="G212" s="3"/>
      <c r="H212" s="3"/>
      <c r="I212" s="3"/>
      <c r="J212" s="3"/>
      <c r="K212" s="3"/>
      <c r="L212" s="3"/>
    </row>
    <row r="213" spans="3:12" x14ac:dyDescent="0.2">
      <c r="C213" s="3"/>
      <c r="D213" s="3"/>
      <c r="E213" s="3"/>
      <c r="F213" s="3"/>
      <c r="G213" s="3"/>
      <c r="H213" s="3"/>
      <c r="I213" s="3"/>
      <c r="J213" s="3"/>
      <c r="K213" s="3"/>
      <c r="L213" s="3"/>
    </row>
    <row r="214" spans="3:12" x14ac:dyDescent="0.2">
      <c r="C214" s="3"/>
      <c r="D214" s="3"/>
      <c r="E214" s="3"/>
      <c r="F214" s="3"/>
      <c r="G214" s="3"/>
      <c r="H214" s="3"/>
      <c r="I214" s="3"/>
      <c r="J214" s="3"/>
      <c r="K214" s="3"/>
      <c r="L214" s="3"/>
    </row>
    <row r="215" spans="3:12" x14ac:dyDescent="0.2">
      <c r="C215" s="3"/>
      <c r="D215" s="3"/>
      <c r="E215" s="3"/>
      <c r="F215" s="3"/>
      <c r="G215" s="3"/>
      <c r="H215" s="3"/>
      <c r="I215" s="3"/>
      <c r="J215" s="3"/>
      <c r="K215" s="3"/>
      <c r="L215" s="3"/>
    </row>
    <row r="216" spans="3:12" x14ac:dyDescent="0.2">
      <c r="C216" s="3"/>
      <c r="D216" s="3"/>
      <c r="E216" s="3"/>
      <c r="F216" s="3"/>
      <c r="G216" s="3"/>
      <c r="H216" s="3"/>
      <c r="I216" s="3"/>
      <c r="J216" s="3"/>
      <c r="K216" s="3"/>
      <c r="L216" s="3"/>
    </row>
    <row r="217" spans="3:12" x14ac:dyDescent="0.2">
      <c r="C217" s="3"/>
      <c r="D217" s="3"/>
      <c r="E217" s="3"/>
      <c r="F217" s="3"/>
      <c r="G217" s="3"/>
      <c r="H217" s="3"/>
      <c r="I217" s="3"/>
      <c r="J217" s="3"/>
      <c r="K217" s="3"/>
      <c r="L217" s="3"/>
    </row>
    <row r="218" spans="3:12" x14ac:dyDescent="0.2">
      <c r="C218" s="3"/>
      <c r="D218" s="3"/>
      <c r="E218" s="3"/>
      <c r="F218" s="3"/>
      <c r="G218" s="3"/>
      <c r="H218" s="3"/>
      <c r="I218" s="3"/>
      <c r="J218" s="3"/>
      <c r="K218" s="3"/>
      <c r="L218" s="3"/>
    </row>
  </sheetData>
  <mergeCells count="18">
    <mergeCell ref="AP4:AP5"/>
    <mergeCell ref="B3:B4"/>
    <mergeCell ref="C3:L3"/>
    <mergeCell ref="M3:V3"/>
    <mergeCell ref="W3:AF3"/>
    <mergeCell ref="AG3:AP3"/>
    <mergeCell ref="C4:E4"/>
    <mergeCell ref="F4:K4"/>
    <mergeCell ref="L4:L5"/>
    <mergeCell ref="M4:O4"/>
    <mergeCell ref="P4:U4"/>
    <mergeCell ref="V4:V5"/>
    <mergeCell ref="W4:Y4"/>
    <mergeCell ref="Z4:AE4"/>
    <mergeCell ref="AF4:AF5"/>
    <mergeCell ref="J1:K1"/>
    <mergeCell ref="AG4:AI4"/>
    <mergeCell ref="AJ4:AO4"/>
  </mergeCells>
  <phoneticPr fontId="4"/>
  <pageMargins left="0.78740157480314965" right="0.31496062992125984" top="0.27559055118110237" bottom="0.39370078740157483" header="0.19685039370078741" footer="0.19685039370078741"/>
  <pageSetup paperSize="9" scale="45" orientation="landscape" r:id="rId1"/>
  <headerFooter alignWithMargins="0">
    <oddFooter>&amp;L&amp;20&amp;A&amp;C&amp;P/&amp;N</oddFooter>
  </headerFooter>
  <colBreaks count="2" manualBreakCount="2">
    <brk id="12" max="1048575" man="1"/>
    <brk id="22" max="1048575" man="1"/>
  </colBreaks>
</worksheet>
</file>

<file path=xl/worksheets/sheet2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6"/>
  </sheetPr>
  <dimension ref="A1:OS43"/>
  <sheetViews>
    <sheetView zoomScaleNormal="100" workbookViewId="0">
      <pane xSplit="2" ySplit="9" topLeftCell="C10" activePane="bottomRight" state="frozen"/>
      <selection activeCell="F37" sqref="F37"/>
      <selection pane="topRight" activeCell="F37" sqref="F37"/>
      <selection pane="bottomLeft" activeCell="F37" sqref="F37"/>
      <selection pane="bottomRight" activeCell="B1" sqref="B1"/>
    </sheetView>
  </sheetViews>
  <sheetFormatPr defaultColWidth="8.21875" defaultRowHeight="13.2" x14ac:dyDescent="0.2"/>
  <cols>
    <col min="1" max="1" width="2.77734375" style="44" customWidth="1"/>
    <col min="2" max="2" width="9" style="1" customWidth="1"/>
    <col min="3" max="3" width="8.21875" style="1" customWidth="1"/>
    <col min="4" max="5" width="10" style="1" customWidth="1"/>
    <col min="6" max="6" width="7" style="1" customWidth="1"/>
    <col min="7" max="13" width="10.33203125" style="1" customWidth="1"/>
    <col min="14" max="16" width="8.88671875" style="1" customWidth="1"/>
    <col min="17" max="17" width="7.6640625" style="1" customWidth="1"/>
    <col min="18" max="24" width="10.6640625" style="1" customWidth="1"/>
    <col min="25" max="27" width="8.88671875" style="1" customWidth="1"/>
    <col min="28" max="28" width="7.6640625" style="1" customWidth="1"/>
    <col min="29" max="29" width="8.88671875" style="1" customWidth="1"/>
    <col min="30" max="30" width="10.44140625" style="1" customWidth="1"/>
    <col min="31" max="33" width="8.88671875" style="1" customWidth="1"/>
    <col min="34" max="35" width="10" style="1" customWidth="1"/>
    <col min="36" max="38" width="8.88671875" style="1" customWidth="1"/>
    <col min="39" max="39" width="7.77734375" style="1" customWidth="1"/>
    <col min="40" max="49" width="8.88671875" style="1" customWidth="1"/>
    <col min="50" max="50" width="7.77734375" style="1" customWidth="1"/>
    <col min="51" max="55" width="8.88671875" style="1" customWidth="1"/>
    <col min="56" max="57" width="10.33203125" style="1" customWidth="1"/>
    <col min="58" max="60" width="8.88671875" style="1" customWidth="1"/>
    <col min="61" max="61" width="8" style="1" customWidth="1"/>
    <col min="62" max="71" width="8.88671875" style="1" customWidth="1"/>
    <col min="72" max="72" width="7.44140625" style="1" customWidth="1"/>
    <col min="73" max="77" width="8.88671875" style="1" customWidth="1"/>
    <col min="78" max="78" width="11.77734375" style="1" customWidth="1"/>
    <col min="79" max="79" width="12" style="1" customWidth="1"/>
    <col min="80" max="82" width="8.88671875" style="39" customWidth="1"/>
    <col min="83" max="83" width="7.77734375" style="39" customWidth="1"/>
    <col min="84" max="90" width="9" style="39" customWidth="1"/>
    <col min="91" max="93" width="8.88671875" style="1" customWidth="1"/>
    <col min="94" max="94" width="7.44140625" style="1" customWidth="1"/>
    <col min="95" max="97" width="10.109375" style="1" customWidth="1"/>
    <col min="98" max="99" width="8.88671875" style="1" customWidth="1"/>
    <col min="100" max="101" width="10.21875" style="1" customWidth="1"/>
    <col min="102" max="104" width="8.88671875" style="1" customWidth="1"/>
    <col min="105" max="105" width="7.33203125" style="1" customWidth="1"/>
    <col min="106" max="110" width="8.88671875" style="1" customWidth="1"/>
    <col min="111" max="112" width="9.21875" style="1" customWidth="1"/>
    <col min="113" max="115" width="8.88671875" style="39" customWidth="1"/>
    <col min="116" max="116" width="7.33203125" style="39" customWidth="1"/>
    <col min="117" max="121" width="8.88671875" style="39" customWidth="1"/>
    <col min="122" max="123" width="9.6640625" style="39" customWidth="1"/>
    <col min="124" max="126" width="8.88671875" style="1" customWidth="1"/>
    <col min="127" max="127" width="7.77734375" style="1" customWidth="1"/>
    <col min="128" max="132" width="8.88671875" style="1" customWidth="1"/>
    <col min="133" max="134" width="9.33203125" style="1" customWidth="1"/>
    <col min="135" max="137" width="8.88671875" style="1" customWidth="1"/>
    <col min="138" max="138" width="7.44140625" style="1" customWidth="1"/>
    <col min="139" max="148" width="8.88671875" style="1" customWidth="1"/>
    <col min="149" max="149" width="7.21875" style="1" customWidth="1"/>
    <col min="150" max="159" width="8.88671875" style="1" customWidth="1"/>
    <col min="160" max="160" width="7.21875" style="1" customWidth="1"/>
    <col min="161" max="167" width="8.88671875" style="1" customWidth="1"/>
    <col min="168" max="170" width="8.88671875" style="39" customWidth="1"/>
    <col min="171" max="171" width="7.33203125" style="39" customWidth="1"/>
    <col min="172" max="176" width="8.88671875" style="39" customWidth="1"/>
    <col min="177" max="178" width="9.6640625" style="39" customWidth="1"/>
    <col min="179" max="181" width="8.88671875" style="1" customWidth="1"/>
    <col min="182" max="182" width="7.21875" style="1" customWidth="1"/>
    <col min="183" max="187" width="8.88671875" style="1" customWidth="1"/>
    <col min="188" max="189" width="9.44140625" style="1" customWidth="1"/>
    <col min="190" max="192" width="8.88671875" style="1" customWidth="1"/>
    <col min="193" max="193" width="7.77734375" style="1" customWidth="1"/>
    <col min="194" max="203" width="8.88671875" style="1" customWidth="1"/>
    <col min="204" max="204" width="7.44140625" style="1" customWidth="1"/>
    <col min="205" max="214" width="8.88671875" style="1" customWidth="1"/>
    <col min="215" max="215" width="7.33203125" style="1" customWidth="1"/>
    <col min="216" max="218" width="8.88671875" style="1" customWidth="1"/>
    <col min="219" max="219" width="10.44140625" style="1" customWidth="1"/>
    <col min="220" max="220" width="8.88671875" style="1" customWidth="1"/>
    <col min="221" max="222" width="9.6640625" style="1" customWidth="1"/>
    <col min="223" max="225" width="8.88671875" style="1" customWidth="1"/>
    <col min="226" max="226" width="7.6640625" style="1" customWidth="1"/>
    <col min="227" max="231" width="8.88671875" style="1" customWidth="1"/>
    <col min="232" max="233" width="10" style="1" customWidth="1"/>
    <col min="234" max="235" width="7.44140625" style="39" customWidth="1"/>
    <col min="236" max="236" width="9.33203125" style="39" customWidth="1"/>
    <col min="237" max="237" width="7.44140625" style="39" customWidth="1"/>
    <col min="238" max="244" width="10.109375" style="39" customWidth="1"/>
    <col min="245" max="247" width="10.109375" style="1" customWidth="1"/>
    <col min="248" max="248" width="7.109375" style="1" customWidth="1"/>
    <col min="249" max="258" width="10.109375" style="1" customWidth="1"/>
    <col min="259" max="259" width="7.33203125" style="1" customWidth="1"/>
    <col min="260" max="269" width="10.109375" style="1" customWidth="1"/>
    <col min="270" max="270" width="7.21875" style="1" customWidth="1"/>
    <col min="271" max="280" width="10.109375" style="1" customWidth="1"/>
    <col min="281" max="281" width="7.6640625" style="1" customWidth="1"/>
    <col min="282" max="291" width="10.109375" style="1" customWidth="1"/>
    <col min="292" max="292" width="6.33203125" style="1" customWidth="1"/>
    <col min="293" max="302" width="10.109375" style="1" customWidth="1"/>
    <col min="303" max="303" width="7.44140625" style="1" customWidth="1"/>
    <col min="304" max="310" width="10.109375" style="1" customWidth="1"/>
    <col min="311" max="313" width="10.109375" style="39" customWidth="1"/>
    <col min="314" max="314" width="7.109375" style="39" customWidth="1"/>
    <col min="315" max="324" width="10.109375" style="39" customWidth="1"/>
    <col min="325" max="325" width="7.44140625" style="39" customWidth="1"/>
    <col min="326" max="335" width="10.109375" style="39" customWidth="1"/>
    <col min="336" max="336" width="6.88671875" style="39" customWidth="1"/>
    <col min="337" max="343" width="10.109375" style="39" customWidth="1"/>
    <col min="344" max="346" width="10.109375" style="1" customWidth="1"/>
    <col min="347" max="347" width="7.21875" style="1" customWidth="1"/>
    <col min="348" max="357" width="10.109375" style="1" customWidth="1"/>
    <col min="358" max="358" width="7.21875" style="1" customWidth="1"/>
    <col min="359" max="368" width="10.109375" style="1" customWidth="1"/>
    <col min="369" max="369" width="7" style="1" customWidth="1"/>
    <col min="370" max="379" width="10.109375" style="1" customWidth="1"/>
    <col min="380" max="380" width="6.88671875" style="1" customWidth="1"/>
    <col min="381" max="385" width="10.109375" style="1" customWidth="1"/>
    <col min="386" max="387" width="10.33203125" style="1" customWidth="1"/>
    <col min="388" max="390" width="10.109375" style="1" customWidth="1"/>
    <col min="391" max="391" width="6.88671875" style="1" customWidth="1"/>
    <col min="392" max="396" width="10.109375" style="1" customWidth="1"/>
    <col min="397" max="398" width="10.33203125" style="1" customWidth="1"/>
    <col min="399" max="401" width="9.21875" style="1" customWidth="1"/>
    <col min="402" max="402" width="7" style="1" customWidth="1"/>
    <col min="403" max="404" width="9.21875" style="1" customWidth="1"/>
    <col min="405" max="405" width="10.44140625" style="1" customWidth="1"/>
    <col min="406" max="406" width="12.109375" style="1" customWidth="1"/>
    <col min="407" max="407" width="10.109375" style="1" customWidth="1"/>
    <col min="408" max="409" width="10.33203125" style="1" customWidth="1"/>
    <col min="410" max="16384" width="8.21875" style="1"/>
  </cols>
  <sheetData>
    <row r="1" spans="1:409" ht="24" customHeight="1" x14ac:dyDescent="0.2">
      <c r="B1" s="20" t="s">
        <v>146</v>
      </c>
      <c r="E1" s="500">
        <f>第１表!F2</f>
        <v>5</v>
      </c>
      <c r="F1" s="246">
        <f>第１表!G2</f>
        <v>2</v>
      </c>
      <c r="G1" s="608">
        <f>IF(F1&lt;3,F1-2+12,F1-2)</f>
        <v>12</v>
      </c>
      <c r="H1" s="608"/>
      <c r="IB1" s="367"/>
      <c r="IC1" s="252"/>
      <c r="ID1" s="649"/>
      <c r="IE1" s="649"/>
    </row>
    <row r="2" spans="1:409" s="44" customFormat="1" ht="24" customHeight="1" x14ac:dyDescent="0.2">
      <c r="B2" s="20" t="s">
        <v>147</v>
      </c>
      <c r="E2" s="249"/>
      <c r="F2" s="250"/>
      <c r="G2" s="623"/>
      <c r="H2" s="623"/>
      <c r="CB2" s="324"/>
      <c r="CC2" s="324"/>
      <c r="CD2" s="324"/>
      <c r="CE2" s="324"/>
      <c r="CF2" s="324"/>
      <c r="CG2" s="324"/>
      <c r="CH2" s="324"/>
      <c r="CI2" s="324"/>
      <c r="CJ2" s="324"/>
      <c r="CK2" s="324"/>
      <c r="CL2" s="324"/>
      <c r="DI2" s="324"/>
      <c r="DJ2" s="324"/>
      <c r="DK2" s="324"/>
      <c r="DL2" s="324"/>
      <c r="DM2" s="324"/>
      <c r="DN2" s="324"/>
      <c r="DO2" s="324"/>
      <c r="DP2" s="324"/>
      <c r="DQ2" s="324"/>
      <c r="DR2" s="324"/>
      <c r="DS2" s="324"/>
      <c r="FL2" s="324"/>
      <c r="FM2" s="324"/>
      <c r="FN2" s="324"/>
      <c r="FO2" s="324"/>
      <c r="FP2" s="324"/>
      <c r="FQ2" s="324"/>
      <c r="FR2" s="324"/>
      <c r="FS2" s="324"/>
      <c r="FT2" s="324"/>
      <c r="FU2" s="324"/>
      <c r="FV2" s="324"/>
      <c r="HZ2" s="39"/>
      <c r="IA2" s="39"/>
      <c r="IB2" s="251"/>
      <c r="IC2" s="252"/>
      <c r="ID2" s="370"/>
      <c r="IE2" s="370"/>
      <c r="IF2" s="39"/>
      <c r="IG2" s="39"/>
      <c r="IH2" s="39"/>
      <c r="II2" s="39"/>
      <c r="IJ2" s="39"/>
      <c r="IK2" s="1"/>
      <c r="IL2" s="1"/>
      <c r="IM2" s="1"/>
      <c r="IN2" s="1"/>
      <c r="IO2" s="1"/>
      <c r="IP2" s="1"/>
      <c r="IQ2" s="1"/>
      <c r="IR2" s="1"/>
      <c r="IS2" s="1"/>
      <c r="IT2" s="1"/>
      <c r="IU2" s="1"/>
      <c r="IV2" s="1"/>
      <c r="IW2" s="1"/>
      <c r="IX2" s="1"/>
      <c r="IY2" s="1"/>
      <c r="IZ2" s="1"/>
      <c r="JA2" s="1"/>
      <c r="JB2" s="1"/>
      <c r="JC2" s="1"/>
      <c r="JD2" s="1"/>
      <c r="JE2" s="1"/>
      <c r="JF2" s="1"/>
      <c r="JG2" s="1"/>
      <c r="JH2" s="1"/>
      <c r="JI2" s="1"/>
      <c r="JJ2" s="1"/>
      <c r="JK2" s="1"/>
      <c r="JL2" s="1"/>
      <c r="JM2" s="1"/>
      <c r="JN2" s="1"/>
      <c r="JO2" s="1"/>
      <c r="JP2" s="1"/>
      <c r="JQ2" s="1"/>
      <c r="JR2" s="1"/>
      <c r="JS2" s="1"/>
      <c r="JT2" s="1"/>
      <c r="JU2" s="1"/>
      <c r="JV2" s="1"/>
      <c r="JW2" s="1"/>
      <c r="JX2" s="1"/>
      <c r="JY2" s="1"/>
      <c r="JZ2" s="1"/>
      <c r="KA2" s="1"/>
      <c r="KB2" s="1"/>
      <c r="KC2" s="1"/>
      <c r="KD2" s="1"/>
      <c r="KE2" s="1"/>
      <c r="KF2" s="1"/>
      <c r="KG2" s="1"/>
      <c r="KH2" s="1"/>
      <c r="KI2" s="1"/>
      <c r="KJ2" s="1"/>
      <c r="KK2" s="1"/>
      <c r="KL2" s="1"/>
      <c r="KM2" s="1"/>
      <c r="KN2" s="1"/>
      <c r="KO2" s="1"/>
      <c r="KP2" s="1"/>
      <c r="KQ2" s="1"/>
      <c r="KR2" s="1"/>
      <c r="KS2" s="1"/>
      <c r="KT2" s="1"/>
      <c r="KU2" s="1"/>
      <c r="KV2" s="1"/>
      <c r="KW2" s="1"/>
      <c r="KX2" s="1"/>
      <c r="KY2" s="39"/>
      <c r="KZ2" s="39"/>
      <c r="LA2" s="39"/>
      <c r="LB2" s="39"/>
      <c r="LC2" s="39"/>
      <c r="LD2" s="39"/>
      <c r="LE2" s="39"/>
      <c r="LF2" s="39"/>
      <c r="LG2" s="39"/>
      <c r="LH2" s="39"/>
      <c r="LI2" s="39"/>
      <c r="LJ2" s="39"/>
      <c r="LK2" s="39"/>
      <c r="LL2" s="39"/>
      <c r="LM2" s="39"/>
      <c r="LN2" s="39"/>
      <c r="LO2" s="39"/>
      <c r="LP2" s="39"/>
      <c r="LQ2" s="39"/>
      <c r="LR2" s="39"/>
      <c r="LS2" s="39"/>
      <c r="LT2" s="39"/>
      <c r="LU2" s="39"/>
      <c r="LV2" s="39"/>
      <c r="LW2" s="39"/>
      <c r="LX2" s="39"/>
      <c r="LY2" s="39"/>
      <c r="LZ2" s="39"/>
      <c r="MA2" s="39"/>
      <c r="MB2" s="39"/>
      <c r="MC2" s="39"/>
      <c r="MD2" s="39"/>
      <c r="ME2" s="39"/>
      <c r="MF2" s="1"/>
      <c r="MG2" s="1"/>
      <c r="MH2" s="1"/>
      <c r="MI2" s="1"/>
      <c r="MJ2" s="1"/>
      <c r="MK2" s="1"/>
      <c r="ML2" s="1"/>
      <c r="MM2" s="1"/>
      <c r="MN2" s="1"/>
      <c r="MO2" s="1"/>
      <c r="MP2" s="1"/>
      <c r="MQ2" s="1"/>
      <c r="MR2" s="1"/>
      <c r="MS2" s="1"/>
      <c r="MT2" s="1"/>
      <c r="MU2" s="1"/>
      <c r="MV2" s="1"/>
      <c r="MW2" s="1"/>
      <c r="MX2" s="1"/>
      <c r="MY2" s="1"/>
      <c r="MZ2" s="1"/>
      <c r="NA2" s="1"/>
      <c r="NB2" s="1"/>
      <c r="NC2" s="1"/>
      <c r="ND2" s="1"/>
      <c r="NE2" s="1"/>
      <c r="NF2" s="1"/>
      <c r="NG2" s="1"/>
      <c r="NH2" s="1"/>
      <c r="NI2" s="1"/>
      <c r="NJ2" s="1"/>
      <c r="NK2" s="1"/>
      <c r="NL2" s="1"/>
      <c r="NM2" s="1"/>
      <c r="NN2" s="1"/>
      <c r="NO2" s="1"/>
      <c r="NP2" s="1"/>
      <c r="NQ2" s="1"/>
      <c r="NR2" s="1"/>
      <c r="NS2" s="1"/>
      <c r="NT2" s="1"/>
      <c r="NU2" s="1"/>
      <c r="NV2" s="1"/>
      <c r="NW2" s="1"/>
      <c r="NX2" s="1"/>
      <c r="NY2" s="1"/>
      <c r="NZ2" s="1"/>
      <c r="OA2" s="1"/>
      <c r="OB2" s="1"/>
      <c r="OC2" s="1"/>
      <c r="OD2" s="1"/>
      <c r="OE2" s="1"/>
      <c r="OF2" s="1"/>
      <c r="OG2" s="1"/>
      <c r="OH2" s="1"/>
      <c r="OI2" s="1"/>
      <c r="OJ2" s="1"/>
      <c r="OK2" s="1"/>
      <c r="OL2" s="1"/>
      <c r="OM2" s="1"/>
      <c r="ON2" s="1"/>
      <c r="OO2" s="1"/>
      <c r="OP2" s="1"/>
      <c r="OQ2" s="1"/>
      <c r="OR2" s="1"/>
      <c r="OS2" s="1"/>
    </row>
    <row r="3" spans="1:409" s="44" customFormat="1" ht="24" customHeight="1" thickBot="1" x14ac:dyDescent="0.25">
      <c r="B3" s="20" t="s">
        <v>148</v>
      </c>
      <c r="CB3" s="324"/>
      <c r="CC3" s="324"/>
      <c r="CD3" s="324"/>
      <c r="CE3" s="324"/>
      <c r="CF3" s="324"/>
      <c r="CG3" s="324"/>
      <c r="CH3" s="324"/>
      <c r="CI3" s="324"/>
      <c r="CJ3" s="324"/>
      <c r="CK3" s="324"/>
      <c r="CL3" s="324"/>
      <c r="DI3" s="324"/>
      <c r="DJ3" s="324"/>
      <c r="DK3" s="324"/>
      <c r="DL3" s="324"/>
      <c r="DM3" s="324"/>
      <c r="DN3" s="324"/>
      <c r="DO3" s="324"/>
      <c r="DP3" s="324"/>
      <c r="DQ3" s="324"/>
      <c r="DR3" s="324"/>
      <c r="DS3" s="324"/>
      <c r="FL3" s="324"/>
      <c r="FM3" s="324"/>
      <c r="FN3" s="324"/>
      <c r="FO3" s="324"/>
      <c r="FP3" s="324"/>
      <c r="FQ3" s="324"/>
      <c r="FR3" s="324"/>
      <c r="FS3" s="324"/>
      <c r="FT3" s="324"/>
      <c r="FU3" s="324"/>
      <c r="FV3" s="324"/>
      <c r="HZ3" s="39"/>
      <c r="IA3" s="39"/>
      <c r="IB3" s="39"/>
      <c r="IC3" s="39"/>
      <c r="ID3" s="39"/>
      <c r="IE3" s="39"/>
      <c r="IF3" s="39"/>
      <c r="IG3" s="39"/>
      <c r="IH3" s="39"/>
      <c r="II3" s="39"/>
      <c r="IJ3" s="39"/>
      <c r="IK3" s="1"/>
      <c r="IL3" s="1"/>
      <c r="IM3" s="1"/>
      <c r="IN3" s="1"/>
      <c r="IO3" s="1"/>
      <c r="IP3" s="1"/>
      <c r="IQ3" s="1"/>
      <c r="IR3" s="1"/>
      <c r="IS3" s="1"/>
      <c r="IT3" s="1"/>
      <c r="IU3" s="1"/>
      <c r="IV3" s="1"/>
      <c r="IW3" s="1"/>
      <c r="IX3" s="1"/>
      <c r="IY3" s="1"/>
      <c r="IZ3" s="1"/>
      <c r="JA3" s="1"/>
      <c r="JB3" s="1"/>
      <c r="JC3" s="1"/>
      <c r="JD3" s="1"/>
      <c r="JE3" s="1"/>
      <c r="JF3" s="1"/>
      <c r="JG3" s="1"/>
      <c r="JH3" s="1"/>
      <c r="JI3" s="1"/>
      <c r="JJ3" s="1"/>
      <c r="JK3" s="1"/>
      <c r="JL3" s="1"/>
      <c r="JM3" s="1"/>
      <c r="JN3" s="1"/>
      <c r="JO3" s="1"/>
      <c r="JP3" s="1"/>
      <c r="JQ3" s="1"/>
      <c r="JR3" s="1"/>
      <c r="JS3" s="1"/>
      <c r="JT3" s="1"/>
      <c r="JU3" s="1"/>
      <c r="JV3" s="1"/>
      <c r="JW3" s="1"/>
      <c r="JX3" s="1"/>
      <c r="JY3" s="1"/>
      <c r="JZ3" s="1"/>
      <c r="KA3" s="1"/>
      <c r="KB3" s="1"/>
      <c r="KC3" s="1"/>
      <c r="KD3" s="1"/>
      <c r="KE3" s="1"/>
      <c r="KF3" s="1"/>
      <c r="KG3" s="1"/>
      <c r="KH3" s="1"/>
      <c r="KI3" s="1"/>
      <c r="KJ3" s="1"/>
      <c r="KK3" s="1"/>
      <c r="KL3" s="1"/>
      <c r="KM3" s="1"/>
      <c r="KN3" s="1"/>
      <c r="KO3" s="1"/>
      <c r="KP3" s="1"/>
      <c r="KQ3" s="1"/>
      <c r="KR3" s="1"/>
      <c r="KS3" s="1"/>
      <c r="KT3" s="1"/>
      <c r="KU3" s="1"/>
      <c r="KV3" s="1"/>
      <c r="KW3" s="1"/>
      <c r="KX3" s="1"/>
      <c r="KY3" s="39"/>
      <c r="KZ3" s="39"/>
      <c r="LA3" s="39"/>
      <c r="LB3" s="39"/>
      <c r="LC3" s="39"/>
      <c r="LD3" s="39"/>
      <c r="LE3" s="39"/>
      <c r="LF3" s="39"/>
      <c r="LG3" s="39"/>
      <c r="LH3" s="39"/>
      <c r="LI3" s="39"/>
      <c r="LJ3" s="39"/>
      <c r="LK3" s="39"/>
      <c r="LL3" s="39"/>
      <c r="LM3" s="39"/>
      <c r="LN3" s="39"/>
      <c r="LO3" s="39"/>
      <c r="LP3" s="39"/>
      <c r="LQ3" s="39"/>
      <c r="LR3" s="39"/>
      <c r="LS3" s="39"/>
      <c r="LT3" s="39"/>
      <c r="LU3" s="39"/>
      <c r="LV3" s="39"/>
      <c r="LW3" s="39"/>
      <c r="LX3" s="39"/>
      <c r="LY3" s="39"/>
      <c r="LZ3" s="39"/>
      <c r="MA3" s="39"/>
      <c r="MB3" s="39"/>
      <c r="MC3" s="39"/>
      <c r="MD3" s="39"/>
      <c r="ME3" s="39"/>
      <c r="MF3" s="1"/>
      <c r="MG3" s="1"/>
      <c r="MH3" s="1"/>
      <c r="MI3" s="1"/>
      <c r="MJ3" s="1"/>
      <c r="MK3" s="1"/>
      <c r="ML3" s="1"/>
      <c r="MM3" s="1"/>
      <c r="MN3" s="1"/>
      <c r="MO3" s="1"/>
      <c r="MP3" s="1"/>
      <c r="MQ3" s="1"/>
      <c r="MR3" s="1"/>
      <c r="MS3" s="1"/>
      <c r="MT3" s="1"/>
      <c r="MU3" s="1"/>
      <c r="MV3" s="1"/>
      <c r="MW3" s="1"/>
      <c r="MX3" s="1"/>
      <c r="MY3" s="1"/>
      <c r="MZ3" s="1"/>
      <c r="NA3" s="1"/>
      <c r="NB3" s="1"/>
      <c r="NC3" s="1"/>
      <c r="ND3" s="1"/>
      <c r="NE3" s="1"/>
      <c r="NF3" s="1"/>
      <c r="NG3" s="1"/>
      <c r="NH3" s="1"/>
      <c r="NI3" s="1"/>
      <c r="NJ3" s="1"/>
      <c r="NK3" s="1"/>
      <c r="NL3" s="1"/>
      <c r="NM3" s="1"/>
      <c r="NN3" s="1"/>
      <c r="NO3" s="1"/>
      <c r="NP3" s="1"/>
      <c r="NQ3" s="1"/>
      <c r="NR3" s="1"/>
      <c r="NS3" s="1"/>
      <c r="NT3" s="1"/>
      <c r="NU3" s="1"/>
      <c r="NV3" s="1"/>
      <c r="NW3" s="1"/>
      <c r="NX3" s="1"/>
      <c r="NY3" s="1"/>
      <c r="NZ3" s="1"/>
      <c r="OA3" s="1"/>
      <c r="OB3" s="1"/>
      <c r="OC3" s="1"/>
      <c r="OD3" s="1"/>
      <c r="OE3" s="1"/>
      <c r="OF3" s="1"/>
      <c r="OG3" s="1"/>
      <c r="OH3" s="1"/>
      <c r="OI3" s="1"/>
      <c r="OJ3" s="1"/>
      <c r="OK3" s="1"/>
      <c r="OL3" s="1"/>
      <c r="OM3" s="1"/>
      <c r="ON3" s="1"/>
      <c r="OO3" s="1"/>
      <c r="OP3" s="1"/>
      <c r="OQ3" s="1"/>
      <c r="OR3" s="1"/>
      <c r="OS3" s="1"/>
    </row>
    <row r="4" spans="1:409" ht="21" customHeight="1" thickBot="1" x14ac:dyDescent="0.25">
      <c r="B4" s="628" t="s">
        <v>42</v>
      </c>
      <c r="C4" s="631" t="s">
        <v>63</v>
      </c>
      <c r="D4" s="631"/>
      <c r="E4" s="631"/>
      <c r="F4" s="631"/>
      <c r="G4" s="631"/>
      <c r="H4" s="631"/>
      <c r="I4" s="631"/>
      <c r="J4" s="631"/>
      <c r="K4" s="631"/>
      <c r="L4" s="631"/>
      <c r="M4" s="631"/>
      <c r="N4" s="577"/>
      <c r="O4" s="577"/>
      <c r="P4" s="577"/>
      <c r="Q4" s="577"/>
      <c r="R4" s="577"/>
      <c r="S4" s="577"/>
      <c r="T4" s="577"/>
      <c r="U4" s="577"/>
      <c r="V4" s="577"/>
      <c r="W4" s="577"/>
      <c r="X4" s="577"/>
      <c r="Y4" s="577"/>
      <c r="Z4" s="577"/>
      <c r="AA4" s="577"/>
      <c r="AB4" s="577"/>
      <c r="AC4" s="577"/>
      <c r="AD4" s="577"/>
      <c r="AE4" s="577"/>
      <c r="AF4" s="577"/>
      <c r="AG4" s="577"/>
      <c r="AH4" s="577"/>
      <c r="AI4" s="577"/>
      <c r="AJ4" s="577"/>
      <c r="AK4" s="577"/>
      <c r="AL4" s="577"/>
      <c r="AM4" s="577"/>
      <c r="AN4" s="577"/>
      <c r="AO4" s="577"/>
      <c r="AP4" s="577"/>
      <c r="AQ4" s="577"/>
      <c r="AR4" s="577"/>
      <c r="AS4" s="577"/>
      <c r="AT4" s="577"/>
      <c r="AU4" s="577"/>
      <c r="AV4" s="577"/>
      <c r="AW4" s="577"/>
      <c r="AX4" s="577"/>
      <c r="AY4" s="577"/>
      <c r="AZ4" s="577"/>
      <c r="BA4" s="577"/>
      <c r="BB4" s="577"/>
      <c r="BC4" s="577"/>
      <c r="BD4" s="577"/>
      <c r="BE4" s="577"/>
      <c r="BF4" s="577"/>
      <c r="BG4" s="577"/>
      <c r="BH4" s="577"/>
      <c r="BI4" s="577"/>
      <c r="BJ4" s="577"/>
      <c r="BK4" s="577"/>
      <c r="BL4" s="577"/>
      <c r="BM4" s="577"/>
      <c r="BN4" s="577"/>
      <c r="BO4" s="577"/>
      <c r="BP4" s="577"/>
      <c r="BQ4" s="577"/>
      <c r="BR4" s="577"/>
      <c r="BS4" s="577"/>
      <c r="BT4" s="577"/>
      <c r="BU4" s="577"/>
      <c r="BV4" s="577"/>
      <c r="BW4" s="577"/>
      <c r="BX4" s="577"/>
      <c r="BY4" s="577"/>
      <c r="BZ4" s="577"/>
      <c r="CA4" s="577"/>
      <c r="CB4" s="577"/>
      <c r="CC4" s="577"/>
      <c r="CD4" s="577"/>
      <c r="CE4" s="577"/>
      <c r="CF4" s="577"/>
      <c r="CG4" s="577"/>
      <c r="CH4" s="577"/>
      <c r="CI4" s="577"/>
      <c r="CJ4" s="577"/>
      <c r="CK4" s="577"/>
      <c r="CL4" s="577"/>
      <c r="CM4" s="577"/>
      <c r="CN4" s="577"/>
      <c r="CO4" s="577"/>
      <c r="CP4" s="577"/>
      <c r="CQ4" s="577"/>
      <c r="CR4" s="577"/>
      <c r="CS4" s="577"/>
      <c r="CT4" s="577"/>
      <c r="CU4" s="577"/>
      <c r="CV4" s="577"/>
      <c r="CW4" s="577"/>
      <c r="CX4" s="577"/>
      <c r="CY4" s="577"/>
      <c r="CZ4" s="577"/>
      <c r="DA4" s="577"/>
      <c r="DB4" s="577"/>
      <c r="DC4" s="577"/>
      <c r="DD4" s="577"/>
      <c r="DE4" s="577"/>
      <c r="DF4" s="577"/>
      <c r="DG4" s="577"/>
      <c r="DH4" s="577"/>
      <c r="DI4" s="577"/>
      <c r="DJ4" s="577"/>
      <c r="DK4" s="577"/>
      <c r="DL4" s="577"/>
      <c r="DM4" s="577"/>
      <c r="DN4" s="577"/>
      <c r="DO4" s="577"/>
      <c r="DP4" s="577"/>
      <c r="DQ4" s="577"/>
      <c r="DR4" s="577"/>
      <c r="DS4" s="577"/>
      <c r="DT4" s="577"/>
      <c r="DU4" s="577"/>
      <c r="DV4" s="577"/>
      <c r="DW4" s="577"/>
      <c r="DX4" s="577"/>
      <c r="DY4" s="577"/>
      <c r="DZ4" s="577"/>
      <c r="EA4" s="577"/>
      <c r="EB4" s="577"/>
      <c r="EC4" s="577"/>
      <c r="ED4" s="577"/>
      <c r="EE4" s="577"/>
      <c r="EF4" s="577"/>
      <c r="EG4" s="577"/>
      <c r="EH4" s="577"/>
      <c r="EI4" s="577"/>
      <c r="EJ4" s="577"/>
      <c r="EK4" s="577"/>
      <c r="EL4" s="577"/>
      <c r="EM4" s="577"/>
      <c r="EN4" s="577"/>
      <c r="EO4" s="577"/>
      <c r="EP4" s="577"/>
      <c r="EQ4" s="577"/>
      <c r="ER4" s="577"/>
      <c r="ES4" s="577"/>
      <c r="ET4" s="577"/>
      <c r="EU4" s="577"/>
      <c r="EV4" s="577"/>
      <c r="EW4" s="577"/>
      <c r="EX4" s="577"/>
      <c r="EY4" s="577"/>
      <c r="EZ4" s="577"/>
      <c r="FA4" s="577"/>
      <c r="FB4" s="577"/>
      <c r="FC4" s="577"/>
      <c r="FD4" s="577"/>
      <c r="FE4" s="577"/>
      <c r="FF4" s="577"/>
      <c r="FG4" s="577"/>
      <c r="FH4" s="577"/>
      <c r="FI4" s="577"/>
      <c r="FJ4" s="577"/>
      <c r="FK4" s="577"/>
      <c r="FL4" s="577"/>
      <c r="FM4" s="577"/>
      <c r="FN4" s="577"/>
      <c r="FO4" s="577"/>
      <c r="FP4" s="577"/>
      <c r="FQ4" s="577"/>
      <c r="FR4" s="577"/>
      <c r="FS4" s="577"/>
      <c r="FT4" s="577"/>
      <c r="FU4" s="577"/>
      <c r="FV4" s="577"/>
      <c r="FW4" s="577"/>
      <c r="FX4" s="577"/>
      <c r="FY4" s="577"/>
      <c r="FZ4" s="577"/>
      <c r="GA4" s="577"/>
      <c r="GB4" s="577"/>
      <c r="GC4" s="577"/>
      <c r="GD4" s="577"/>
      <c r="GE4" s="577"/>
      <c r="GF4" s="577"/>
      <c r="GG4" s="577"/>
      <c r="GH4" s="577"/>
      <c r="GI4" s="577"/>
      <c r="GJ4" s="577"/>
      <c r="GK4" s="577"/>
      <c r="GL4" s="577"/>
      <c r="GM4" s="577"/>
      <c r="GN4" s="577"/>
      <c r="GO4" s="577"/>
      <c r="GP4" s="577"/>
      <c r="GQ4" s="577"/>
      <c r="GR4" s="577"/>
      <c r="GS4" s="577"/>
      <c r="GT4" s="577"/>
      <c r="GU4" s="577"/>
      <c r="GV4" s="577"/>
      <c r="GW4" s="577"/>
      <c r="GX4" s="577"/>
      <c r="GY4" s="577"/>
      <c r="GZ4" s="577"/>
      <c r="HA4" s="577"/>
      <c r="HB4" s="577"/>
      <c r="HC4" s="577"/>
      <c r="HD4" s="577"/>
      <c r="HE4" s="577"/>
      <c r="HF4" s="577"/>
      <c r="HG4" s="577"/>
      <c r="HH4" s="577"/>
      <c r="HI4" s="577"/>
      <c r="HJ4" s="577"/>
      <c r="HK4" s="577"/>
      <c r="HL4" s="577"/>
      <c r="HM4" s="577"/>
      <c r="HN4" s="577"/>
      <c r="HO4" s="577"/>
      <c r="HP4" s="577"/>
      <c r="HQ4" s="577"/>
      <c r="HR4" s="577"/>
      <c r="HS4" s="577"/>
      <c r="HT4" s="577"/>
      <c r="HU4" s="577"/>
      <c r="HV4" s="577"/>
      <c r="HW4" s="577"/>
      <c r="HX4" s="577"/>
      <c r="HY4" s="578"/>
      <c r="HZ4" s="610" t="s">
        <v>85</v>
      </c>
      <c r="IA4" s="611"/>
      <c r="IB4" s="611"/>
      <c r="IC4" s="611"/>
      <c r="ID4" s="611"/>
      <c r="IE4" s="611"/>
      <c r="IF4" s="611"/>
      <c r="IG4" s="611"/>
      <c r="IH4" s="611"/>
      <c r="II4" s="611"/>
      <c r="IJ4" s="611"/>
      <c r="IK4" s="611"/>
      <c r="IL4" s="611"/>
      <c r="IM4" s="611"/>
      <c r="IN4" s="611"/>
      <c r="IO4" s="611"/>
      <c r="IP4" s="611"/>
      <c r="IQ4" s="611"/>
      <c r="IR4" s="611"/>
      <c r="IS4" s="611"/>
      <c r="IT4" s="611"/>
      <c r="IU4" s="611"/>
      <c r="IV4" s="611"/>
      <c r="IW4" s="611"/>
      <c r="IX4" s="611"/>
      <c r="IY4" s="611"/>
      <c r="IZ4" s="611"/>
      <c r="JA4" s="611"/>
      <c r="JB4" s="611"/>
      <c r="JC4" s="611"/>
      <c r="JD4" s="611"/>
      <c r="JE4" s="611"/>
      <c r="JF4" s="611"/>
      <c r="JG4" s="611"/>
      <c r="JH4" s="611"/>
      <c r="JI4" s="611"/>
      <c r="JJ4" s="611"/>
      <c r="JK4" s="611"/>
      <c r="JL4" s="611"/>
      <c r="JM4" s="611"/>
      <c r="JN4" s="611"/>
      <c r="JO4" s="611"/>
      <c r="JP4" s="611"/>
      <c r="JQ4" s="611"/>
      <c r="JR4" s="611"/>
      <c r="JS4" s="611"/>
      <c r="JT4" s="611"/>
      <c r="JU4" s="611"/>
      <c r="JV4" s="611"/>
      <c r="JW4" s="611"/>
      <c r="JX4" s="611"/>
      <c r="JY4" s="611"/>
      <c r="JZ4" s="611"/>
      <c r="KA4" s="611"/>
      <c r="KB4" s="611"/>
      <c r="KC4" s="611"/>
      <c r="KD4" s="611"/>
      <c r="KE4" s="611"/>
      <c r="KF4" s="611"/>
      <c r="KG4" s="611"/>
      <c r="KH4" s="611"/>
      <c r="KI4" s="611"/>
      <c r="KJ4" s="611"/>
      <c r="KK4" s="611"/>
      <c r="KL4" s="611"/>
      <c r="KM4" s="611"/>
      <c r="KN4" s="611"/>
      <c r="KO4" s="611"/>
      <c r="KP4" s="611"/>
      <c r="KQ4" s="611"/>
      <c r="KR4" s="611"/>
      <c r="KS4" s="611"/>
      <c r="KT4" s="611"/>
      <c r="KU4" s="611"/>
      <c r="KV4" s="611"/>
      <c r="KW4" s="611"/>
      <c r="KX4" s="611"/>
      <c r="KY4" s="611"/>
      <c r="KZ4" s="611"/>
      <c r="LA4" s="611"/>
      <c r="LB4" s="611"/>
      <c r="LC4" s="611"/>
      <c r="LD4" s="611"/>
      <c r="LE4" s="611"/>
      <c r="LF4" s="611"/>
      <c r="LG4" s="611"/>
      <c r="LH4" s="611"/>
      <c r="LI4" s="611"/>
      <c r="LJ4" s="611"/>
      <c r="LK4" s="611"/>
      <c r="LL4" s="611"/>
      <c r="LM4" s="611"/>
      <c r="LN4" s="611"/>
      <c r="LO4" s="611"/>
      <c r="LP4" s="611"/>
      <c r="LQ4" s="611"/>
      <c r="LR4" s="611"/>
      <c r="LS4" s="611"/>
      <c r="LT4" s="611"/>
      <c r="LU4" s="611"/>
      <c r="LV4" s="611"/>
      <c r="LW4" s="611"/>
      <c r="LX4" s="611"/>
      <c r="LY4" s="611"/>
      <c r="LZ4" s="611"/>
      <c r="MA4" s="611"/>
      <c r="MB4" s="611"/>
      <c r="MC4" s="611"/>
      <c r="MD4" s="611"/>
      <c r="ME4" s="612"/>
      <c r="MF4" s="610" t="s">
        <v>86</v>
      </c>
      <c r="MG4" s="611"/>
      <c r="MH4" s="611"/>
      <c r="MI4" s="611"/>
      <c r="MJ4" s="611"/>
      <c r="MK4" s="611"/>
      <c r="ML4" s="611"/>
      <c r="MM4" s="611"/>
      <c r="MN4" s="611"/>
      <c r="MO4" s="611"/>
      <c r="MP4" s="611"/>
      <c r="MQ4" s="611"/>
      <c r="MR4" s="611"/>
      <c r="MS4" s="611"/>
      <c r="MT4" s="611"/>
      <c r="MU4" s="611"/>
      <c r="MV4" s="611"/>
      <c r="MW4" s="611"/>
      <c r="MX4" s="611"/>
      <c r="MY4" s="611"/>
      <c r="MZ4" s="611"/>
      <c r="NA4" s="611"/>
      <c r="NB4" s="611"/>
      <c r="NC4" s="611"/>
      <c r="ND4" s="611"/>
      <c r="NE4" s="611"/>
      <c r="NF4" s="611"/>
      <c r="NG4" s="611"/>
      <c r="NH4" s="611"/>
      <c r="NI4" s="611"/>
      <c r="NJ4" s="611"/>
      <c r="NK4" s="611"/>
      <c r="NL4" s="611"/>
      <c r="NM4" s="611"/>
      <c r="NN4" s="611"/>
      <c r="NO4" s="611"/>
      <c r="NP4" s="611"/>
      <c r="NQ4" s="611"/>
      <c r="NR4" s="611"/>
      <c r="NS4" s="611"/>
      <c r="NT4" s="611"/>
      <c r="NU4" s="611"/>
      <c r="NV4" s="611"/>
      <c r="NW4" s="611"/>
      <c r="NX4" s="611"/>
      <c r="NY4" s="611"/>
      <c r="NZ4" s="611"/>
      <c r="OA4" s="611"/>
      <c r="OB4" s="611"/>
      <c r="OC4" s="611"/>
      <c r="OD4" s="611"/>
      <c r="OE4" s="611"/>
      <c r="OF4" s="611"/>
      <c r="OG4" s="611"/>
      <c r="OH4" s="612"/>
      <c r="OI4" s="599" t="s">
        <v>60</v>
      </c>
      <c r="OJ4" s="504"/>
      <c r="OK4" s="504"/>
      <c r="OL4" s="504"/>
      <c r="OM4" s="504"/>
      <c r="ON4" s="504"/>
      <c r="OO4" s="504"/>
      <c r="OP4" s="504"/>
      <c r="OQ4" s="504"/>
      <c r="OR4" s="504"/>
      <c r="OS4" s="505"/>
    </row>
    <row r="5" spans="1:409" ht="21" customHeight="1" thickBot="1" x14ac:dyDescent="0.25">
      <c r="B5" s="629"/>
      <c r="C5" s="632"/>
      <c r="D5" s="632"/>
      <c r="E5" s="632"/>
      <c r="F5" s="632"/>
      <c r="G5" s="632"/>
      <c r="H5" s="632"/>
      <c r="I5" s="632"/>
      <c r="J5" s="632"/>
      <c r="K5" s="632"/>
      <c r="L5" s="632"/>
      <c r="M5" s="632"/>
      <c r="N5" s="634" t="s">
        <v>64</v>
      </c>
      <c r="O5" s="635"/>
      <c r="P5" s="635"/>
      <c r="Q5" s="635"/>
      <c r="R5" s="635"/>
      <c r="S5" s="635"/>
      <c r="T5" s="635"/>
      <c r="U5" s="635"/>
      <c r="V5" s="635"/>
      <c r="W5" s="635"/>
      <c r="X5" s="635"/>
      <c r="Y5" s="635"/>
      <c r="Z5" s="635"/>
      <c r="AA5" s="635"/>
      <c r="AB5" s="635"/>
      <c r="AC5" s="635"/>
      <c r="AD5" s="635"/>
      <c r="AE5" s="635"/>
      <c r="AF5" s="635"/>
      <c r="AG5" s="635"/>
      <c r="AH5" s="635"/>
      <c r="AI5" s="635"/>
      <c r="AJ5" s="635"/>
      <c r="AK5" s="635"/>
      <c r="AL5" s="635"/>
      <c r="AM5" s="635"/>
      <c r="AN5" s="635"/>
      <c r="AO5" s="635"/>
      <c r="AP5" s="635"/>
      <c r="AQ5" s="635"/>
      <c r="AR5" s="635"/>
      <c r="AS5" s="635"/>
      <c r="AT5" s="635"/>
      <c r="AU5" s="635"/>
      <c r="AV5" s="635"/>
      <c r="AW5" s="635"/>
      <c r="AX5" s="635"/>
      <c r="AY5" s="635"/>
      <c r="AZ5" s="635"/>
      <c r="BA5" s="635"/>
      <c r="BB5" s="635"/>
      <c r="BC5" s="635"/>
      <c r="BD5" s="635"/>
      <c r="BE5" s="635"/>
      <c r="BF5" s="635"/>
      <c r="BG5" s="635"/>
      <c r="BH5" s="635"/>
      <c r="BI5" s="635"/>
      <c r="BJ5" s="635"/>
      <c r="BK5" s="635"/>
      <c r="BL5" s="635"/>
      <c r="BM5" s="635"/>
      <c r="BN5" s="635"/>
      <c r="BO5" s="635"/>
      <c r="BP5" s="635"/>
      <c r="BQ5" s="635"/>
      <c r="BR5" s="635"/>
      <c r="BS5" s="635"/>
      <c r="BT5" s="635"/>
      <c r="BU5" s="635"/>
      <c r="BV5" s="635"/>
      <c r="BW5" s="635"/>
      <c r="BX5" s="635"/>
      <c r="BY5" s="635"/>
      <c r="BZ5" s="635"/>
      <c r="CA5" s="636"/>
      <c r="CB5" s="634" t="s">
        <v>65</v>
      </c>
      <c r="CC5" s="635"/>
      <c r="CD5" s="635"/>
      <c r="CE5" s="635"/>
      <c r="CF5" s="635"/>
      <c r="CG5" s="635"/>
      <c r="CH5" s="635"/>
      <c r="CI5" s="635"/>
      <c r="CJ5" s="635"/>
      <c r="CK5" s="635"/>
      <c r="CL5" s="635"/>
      <c r="CM5" s="635"/>
      <c r="CN5" s="635"/>
      <c r="CO5" s="635"/>
      <c r="CP5" s="635"/>
      <c r="CQ5" s="635"/>
      <c r="CR5" s="635"/>
      <c r="CS5" s="635"/>
      <c r="CT5" s="635"/>
      <c r="CU5" s="635"/>
      <c r="CV5" s="635"/>
      <c r="CW5" s="635"/>
      <c r="CX5" s="635"/>
      <c r="CY5" s="635"/>
      <c r="CZ5" s="635"/>
      <c r="DA5" s="635"/>
      <c r="DB5" s="635"/>
      <c r="DC5" s="635"/>
      <c r="DD5" s="635"/>
      <c r="DE5" s="635"/>
      <c r="DF5" s="635"/>
      <c r="DG5" s="635"/>
      <c r="DH5" s="636"/>
      <c r="DI5" s="610" t="s">
        <v>66</v>
      </c>
      <c r="DJ5" s="611"/>
      <c r="DK5" s="611"/>
      <c r="DL5" s="611"/>
      <c r="DM5" s="611"/>
      <c r="DN5" s="611"/>
      <c r="DO5" s="611"/>
      <c r="DP5" s="611"/>
      <c r="DQ5" s="611"/>
      <c r="DR5" s="611"/>
      <c r="DS5" s="611"/>
      <c r="DT5" s="611"/>
      <c r="DU5" s="611"/>
      <c r="DV5" s="611"/>
      <c r="DW5" s="611"/>
      <c r="DX5" s="611"/>
      <c r="DY5" s="611"/>
      <c r="DZ5" s="611"/>
      <c r="EA5" s="611"/>
      <c r="EB5" s="611"/>
      <c r="EC5" s="611"/>
      <c r="ED5" s="611"/>
      <c r="EE5" s="611"/>
      <c r="EF5" s="611"/>
      <c r="EG5" s="611"/>
      <c r="EH5" s="611"/>
      <c r="EI5" s="611"/>
      <c r="EJ5" s="611"/>
      <c r="EK5" s="611"/>
      <c r="EL5" s="611"/>
      <c r="EM5" s="611"/>
      <c r="EN5" s="611"/>
      <c r="EO5" s="611"/>
      <c r="EP5" s="611"/>
      <c r="EQ5" s="611"/>
      <c r="ER5" s="611"/>
      <c r="ES5" s="611"/>
      <c r="ET5" s="611"/>
      <c r="EU5" s="611"/>
      <c r="EV5" s="611"/>
      <c r="EW5" s="611"/>
      <c r="EX5" s="611"/>
      <c r="EY5" s="611"/>
      <c r="EZ5" s="611"/>
      <c r="FA5" s="611"/>
      <c r="FB5" s="611"/>
      <c r="FC5" s="611"/>
      <c r="FD5" s="611"/>
      <c r="FE5" s="611"/>
      <c r="FF5" s="611"/>
      <c r="FG5" s="611"/>
      <c r="FH5" s="611"/>
      <c r="FI5" s="611"/>
      <c r="FJ5" s="611"/>
      <c r="FK5" s="612"/>
      <c r="FL5" s="634" t="s">
        <v>67</v>
      </c>
      <c r="FM5" s="635"/>
      <c r="FN5" s="635"/>
      <c r="FO5" s="635"/>
      <c r="FP5" s="635"/>
      <c r="FQ5" s="635"/>
      <c r="FR5" s="635"/>
      <c r="FS5" s="635"/>
      <c r="FT5" s="635"/>
      <c r="FU5" s="635"/>
      <c r="FV5" s="635"/>
      <c r="FW5" s="635"/>
      <c r="FX5" s="635"/>
      <c r="FY5" s="635"/>
      <c r="FZ5" s="635"/>
      <c r="GA5" s="635"/>
      <c r="GB5" s="635"/>
      <c r="GC5" s="635"/>
      <c r="GD5" s="635"/>
      <c r="GE5" s="635"/>
      <c r="GF5" s="635"/>
      <c r="GG5" s="635"/>
      <c r="GH5" s="635"/>
      <c r="GI5" s="635"/>
      <c r="GJ5" s="635"/>
      <c r="GK5" s="635"/>
      <c r="GL5" s="635"/>
      <c r="GM5" s="635"/>
      <c r="GN5" s="635"/>
      <c r="GO5" s="635"/>
      <c r="GP5" s="635"/>
      <c r="GQ5" s="635"/>
      <c r="GR5" s="635"/>
      <c r="GS5" s="635"/>
      <c r="GT5" s="635"/>
      <c r="GU5" s="635"/>
      <c r="GV5" s="635"/>
      <c r="GW5" s="635"/>
      <c r="GX5" s="635"/>
      <c r="GY5" s="635"/>
      <c r="GZ5" s="635"/>
      <c r="HA5" s="635"/>
      <c r="HB5" s="635"/>
      <c r="HC5" s="636"/>
      <c r="HD5" s="620" t="s">
        <v>68</v>
      </c>
      <c r="HE5" s="621"/>
      <c r="HF5" s="621"/>
      <c r="HG5" s="621"/>
      <c r="HH5" s="621"/>
      <c r="HI5" s="621"/>
      <c r="HJ5" s="621"/>
      <c r="HK5" s="621"/>
      <c r="HL5" s="621"/>
      <c r="HM5" s="621"/>
      <c r="HN5" s="622"/>
      <c r="HO5" s="620" t="s">
        <v>69</v>
      </c>
      <c r="HP5" s="621"/>
      <c r="HQ5" s="621"/>
      <c r="HR5" s="621"/>
      <c r="HS5" s="621"/>
      <c r="HT5" s="621"/>
      <c r="HU5" s="621"/>
      <c r="HV5" s="621"/>
      <c r="HW5" s="621"/>
      <c r="HX5" s="621"/>
      <c r="HY5" s="622"/>
      <c r="HZ5" s="661"/>
      <c r="IA5" s="662"/>
      <c r="IB5" s="662"/>
      <c r="IC5" s="662"/>
      <c r="ID5" s="662"/>
      <c r="IE5" s="662"/>
      <c r="IF5" s="662"/>
      <c r="IG5" s="662"/>
      <c r="IH5" s="662"/>
      <c r="II5" s="662"/>
      <c r="IJ5" s="663"/>
      <c r="IK5" s="599" t="s">
        <v>94</v>
      </c>
      <c r="IL5" s="504"/>
      <c r="IM5" s="504"/>
      <c r="IN5" s="504"/>
      <c r="IO5" s="504"/>
      <c r="IP5" s="504"/>
      <c r="IQ5" s="504"/>
      <c r="IR5" s="504"/>
      <c r="IS5" s="504"/>
      <c r="IT5" s="504"/>
      <c r="IU5" s="505"/>
      <c r="IV5" s="599" t="s">
        <v>88</v>
      </c>
      <c r="IW5" s="504"/>
      <c r="IX5" s="504"/>
      <c r="IY5" s="504"/>
      <c r="IZ5" s="504"/>
      <c r="JA5" s="504"/>
      <c r="JB5" s="504"/>
      <c r="JC5" s="504"/>
      <c r="JD5" s="504"/>
      <c r="JE5" s="504"/>
      <c r="JF5" s="505"/>
      <c r="JG5" s="664" t="s">
        <v>144</v>
      </c>
      <c r="JH5" s="665"/>
      <c r="JI5" s="665"/>
      <c r="JJ5" s="665"/>
      <c r="JK5" s="665"/>
      <c r="JL5" s="665"/>
      <c r="JM5" s="665"/>
      <c r="JN5" s="665"/>
      <c r="JO5" s="665"/>
      <c r="JP5" s="665"/>
      <c r="JQ5" s="666"/>
      <c r="JR5" s="599" t="s">
        <v>90</v>
      </c>
      <c r="JS5" s="504"/>
      <c r="JT5" s="504"/>
      <c r="JU5" s="504"/>
      <c r="JV5" s="504"/>
      <c r="JW5" s="504"/>
      <c r="JX5" s="504"/>
      <c r="JY5" s="504"/>
      <c r="JZ5" s="504"/>
      <c r="KA5" s="504"/>
      <c r="KB5" s="505"/>
      <c r="KC5" s="599" t="s">
        <v>89</v>
      </c>
      <c r="KD5" s="504"/>
      <c r="KE5" s="504"/>
      <c r="KF5" s="504"/>
      <c r="KG5" s="504"/>
      <c r="KH5" s="504"/>
      <c r="KI5" s="504"/>
      <c r="KJ5" s="504"/>
      <c r="KK5" s="504"/>
      <c r="KL5" s="504"/>
      <c r="KM5" s="505"/>
      <c r="KN5" s="599" t="s">
        <v>91</v>
      </c>
      <c r="KO5" s="504"/>
      <c r="KP5" s="504"/>
      <c r="KQ5" s="504"/>
      <c r="KR5" s="504"/>
      <c r="KS5" s="504"/>
      <c r="KT5" s="504"/>
      <c r="KU5" s="504"/>
      <c r="KV5" s="504"/>
      <c r="KW5" s="504"/>
      <c r="KX5" s="505"/>
      <c r="KY5" s="599" t="s">
        <v>92</v>
      </c>
      <c r="KZ5" s="504"/>
      <c r="LA5" s="504"/>
      <c r="LB5" s="504"/>
      <c r="LC5" s="504"/>
      <c r="LD5" s="504"/>
      <c r="LE5" s="504"/>
      <c r="LF5" s="504"/>
      <c r="LG5" s="504"/>
      <c r="LH5" s="504"/>
      <c r="LI5" s="505"/>
      <c r="LJ5" s="670" t="s">
        <v>93</v>
      </c>
      <c r="LK5" s="671"/>
      <c r="LL5" s="671"/>
      <c r="LM5" s="671"/>
      <c r="LN5" s="671"/>
      <c r="LO5" s="671"/>
      <c r="LP5" s="671"/>
      <c r="LQ5" s="671"/>
      <c r="LR5" s="671"/>
      <c r="LS5" s="671"/>
      <c r="LT5" s="672"/>
      <c r="LU5" s="673" t="s">
        <v>145</v>
      </c>
      <c r="LV5" s="674"/>
      <c r="LW5" s="674"/>
      <c r="LX5" s="674"/>
      <c r="LY5" s="674"/>
      <c r="LZ5" s="674"/>
      <c r="MA5" s="674"/>
      <c r="MB5" s="674"/>
      <c r="MC5" s="674"/>
      <c r="MD5" s="674"/>
      <c r="ME5" s="675"/>
      <c r="MF5" s="661"/>
      <c r="MG5" s="662"/>
      <c r="MH5" s="662"/>
      <c r="MI5" s="662"/>
      <c r="MJ5" s="662"/>
      <c r="MK5" s="662"/>
      <c r="ML5" s="662"/>
      <c r="MM5" s="662"/>
      <c r="MN5" s="662"/>
      <c r="MO5" s="662"/>
      <c r="MP5" s="663"/>
      <c r="MQ5" s="599" t="s">
        <v>57</v>
      </c>
      <c r="MR5" s="504"/>
      <c r="MS5" s="504"/>
      <c r="MT5" s="504"/>
      <c r="MU5" s="504"/>
      <c r="MV5" s="504"/>
      <c r="MW5" s="504"/>
      <c r="MX5" s="504"/>
      <c r="MY5" s="504"/>
      <c r="MZ5" s="504"/>
      <c r="NA5" s="505"/>
      <c r="NB5" s="599" t="s">
        <v>58</v>
      </c>
      <c r="NC5" s="504"/>
      <c r="ND5" s="504"/>
      <c r="NE5" s="504"/>
      <c r="NF5" s="504"/>
      <c r="NG5" s="504"/>
      <c r="NH5" s="504"/>
      <c r="NI5" s="504"/>
      <c r="NJ5" s="504"/>
      <c r="NK5" s="504"/>
      <c r="NL5" s="505"/>
      <c r="NM5" s="599" t="s">
        <v>59</v>
      </c>
      <c r="NN5" s="504"/>
      <c r="NO5" s="504"/>
      <c r="NP5" s="504"/>
      <c r="NQ5" s="504"/>
      <c r="NR5" s="504"/>
      <c r="NS5" s="504"/>
      <c r="NT5" s="504"/>
      <c r="NU5" s="504"/>
      <c r="NV5" s="504"/>
      <c r="NW5" s="505"/>
      <c r="NX5" s="651" t="s">
        <v>151</v>
      </c>
      <c r="NY5" s="652"/>
      <c r="NZ5" s="652"/>
      <c r="OA5" s="652"/>
      <c r="OB5" s="652"/>
      <c r="OC5" s="652"/>
      <c r="OD5" s="652"/>
      <c r="OE5" s="652"/>
      <c r="OF5" s="652"/>
      <c r="OG5" s="652"/>
      <c r="OH5" s="653"/>
      <c r="OI5" s="658"/>
      <c r="OJ5" s="659"/>
      <c r="OK5" s="659"/>
      <c r="OL5" s="659"/>
      <c r="OM5" s="659"/>
      <c r="ON5" s="659"/>
      <c r="OO5" s="659"/>
      <c r="OP5" s="659"/>
      <c r="OQ5" s="659"/>
      <c r="OR5" s="659"/>
      <c r="OS5" s="660"/>
    </row>
    <row r="6" spans="1:409" ht="21" customHeight="1" thickBot="1" x14ac:dyDescent="0.25">
      <c r="B6" s="629"/>
      <c r="C6" s="633"/>
      <c r="D6" s="633"/>
      <c r="E6" s="633"/>
      <c r="F6" s="633"/>
      <c r="G6" s="633"/>
      <c r="H6" s="633"/>
      <c r="I6" s="633"/>
      <c r="J6" s="633"/>
      <c r="K6" s="633"/>
      <c r="L6" s="633"/>
      <c r="M6" s="633"/>
      <c r="N6" s="600"/>
      <c r="O6" s="593"/>
      <c r="P6" s="593"/>
      <c r="Q6" s="593"/>
      <c r="R6" s="593"/>
      <c r="S6" s="593"/>
      <c r="T6" s="593"/>
      <c r="U6" s="593"/>
      <c r="V6" s="593"/>
      <c r="W6" s="593"/>
      <c r="X6" s="601"/>
      <c r="Y6" s="602" t="s">
        <v>70</v>
      </c>
      <c r="Z6" s="603"/>
      <c r="AA6" s="603"/>
      <c r="AB6" s="603"/>
      <c r="AC6" s="603"/>
      <c r="AD6" s="603"/>
      <c r="AE6" s="603"/>
      <c r="AF6" s="603"/>
      <c r="AG6" s="603"/>
      <c r="AH6" s="603"/>
      <c r="AI6" s="604"/>
      <c r="AJ6" s="620" t="s">
        <v>71</v>
      </c>
      <c r="AK6" s="621"/>
      <c r="AL6" s="621"/>
      <c r="AM6" s="621"/>
      <c r="AN6" s="621"/>
      <c r="AO6" s="621"/>
      <c r="AP6" s="621"/>
      <c r="AQ6" s="621"/>
      <c r="AR6" s="621"/>
      <c r="AS6" s="621"/>
      <c r="AT6" s="622"/>
      <c r="AU6" s="616" t="s">
        <v>72</v>
      </c>
      <c r="AV6" s="617"/>
      <c r="AW6" s="617"/>
      <c r="AX6" s="617"/>
      <c r="AY6" s="617"/>
      <c r="AZ6" s="617"/>
      <c r="BA6" s="617"/>
      <c r="BB6" s="617"/>
      <c r="BC6" s="617"/>
      <c r="BD6" s="617"/>
      <c r="BE6" s="618"/>
      <c r="BF6" s="616" t="s">
        <v>73</v>
      </c>
      <c r="BG6" s="617"/>
      <c r="BH6" s="617"/>
      <c r="BI6" s="617"/>
      <c r="BJ6" s="617"/>
      <c r="BK6" s="617"/>
      <c r="BL6" s="617"/>
      <c r="BM6" s="617"/>
      <c r="BN6" s="617"/>
      <c r="BO6" s="617"/>
      <c r="BP6" s="618"/>
      <c r="BQ6" s="616" t="s">
        <v>74</v>
      </c>
      <c r="BR6" s="617"/>
      <c r="BS6" s="617"/>
      <c r="BT6" s="617"/>
      <c r="BU6" s="617"/>
      <c r="BV6" s="617"/>
      <c r="BW6" s="617"/>
      <c r="BX6" s="617"/>
      <c r="BY6" s="617"/>
      <c r="BZ6" s="617"/>
      <c r="CA6" s="618"/>
      <c r="CB6" s="613"/>
      <c r="CC6" s="614"/>
      <c r="CD6" s="614"/>
      <c r="CE6" s="614"/>
      <c r="CF6" s="614"/>
      <c r="CG6" s="614"/>
      <c r="CH6" s="614"/>
      <c r="CI6" s="614"/>
      <c r="CJ6" s="614"/>
      <c r="CK6" s="614"/>
      <c r="CL6" s="615"/>
      <c r="CM6" s="616" t="s">
        <v>75</v>
      </c>
      <c r="CN6" s="617"/>
      <c r="CO6" s="617"/>
      <c r="CP6" s="617"/>
      <c r="CQ6" s="617"/>
      <c r="CR6" s="617"/>
      <c r="CS6" s="617"/>
      <c r="CT6" s="617"/>
      <c r="CU6" s="617"/>
      <c r="CV6" s="617"/>
      <c r="CW6" s="618"/>
      <c r="CX6" s="616" t="s">
        <v>76</v>
      </c>
      <c r="CY6" s="617"/>
      <c r="CZ6" s="617"/>
      <c r="DA6" s="617"/>
      <c r="DB6" s="617"/>
      <c r="DC6" s="617"/>
      <c r="DD6" s="617"/>
      <c r="DE6" s="617"/>
      <c r="DF6" s="617"/>
      <c r="DG6" s="617"/>
      <c r="DH6" s="618"/>
      <c r="DI6" s="613"/>
      <c r="DJ6" s="614"/>
      <c r="DK6" s="614"/>
      <c r="DL6" s="614"/>
      <c r="DM6" s="614"/>
      <c r="DN6" s="614"/>
      <c r="DO6" s="614"/>
      <c r="DP6" s="614"/>
      <c r="DQ6" s="614"/>
      <c r="DR6" s="614"/>
      <c r="DS6" s="614"/>
      <c r="DT6" s="616" t="s">
        <v>77</v>
      </c>
      <c r="DU6" s="617"/>
      <c r="DV6" s="617"/>
      <c r="DW6" s="617"/>
      <c r="DX6" s="617"/>
      <c r="DY6" s="617"/>
      <c r="DZ6" s="617"/>
      <c r="EA6" s="617"/>
      <c r="EB6" s="617"/>
      <c r="EC6" s="617"/>
      <c r="ED6" s="618"/>
      <c r="EE6" s="616" t="s">
        <v>78</v>
      </c>
      <c r="EF6" s="617"/>
      <c r="EG6" s="617"/>
      <c r="EH6" s="617"/>
      <c r="EI6" s="617"/>
      <c r="EJ6" s="617"/>
      <c r="EK6" s="617"/>
      <c r="EL6" s="617"/>
      <c r="EM6" s="617"/>
      <c r="EN6" s="617"/>
      <c r="EO6" s="618"/>
      <c r="EP6" s="616" t="s">
        <v>79</v>
      </c>
      <c r="EQ6" s="617"/>
      <c r="ER6" s="617"/>
      <c r="ES6" s="617"/>
      <c r="ET6" s="617"/>
      <c r="EU6" s="617"/>
      <c r="EV6" s="617"/>
      <c r="EW6" s="617"/>
      <c r="EX6" s="617"/>
      <c r="EY6" s="617"/>
      <c r="EZ6" s="618"/>
      <c r="FA6" s="619" t="s">
        <v>152</v>
      </c>
      <c r="FB6" s="617"/>
      <c r="FC6" s="617"/>
      <c r="FD6" s="617"/>
      <c r="FE6" s="617"/>
      <c r="FF6" s="617"/>
      <c r="FG6" s="617"/>
      <c r="FH6" s="617"/>
      <c r="FI6" s="617"/>
      <c r="FJ6" s="617"/>
      <c r="FK6" s="618"/>
      <c r="FL6" s="613"/>
      <c r="FM6" s="614"/>
      <c r="FN6" s="614"/>
      <c r="FO6" s="614"/>
      <c r="FP6" s="614"/>
      <c r="FQ6" s="614"/>
      <c r="FR6" s="614"/>
      <c r="FS6" s="614"/>
      <c r="FT6" s="614"/>
      <c r="FU6" s="614"/>
      <c r="FV6" s="614"/>
      <c r="FW6" s="616" t="s">
        <v>80</v>
      </c>
      <c r="FX6" s="617"/>
      <c r="FY6" s="617"/>
      <c r="FZ6" s="617"/>
      <c r="GA6" s="617"/>
      <c r="GB6" s="617"/>
      <c r="GC6" s="617"/>
      <c r="GD6" s="617"/>
      <c r="GE6" s="617"/>
      <c r="GF6" s="617"/>
      <c r="GG6" s="618"/>
      <c r="GH6" s="602" t="s">
        <v>81</v>
      </c>
      <c r="GI6" s="603"/>
      <c r="GJ6" s="603"/>
      <c r="GK6" s="603"/>
      <c r="GL6" s="603"/>
      <c r="GM6" s="603"/>
      <c r="GN6" s="603"/>
      <c r="GO6" s="603"/>
      <c r="GP6" s="603"/>
      <c r="GQ6" s="603"/>
      <c r="GR6" s="604"/>
      <c r="GS6" s="602" t="s">
        <v>82</v>
      </c>
      <c r="GT6" s="603"/>
      <c r="GU6" s="603"/>
      <c r="GV6" s="603"/>
      <c r="GW6" s="603"/>
      <c r="GX6" s="603"/>
      <c r="GY6" s="603"/>
      <c r="GZ6" s="603"/>
      <c r="HA6" s="603"/>
      <c r="HB6" s="603"/>
      <c r="HC6" s="604"/>
      <c r="HD6" s="637"/>
      <c r="HE6" s="638"/>
      <c r="HF6" s="638"/>
      <c r="HG6" s="638"/>
      <c r="HH6" s="638"/>
      <c r="HI6" s="638"/>
      <c r="HJ6" s="638"/>
      <c r="HK6" s="638"/>
      <c r="HL6" s="638"/>
      <c r="HM6" s="638"/>
      <c r="HN6" s="639"/>
      <c r="HO6" s="637"/>
      <c r="HP6" s="638"/>
      <c r="HQ6" s="638"/>
      <c r="HR6" s="638"/>
      <c r="HS6" s="638"/>
      <c r="HT6" s="638"/>
      <c r="HU6" s="638"/>
      <c r="HV6" s="638"/>
      <c r="HW6" s="638"/>
      <c r="HX6" s="638"/>
      <c r="HY6" s="639"/>
      <c r="HZ6" s="613"/>
      <c r="IA6" s="614"/>
      <c r="IB6" s="614"/>
      <c r="IC6" s="614"/>
      <c r="ID6" s="614"/>
      <c r="IE6" s="614"/>
      <c r="IF6" s="614"/>
      <c r="IG6" s="614"/>
      <c r="IH6" s="614"/>
      <c r="II6" s="614"/>
      <c r="IJ6" s="615"/>
      <c r="IK6" s="600"/>
      <c r="IL6" s="593"/>
      <c r="IM6" s="593"/>
      <c r="IN6" s="593"/>
      <c r="IO6" s="593"/>
      <c r="IP6" s="593"/>
      <c r="IQ6" s="593"/>
      <c r="IR6" s="593"/>
      <c r="IS6" s="593"/>
      <c r="IT6" s="593"/>
      <c r="IU6" s="601"/>
      <c r="IV6" s="600"/>
      <c r="IW6" s="593"/>
      <c r="IX6" s="593"/>
      <c r="IY6" s="593"/>
      <c r="IZ6" s="593"/>
      <c r="JA6" s="593"/>
      <c r="JB6" s="593"/>
      <c r="JC6" s="593"/>
      <c r="JD6" s="593"/>
      <c r="JE6" s="593"/>
      <c r="JF6" s="601"/>
      <c r="JG6" s="667"/>
      <c r="JH6" s="668"/>
      <c r="JI6" s="668"/>
      <c r="JJ6" s="668"/>
      <c r="JK6" s="668"/>
      <c r="JL6" s="668"/>
      <c r="JM6" s="668"/>
      <c r="JN6" s="668"/>
      <c r="JO6" s="668"/>
      <c r="JP6" s="668"/>
      <c r="JQ6" s="669"/>
      <c r="JR6" s="600"/>
      <c r="JS6" s="593"/>
      <c r="JT6" s="593"/>
      <c r="JU6" s="593"/>
      <c r="JV6" s="593"/>
      <c r="JW6" s="593"/>
      <c r="JX6" s="593"/>
      <c r="JY6" s="593"/>
      <c r="JZ6" s="593"/>
      <c r="KA6" s="593"/>
      <c r="KB6" s="601"/>
      <c r="KC6" s="600"/>
      <c r="KD6" s="593"/>
      <c r="KE6" s="593"/>
      <c r="KF6" s="593"/>
      <c r="KG6" s="593"/>
      <c r="KH6" s="593"/>
      <c r="KI6" s="593"/>
      <c r="KJ6" s="593"/>
      <c r="KK6" s="593"/>
      <c r="KL6" s="593"/>
      <c r="KM6" s="601"/>
      <c r="KN6" s="600"/>
      <c r="KO6" s="593"/>
      <c r="KP6" s="593"/>
      <c r="KQ6" s="593"/>
      <c r="KR6" s="593"/>
      <c r="KS6" s="593"/>
      <c r="KT6" s="593"/>
      <c r="KU6" s="593"/>
      <c r="KV6" s="593"/>
      <c r="KW6" s="593"/>
      <c r="KX6" s="601"/>
      <c r="KY6" s="600"/>
      <c r="KZ6" s="593"/>
      <c r="LA6" s="593"/>
      <c r="LB6" s="593"/>
      <c r="LC6" s="593"/>
      <c r="LD6" s="593"/>
      <c r="LE6" s="593"/>
      <c r="LF6" s="593"/>
      <c r="LG6" s="593"/>
      <c r="LH6" s="593"/>
      <c r="LI6" s="601"/>
      <c r="LJ6" s="613"/>
      <c r="LK6" s="614"/>
      <c r="LL6" s="614"/>
      <c r="LM6" s="614"/>
      <c r="LN6" s="614"/>
      <c r="LO6" s="614"/>
      <c r="LP6" s="614"/>
      <c r="LQ6" s="614"/>
      <c r="LR6" s="614"/>
      <c r="LS6" s="614"/>
      <c r="LT6" s="615"/>
      <c r="LU6" s="676"/>
      <c r="LV6" s="677"/>
      <c r="LW6" s="677"/>
      <c r="LX6" s="677"/>
      <c r="LY6" s="677"/>
      <c r="LZ6" s="677"/>
      <c r="MA6" s="677"/>
      <c r="MB6" s="677"/>
      <c r="MC6" s="677"/>
      <c r="MD6" s="677"/>
      <c r="ME6" s="678"/>
      <c r="MF6" s="613"/>
      <c r="MG6" s="614"/>
      <c r="MH6" s="614"/>
      <c r="MI6" s="614"/>
      <c r="MJ6" s="614"/>
      <c r="MK6" s="614"/>
      <c r="ML6" s="614"/>
      <c r="MM6" s="614"/>
      <c r="MN6" s="614"/>
      <c r="MO6" s="614"/>
      <c r="MP6" s="615"/>
      <c r="MQ6" s="600"/>
      <c r="MR6" s="593"/>
      <c r="MS6" s="593"/>
      <c r="MT6" s="593"/>
      <c r="MU6" s="593"/>
      <c r="MV6" s="593"/>
      <c r="MW6" s="593"/>
      <c r="MX6" s="593"/>
      <c r="MY6" s="593"/>
      <c r="MZ6" s="593"/>
      <c r="NA6" s="601"/>
      <c r="NB6" s="600"/>
      <c r="NC6" s="593"/>
      <c r="ND6" s="593"/>
      <c r="NE6" s="593"/>
      <c r="NF6" s="593"/>
      <c r="NG6" s="593"/>
      <c r="NH6" s="593"/>
      <c r="NI6" s="593"/>
      <c r="NJ6" s="593"/>
      <c r="NK6" s="593"/>
      <c r="NL6" s="601"/>
      <c r="NM6" s="600"/>
      <c r="NN6" s="593"/>
      <c r="NO6" s="593"/>
      <c r="NP6" s="593"/>
      <c r="NQ6" s="593"/>
      <c r="NR6" s="593"/>
      <c r="NS6" s="593"/>
      <c r="NT6" s="593"/>
      <c r="NU6" s="593"/>
      <c r="NV6" s="593"/>
      <c r="NW6" s="601"/>
      <c r="NX6" s="654"/>
      <c r="NY6" s="655"/>
      <c r="NZ6" s="655"/>
      <c r="OA6" s="655"/>
      <c r="OB6" s="655"/>
      <c r="OC6" s="655"/>
      <c r="OD6" s="655"/>
      <c r="OE6" s="655"/>
      <c r="OF6" s="655"/>
      <c r="OG6" s="655"/>
      <c r="OH6" s="656"/>
      <c r="OI6" s="600"/>
      <c r="OJ6" s="593"/>
      <c r="OK6" s="593"/>
      <c r="OL6" s="593"/>
      <c r="OM6" s="593"/>
      <c r="ON6" s="593"/>
      <c r="OO6" s="593"/>
      <c r="OP6" s="593"/>
      <c r="OQ6" s="593"/>
      <c r="OR6" s="593"/>
      <c r="OS6" s="601"/>
    </row>
    <row r="7" spans="1:409" ht="21" customHeight="1" x14ac:dyDescent="0.2">
      <c r="B7" s="629"/>
      <c r="C7" s="585" t="s">
        <v>61</v>
      </c>
      <c r="D7" s="585"/>
      <c r="E7" s="585"/>
      <c r="F7" s="584" t="s">
        <v>62</v>
      </c>
      <c r="G7" s="585"/>
      <c r="H7" s="585"/>
      <c r="I7" s="585"/>
      <c r="J7" s="585"/>
      <c r="K7" s="585"/>
      <c r="L7" s="585"/>
      <c r="M7" s="584" t="s">
        <v>52</v>
      </c>
      <c r="N7" s="641" t="s">
        <v>61</v>
      </c>
      <c r="O7" s="585"/>
      <c r="P7" s="585"/>
      <c r="Q7" s="584" t="s">
        <v>62</v>
      </c>
      <c r="R7" s="585"/>
      <c r="S7" s="585"/>
      <c r="T7" s="585"/>
      <c r="U7" s="585"/>
      <c r="V7" s="585"/>
      <c r="W7" s="586"/>
      <c r="X7" s="626" t="s">
        <v>52</v>
      </c>
      <c r="Y7" s="600" t="s">
        <v>61</v>
      </c>
      <c r="Z7" s="593"/>
      <c r="AA7" s="594"/>
      <c r="AB7" s="592" t="s">
        <v>62</v>
      </c>
      <c r="AC7" s="593"/>
      <c r="AD7" s="593"/>
      <c r="AE7" s="593"/>
      <c r="AF7" s="593"/>
      <c r="AG7" s="593"/>
      <c r="AH7" s="594"/>
      <c r="AI7" s="601" t="s">
        <v>52</v>
      </c>
      <c r="AJ7" s="581" t="s">
        <v>61</v>
      </c>
      <c r="AK7" s="582"/>
      <c r="AL7" s="583"/>
      <c r="AM7" s="642" t="s">
        <v>62</v>
      </c>
      <c r="AN7" s="582"/>
      <c r="AO7" s="582"/>
      <c r="AP7" s="582"/>
      <c r="AQ7" s="582"/>
      <c r="AR7" s="582"/>
      <c r="AS7" s="643"/>
      <c r="AT7" s="644" t="s">
        <v>52</v>
      </c>
      <c r="AU7" s="589" t="s">
        <v>61</v>
      </c>
      <c r="AV7" s="590"/>
      <c r="AW7" s="591"/>
      <c r="AX7" s="624" t="s">
        <v>62</v>
      </c>
      <c r="AY7" s="590"/>
      <c r="AZ7" s="590"/>
      <c r="BA7" s="590"/>
      <c r="BB7" s="590"/>
      <c r="BC7" s="590"/>
      <c r="BD7" s="625"/>
      <c r="BE7" s="601" t="s">
        <v>52</v>
      </c>
      <c r="BF7" s="589" t="s">
        <v>61</v>
      </c>
      <c r="BG7" s="590"/>
      <c r="BH7" s="591"/>
      <c r="BI7" s="624" t="s">
        <v>62</v>
      </c>
      <c r="BJ7" s="590"/>
      <c r="BK7" s="590"/>
      <c r="BL7" s="590"/>
      <c r="BM7" s="590"/>
      <c r="BN7" s="590"/>
      <c r="BO7" s="625"/>
      <c r="BP7" s="601" t="s">
        <v>52</v>
      </c>
      <c r="BQ7" s="589" t="s">
        <v>61</v>
      </c>
      <c r="BR7" s="590"/>
      <c r="BS7" s="591"/>
      <c r="BT7" s="624" t="s">
        <v>62</v>
      </c>
      <c r="BU7" s="590"/>
      <c r="BV7" s="590"/>
      <c r="BW7" s="590"/>
      <c r="BX7" s="590"/>
      <c r="BY7" s="590"/>
      <c r="BZ7" s="625"/>
      <c r="CA7" s="601" t="s">
        <v>52</v>
      </c>
      <c r="CB7" s="581" t="s">
        <v>61</v>
      </c>
      <c r="CC7" s="582"/>
      <c r="CD7" s="583"/>
      <c r="CE7" s="642" t="s">
        <v>62</v>
      </c>
      <c r="CF7" s="582"/>
      <c r="CG7" s="582"/>
      <c r="CH7" s="582"/>
      <c r="CI7" s="582"/>
      <c r="CJ7" s="582"/>
      <c r="CK7" s="643"/>
      <c r="CL7" s="626" t="s">
        <v>52</v>
      </c>
      <c r="CM7" s="589" t="s">
        <v>61</v>
      </c>
      <c r="CN7" s="590"/>
      <c r="CO7" s="625"/>
      <c r="CP7" s="624" t="s">
        <v>62</v>
      </c>
      <c r="CQ7" s="590"/>
      <c r="CR7" s="590"/>
      <c r="CS7" s="590"/>
      <c r="CT7" s="590"/>
      <c r="CU7" s="590"/>
      <c r="CV7" s="625"/>
      <c r="CW7" s="648" t="s">
        <v>52</v>
      </c>
      <c r="CX7" s="589" t="s">
        <v>61</v>
      </c>
      <c r="CY7" s="590"/>
      <c r="CZ7" s="625"/>
      <c r="DA7" s="624" t="s">
        <v>62</v>
      </c>
      <c r="DB7" s="590"/>
      <c r="DC7" s="590"/>
      <c r="DD7" s="590"/>
      <c r="DE7" s="590"/>
      <c r="DF7" s="590"/>
      <c r="DG7" s="625"/>
      <c r="DH7" s="648" t="s">
        <v>52</v>
      </c>
      <c r="DI7" s="581" t="s">
        <v>61</v>
      </c>
      <c r="DJ7" s="582"/>
      <c r="DK7" s="643"/>
      <c r="DL7" s="642" t="s">
        <v>62</v>
      </c>
      <c r="DM7" s="582"/>
      <c r="DN7" s="582"/>
      <c r="DO7" s="582"/>
      <c r="DP7" s="582"/>
      <c r="DQ7" s="582"/>
      <c r="DR7" s="643"/>
      <c r="DS7" s="626" t="s">
        <v>52</v>
      </c>
      <c r="DT7" s="589" t="s">
        <v>61</v>
      </c>
      <c r="DU7" s="590"/>
      <c r="DV7" s="591"/>
      <c r="DW7" s="624" t="s">
        <v>62</v>
      </c>
      <c r="DX7" s="590"/>
      <c r="DY7" s="590"/>
      <c r="DZ7" s="590"/>
      <c r="EA7" s="590"/>
      <c r="EB7" s="590"/>
      <c r="EC7" s="625"/>
      <c r="ED7" s="601" t="s">
        <v>52</v>
      </c>
      <c r="EE7" s="589" t="s">
        <v>61</v>
      </c>
      <c r="EF7" s="590"/>
      <c r="EG7" s="591"/>
      <c r="EH7" s="624" t="s">
        <v>62</v>
      </c>
      <c r="EI7" s="590"/>
      <c r="EJ7" s="590"/>
      <c r="EK7" s="590"/>
      <c r="EL7" s="590"/>
      <c r="EM7" s="590"/>
      <c r="EN7" s="625"/>
      <c r="EO7" s="601" t="s">
        <v>52</v>
      </c>
      <c r="EP7" s="589" t="s">
        <v>61</v>
      </c>
      <c r="EQ7" s="590"/>
      <c r="ER7" s="591"/>
      <c r="ES7" s="624" t="s">
        <v>62</v>
      </c>
      <c r="ET7" s="590"/>
      <c r="EU7" s="590"/>
      <c r="EV7" s="590"/>
      <c r="EW7" s="590"/>
      <c r="EX7" s="590"/>
      <c r="EY7" s="625"/>
      <c r="EZ7" s="601" t="s">
        <v>52</v>
      </c>
      <c r="FA7" s="589" t="s">
        <v>61</v>
      </c>
      <c r="FB7" s="590"/>
      <c r="FC7" s="591"/>
      <c r="FD7" s="624" t="s">
        <v>62</v>
      </c>
      <c r="FE7" s="590"/>
      <c r="FF7" s="590"/>
      <c r="FG7" s="590"/>
      <c r="FH7" s="590"/>
      <c r="FI7" s="590"/>
      <c r="FJ7" s="625"/>
      <c r="FK7" s="601" t="s">
        <v>52</v>
      </c>
      <c r="FL7" s="581" t="s">
        <v>61</v>
      </c>
      <c r="FM7" s="582"/>
      <c r="FN7" s="583"/>
      <c r="FO7" s="642" t="s">
        <v>62</v>
      </c>
      <c r="FP7" s="582"/>
      <c r="FQ7" s="582"/>
      <c r="FR7" s="582"/>
      <c r="FS7" s="582"/>
      <c r="FT7" s="582"/>
      <c r="FU7" s="643"/>
      <c r="FV7" s="585" t="s">
        <v>52</v>
      </c>
      <c r="FW7" s="589" t="s">
        <v>61</v>
      </c>
      <c r="FX7" s="590"/>
      <c r="FY7" s="591"/>
      <c r="FZ7" s="624" t="s">
        <v>62</v>
      </c>
      <c r="GA7" s="590"/>
      <c r="GB7" s="590"/>
      <c r="GC7" s="590"/>
      <c r="GD7" s="590"/>
      <c r="GE7" s="590"/>
      <c r="GF7" s="625"/>
      <c r="GG7" s="601" t="s">
        <v>52</v>
      </c>
      <c r="GH7" s="600" t="s">
        <v>61</v>
      </c>
      <c r="GI7" s="593"/>
      <c r="GJ7" s="593"/>
      <c r="GK7" s="592" t="s">
        <v>62</v>
      </c>
      <c r="GL7" s="593"/>
      <c r="GM7" s="593"/>
      <c r="GN7" s="593"/>
      <c r="GO7" s="593"/>
      <c r="GP7" s="593"/>
      <c r="GQ7" s="594"/>
      <c r="GR7" s="645" t="s">
        <v>52</v>
      </c>
      <c r="GS7" s="600" t="s">
        <v>61</v>
      </c>
      <c r="GT7" s="593"/>
      <c r="GU7" s="594"/>
      <c r="GV7" s="592" t="s">
        <v>62</v>
      </c>
      <c r="GW7" s="593"/>
      <c r="GX7" s="593"/>
      <c r="GY7" s="593"/>
      <c r="GZ7" s="593"/>
      <c r="HA7" s="593"/>
      <c r="HB7" s="594"/>
      <c r="HC7" s="645" t="s">
        <v>52</v>
      </c>
      <c r="HD7" s="589" t="s">
        <v>61</v>
      </c>
      <c r="HE7" s="590"/>
      <c r="HF7" s="591"/>
      <c r="HG7" s="624" t="s">
        <v>62</v>
      </c>
      <c r="HH7" s="590"/>
      <c r="HI7" s="590"/>
      <c r="HJ7" s="590"/>
      <c r="HK7" s="590"/>
      <c r="HL7" s="590"/>
      <c r="HM7" s="625"/>
      <c r="HN7" s="601" t="s">
        <v>52</v>
      </c>
      <c r="HO7" s="589" t="s">
        <v>61</v>
      </c>
      <c r="HP7" s="590"/>
      <c r="HQ7" s="591"/>
      <c r="HR7" s="624" t="s">
        <v>62</v>
      </c>
      <c r="HS7" s="590"/>
      <c r="HT7" s="590"/>
      <c r="HU7" s="590"/>
      <c r="HV7" s="590"/>
      <c r="HW7" s="590"/>
      <c r="HX7" s="625"/>
      <c r="HY7" s="601" t="s">
        <v>52</v>
      </c>
      <c r="HZ7" s="581" t="s">
        <v>61</v>
      </c>
      <c r="IA7" s="582"/>
      <c r="IB7" s="583"/>
      <c r="IC7" s="642" t="s">
        <v>62</v>
      </c>
      <c r="ID7" s="582"/>
      <c r="IE7" s="582"/>
      <c r="IF7" s="582"/>
      <c r="IG7" s="582"/>
      <c r="IH7" s="582"/>
      <c r="II7" s="643"/>
      <c r="IJ7" s="585" t="s">
        <v>52</v>
      </c>
      <c r="IK7" s="589" t="s">
        <v>61</v>
      </c>
      <c r="IL7" s="590"/>
      <c r="IM7" s="591"/>
      <c r="IN7" s="624" t="s">
        <v>62</v>
      </c>
      <c r="IO7" s="590"/>
      <c r="IP7" s="590"/>
      <c r="IQ7" s="590"/>
      <c r="IR7" s="590"/>
      <c r="IS7" s="590"/>
      <c r="IT7" s="625"/>
      <c r="IU7" s="601" t="s">
        <v>52</v>
      </c>
      <c r="IV7" s="589" t="s">
        <v>61</v>
      </c>
      <c r="IW7" s="590"/>
      <c r="IX7" s="625"/>
      <c r="IY7" s="624" t="s">
        <v>62</v>
      </c>
      <c r="IZ7" s="590"/>
      <c r="JA7" s="590"/>
      <c r="JB7" s="590"/>
      <c r="JC7" s="590"/>
      <c r="JD7" s="590"/>
      <c r="JE7" s="625"/>
      <c r="JF7" s="601" t="s">
        <v>52</v>
      </c>
      <c r="JG7" s="589" t="s">
        <v>61</v>
      </c>
      <c r="JH7" s="590"/>
      <c r="JI7" s="591"/>
      <c r="JJ7" s="624" t="s">
        <v>62</v>
      </c>
      <c r="JK7" s="590"/>
      <c r="JL7" s="590"/>
      <c r="JM7" s="590"/>
      <c r="JN7" s="590"/>
      <c r="JO7" s="590"/>
      <c r="JP7" s="625"/>
      <c r="JQ7" s="648" t="s">
        <v>52</v>
      </c>
      <c r="JR7" s="589" t="s">
        <v>61</v>
      </c>
      <c r="JS7" s="590"/>
      <c r="JT7" s="591"/>
      <c r="JU7" s="624" t="s">
        <v>62</v>
      </c>
      <c r="JV7" s="590"/>
      <c r="JW7" s="590"/>
      <c r="JX7" s="590"/>
      <c r="JY7" s="590"/>
      <c r="JZ7" s="590"/>
      <c r="KA7" s="625"/>
      <c r="KB7" s="648" t="s">
        <v>52</v>
      </c>
      <c r="KC7" s="589" t="s">
        <v>61</v>
      </c>
      <c r="KD7" s="590"/>
      <c r="KE7" s="591"/>
      <c r="KF7" s="624" t="s">
        <v>62</v>
      </c>
      <c r="KG7" s="590"/>
      <c r="KH7" s="590"/>
      <c r="KI7" s="590"/>
      <c r="KJ7" s="590"/>
      <c r="KK7" s="590"/>
      <c r="KL7" s="625"/>
      <c r="KM7" s="648" t="s">
        <v>52</v>
      </c>
      <c r="KN7" s="589" t="s">
        <v>61</v>
      </c>
      <c r="KO7" s="590"/>
      <c r="KP7" s="591"/>
      <c r="KQ7" s="624" t="s">
        <v>62</v>
      </c>
      <c r="KR7" s="590"/>
      <c r="KS7" s="590"/>
      <c r="KT7" s="590"/>
      <c r="KU7" s="590"/>
      <c r="KV7" s="590"/>
      <c r="KW7" s="625"/>
      <c r="KX7" s="648" t="s">
        <v>52</v>
      </c>
      <c r="KY7" s="589" t="s">
        <v>61</v>
      </c>
      <c r="KZ7" s="590"/>
      <c r="LA7" s="591"/>
      <c r="LB7" s="624" t="s">
        <v>62</v>
      </c>
      <c r="LC7" s="590"/>
      <c r="LD7" s="590"/>
      <c r="LE7" s="590"/>
      <c r="LF7" s="590"/>
      <c r="LG7" s="590"/>
      <c r="LH7" s="625"/>
      <c r="LI7" s="648" t="s">
        <v>52</v>
      </c>
      <c r="LJ7" s="589" t="s">
        <v>61</v>
      </c>
      <c r="LK7" s="590"/>
      <c r="LL7" s="591"/>
      <c r="LM7" s="624" t="s">
        <v>62</v>
      </c>
      <c r="LN7" s="590"/>
      <c r="LO7" s="590"/>
      <c r="LP7" s="590"/>
      <c r="LQ7" s="590"/>
      <c r="LR7" s="590"/>
      <c r="LS7" s="625"/>
      <c r="LT7" s="648" t="s">
        <v>52</v>
      </c>
      <c r="LU7" s="589" t="s">
        <v>61</v>
      </c>
      <c r="LV7" s="590"/>
      <c r="LW7" s="591"/>
      <c r="LX7" s="624" t="s">
        <v>62</v>
      </c>
      <c r="LY7" s="590"/>
      <c r="LZ7" s="590"/>
      <c r="MA7" s="590"/>
      <c r="MB7" s="590"/>
      <c r="MC7" s="590"/>
      <c r="MD7" s="625"/>
      <c r="ME7" s="648" t="s">
        <v>52</v>
      </c>
      <c r="MF7" s="581" t="s">
        <v>61</v>
      </c>
      <c r="MG7" s="582"/>
      <c r="MH7" s="583"/>
      <c r="MI7" s="642" t="s">
        <v>62</v>
      </c>
      <c r="MJ7" s="582"/>
      <c r="MK7" s="582"/>
      <c r="ML7" s="582"/>
      <c r="MM7" s="582"/>
      <c r="MN7" s="582"/>
      <c r="MO7" s="643"/>
      <c r="MP7" s="626" t="s">
        <v>52</v>
      </c>
      <c r="MQ7" s="589" t="s">
        <v>61</v>
      </c>
      <c r="MR7" s="590"/>
      <c r="MS7" s="591"/>
      <c r="MT7" s="624" t="s">
        <v>62</v>
      </c>
      <c r="MU7" s="590"/>
      <c r="MV7" s="590"/>
      <c r="MW7" s="590"/>
      <c r="MX7" s="590"/>
      <c r="MY7" s="590"/>
      <c r="MZ7" s="625"/>
      <c r="NA7" s="648" t="s">
        <v>52</v>
      </c>
      <c r="NB7" s="589" t="s">
        <v>61</v>
      </c>
      <c r="NC7" s="590"/>
      <c r="ND7" s="591"/>
      <c r="NE7" s="624" t="s">
        <v>62</v>
      </c>
      <c r="NF7" s="590"/>
      <c r="NG7" s="590"/>
      <c r="NH7" s="590"/>
      <c r="NI7" s="590"/>
      <c r="NJ7" s="590"/>
      <c r="NK7" s="625"/>
      <c r="NL7" s="648" t="s">
        <v>52</v>
      </c>
      <c r="NM7" s="589" t="s">
        <v>61</v>
      </c>
      <c r="NN7" s="590"/>
      <c r="NO7" s="591"/>
      <c r="NP7" s="624" t="s">
        <v>62</v>
      </c>
      <c r="NQ7" s="590"/>
      <c r="NR7" s="590"/>
      <c r="NS7" s="590"/>
      <c r="NT7" s="590"/>
      <c r="NU7" s="590"/>
      <c r="NV7" s="625"/>
      <c r="NW7" s="648" t="s">
        <v>52</v>
      </c>
      <c r="NX7" s="589" t="s">
        <v>61</v>
      </c>
      <c r="NY7" s="590"/>
      <c r="NZ7" s="591"/>
      <c r="OA7" s="624" t="s">
        <v>62</v>
      </c>
      <c r="OB7" s="590"/>
      <c r="OC7" s="590"/>
      <c r="OD7" s="590"/>
      <c r="OE7" s="590"/>
      <c r="OF7" s="590"/>
      <c r="OG7" s="625"/>
      <c r="OH7" s="648" t="s">
        <v>52</v>
      </c>
      <c r="OI7" s="581" t="s">
        <v>61</v>
      </c>
      <c r="OJ7" s="582"/>
      <c r="OK7" s="583"/>
      <c r="OL7" s="642" t="s">
        <v>62</v>
      </c>
      <c r="OM7" s="582"/>
      <c r="ON7" s="582"/>
      <c r="OO7" s="582"/>
      <c r="OP7" s="582"/>
      <c r="OQ7" s="582"/>
      <c r="OR7" s="643"/>
      <c r="OS7" s="626" t="s">
        <v>52</v>
      </c>
    </row>
    <row r="8" spans="1:409" ht="30" customHeight="1" thickBot="1" x14ac:dyDescent="0.25">
      <c r="B8" s="630"/>
      <c r="C8" s="65" t="s">
        <v>43</v>
      </c>
      <c r="D8" s="16" t="s">
        <v>44</v>
      </c>
      <c r="E8" s="41" t="s">
        <v>45</v>
      </c>
      <c r="F8" s="42" t="s">
        <v>83</v>
      </c>
      <c r="G8" s="16" t="s">
        <v>47</v>
      </c>
      <c r="H8" s="16" t="s">
        <v>48</v>
      </c>
      <c r="I8" s="16" t="s">
        <v>49</v>
      </c>
      <c r="J8" s="16" t="s">
        <v>50</v>
      </c>
      <c r="K8" s="16" t="s">
        <v>51</v>
      </c>
      <c r="L8" s="17" t="s">
        <v>45</v>
      </c>
      <c r="M8" s="640"/>
      <c r="N8" s="40" t="s">
        <v>43</v>
      </c>
      <c r="O8" s="16" t="s">
        <v>44</v>
      </c>
      <c r="P8" s="17" t="s">
        <v>45</v>
      </c>
      <c r="Q8" s="42" t="s">
        <v>83</v>
      </c>
      <c r="R8" s="16" t="s">
        <v>47</v>
      </c>
      <c r="S8" s="16" t="s">
        <v>48</v>
      </c>
      <c r="T8" s="16" t="s">
        <v>49</v>
      </c>
      <c r="U8" s="16" t="s">
        <v>50</v>
      </c>
      <c r="V8" s="16" t="s">
        <v>51</v>
      </c>
      <c r="W8" s="17" t="s">
        <v>45</v>
      </c>
      <c r="X8" s="627"/>
      <c r="Y8" s="40" t="s">
        <v>43</v>
      </c>
      <c r="Z8" s="16" t="s">
        <v>44</v>
      </c>
      <c r="AA8" s="17" t="s">
        <v>45</v>
      </c>
      <c r="AB8" s="42" t="s">
        <v>83</v>
      </c>
      <c r="AC8" s="16" t="s">
        <v>47</v>
      </c>
      <c r="AD8" s="16" t="s">
        <v>48</v>
      </c>
      <c r="AE8" s="16" t="s">
        <v>49</v>
      </c>
      <c r="AF8" s="16" t="s">
        <v>50</v>
      </c>
      <c r="AG8" s="16" t="s">
        <v>51</v>
      </c>
      <c r="AH8" s="17" t="s">
        <v>45</v>
      </c>
      <c r="AI8" s="609"/>
      <c r="AJ8" s="40" t="s">
        <v>43</v>
      </c>
      <c r="AK8" s="16" t="s">
        <v>44</v>
      </c>
      <c r="AL8" s="41" t="s">
        <v>45</v>
      </c>
      <c r="AM8" s="42" t="s">
        <v>83</v>
      </c>
      <c r="AN8" s="16" t="s">
        <v>47</v>
      </c>
      <c r="AO8" s="16" t="s">
        <v>48</v>
      </c>
      <c r="AP8" s="16" t="s">
        <v>49</v>
      </c>
      <c r="AQ8" s="16" t="s">
        <v>50</v>
      </c>
      <c r="AR8" s="16" t="s">
        <v>51</v>
      </c>
      <c r="AS8" s="17" t="s">
        <v>45</v>
      </c>
      <c r="AT8" s="609"/>
      <c r="AU8" s="40" t="s">
        <v>43</v>
      </c>
      <c r="AV8" s="16" t="s">
        <v>44</v>
      </c>
      <c r="AW8" s="41" t="s">
        <v>45</v>
      </c>
      <c r="AX8" s="42" t="s">
        <v>83</v>
      </c>
      <c r="AY8" s="16" t="s">
        <v>47</v>
      </c>
      <c r="AZ8" s="16" t="s">
        <v>48</v>
      </c>
      <c r="BA8" s="16" t="s">
        <v>49</v>
      </c>
      <c r="BB8" s="16" t="s">
        <v>50</v>
      </c>
      <c r="BC8" s="16" t="s">
        <v>51</v>
      </c>
      <c r="BD8" s="17" t="s">
        <v>45</v>
      </c>
      <c r="BE8" s="609"/>
      <c r="BF8" s="61" t="s">
        <v>43</v>
      </c>
      <c r="BG8" s="16" t="s">
        <v>44</v>
      </c>
      <c r="BH8" s="41" t="s">
        <v>45</v>
      </c>
      <c r="BI8" s="42" t="s">
        <v>83</v>
      </c>
      <c r="BJ8" s="16" t="s">
        <v>47</v>
      </c>
      <c r="BK8" s="16" t="s">
        <v>48</v>
      </c>
      <c r="BL8" s="16" t="s">
        <v>49</v>
      </c>
      <c r="BM8" s="16" t="s">
        <v>50</v>
      </c>
      <c r="BN8" s="16" t="s">
        <v>51</v>
      </c>
      <c r="BO8" s="17" t="s">
        <v>45</v>
      </c>
      <c r="BP8" s="609"/>
      <c r="BQ8" s="40" t="s">
        <v>43</v>
      </c>
      <c r="BR8" s="16" t="s">
        <v>44</v>
      </c>
      <c r="BS8" s="41" t="s">
        <v>45</v>
      </c>
      <c r="BT8" s="42" t="s">
        <v>83</v>
      </c>
      <c r="BU8" s="16" t="s">
        <v>47</v>
      </c>
      <c r="BV8" s="16" t="s">
        <v>48</v>
      </c>
      <c r="BW8" s="16" t="s">
        <v>49</v>
      </c>
      <c r="BX8" s="16" t="s">
        <v>50</v>
      </c>
      <c r="BY8" s="16" t="s">
        <v>51</v>
      </c>
      <c r="BZ8" s="17" t="s">
        <v>45</v>
      </c>
      <c r="CA8" s="609"/>
      <c r="CB8" s="40" t="s">
        <v>43</v>
      </c>
      <c r="CC8" s="16" t="s">
        <v>44</v>
      </c>
      <c r="CD8" s="41" t="s">
        <v>45</v>
      </c>
      <c r="CE8" s="42" t="s">
        <v>83</v>
      </c>
      <c r="CF8" s="16" t="s">
        <v>47</v>
      </c>
      <c r="CG8" s="16" t="s">
        <v>48</v>
      </c>
      <c r="CH8" s="16" t="s">
        <v>49</v>
      </c>
      <c r="CI8" s="16" t="s">
        <v>50</v>
      </c>
      <c r="CJ8" s="16" t="s">
        <v>51</v>
      </c>
      <c r="CK8" s="17" t="s">
        <v>45</v>
      </c>
      <c r="CL8" s="627"/>
      <c r="CM8" s="40" t="s">
        <v>43</v>
      </c>
      <c r="CN8" s="16" t="s">
        <v>44</v>
      </c>
      <c r="CO8" s="17" t="s">
        <v>45</v>
      </c>
      <c r="CP8" s="42" t="s">
        <v>83</v>
      </c>
      <c r="CQ8" s="16" t="s">
        <v>47</v>
      </c>
      <c r="CR8" s="16" t="s">
        <v>48</v>
      </c>
      <c r="CS8" s="16" t="s">
        <v>49</v>
      </c>
      <c r="CT8" s="16" t="s">
        <v>50</v>
      </c>
      <c r="CU8" s="16" t="s">
        <v>51</v>
      </c>
      <c r="CV8" s="17" t="s">
        <v>45</v>
      </c>
      <c r="CW8" s="627"/>
      <c r="CX8" s="40" t="s">
        <v>43</v>
      </c>
      <c r="CY8" s="16" t="s">
        <v>44</v>
      </c>
      <c r="CZ8" s="17" t="s">
        <v>45</v>
      </c>
      <c r="DA8" s="42" t="s">
        <v>83</v>
      </c>
      <c r="DB8" s="16" t="s">
        <v>47</v>
      </c>
      <c r="DC8" s="16" t="s">
        <v>48</v>
      </c>
      <c r="DD8" s="16" t="s">
        <v>49</v>
      </c>
      <c r="DE8" s="16" t="s">
        <v>50</v>
      </c>
      <c r="DF8" s="16" t="s">
        <v>51</v>
      </c>
      <c r="DG8" s="17" t="s">
        <v>45</v>
      </c>
      <c r="DH8" s="627"/>
      <c r="DI8" s="40" t="s">
        <v>43</v>
      </c>
      <c r="DJ8" s="16" t="s">
        <v>44</v>
      </c>
      <c r="DK8" s="17" t="s">
        <v>45</v>
      </c>
      <c r="DL8" s="42" t="s">
        <v>83</v>
      </c>
      <c r="DM8" s="16" t="s">
        <v>47</v>
      </c>
      <c r="DN8" s="16" t="s">
        <v>48</v>
      </c>
      <c r="DO8" s="16" t="s">
        <v>49</v>
      </c>
      <c r="DP8" s="16" t="s">
        <v>50</v>
      </c>
      <c r="DQ8" s="16" t="s">
        <v>51</v>
      </c>
      <c r="DR8" s="17" t="s">
        <v>45</v>
      </c>
      <c r="DS8" s="627"/>
      <c r="DT8" s="40" t="s">
        <v>43</v>
      </c>
      <c r="DU8" s="16" t="s">
        <v>44</v>
      </c>
      <c r="DV8" s="41" t="s">
        <v>45</v>
      </c>
      <c r="DW8" s="42" t="s">
        <v>83</v>
      </c>
      <c r="DX8" s="16" t="s">
        <v>47</v>
      </c>
      <c r="DY8" s="16" t="s">
        <v>48</v>
      </c>
      <c r="DZ8" s="16" t="s">
        <v>49</v>
      </c>
      <c r="EA8" s="16" t="s">
        <v>50</v>
      </c>
      <c r="EB8" s="16" t="s">
        <v>51</v>
      </c>
      <c r="EC8" s="17" t="s">
        <v>45</v>
      </c>
      <c r="ED8" s="609"/>
      <c r="EE8" s="40" t="s">
        <v>43</v>
      </c>
      <c r="EF8" s="16" t="s">
        <v>44</v>
      </c>
      <c r="EG8" s="41" t="s">
        <v>45</v>
      </c>
      <c r="EH8" s="42" t="s">
        <v>83</v>
      </c>
      <c r="EI8" s="16" t="s">
        <v>47</v>
      </c>
      <c r="EJ8" s="16" t="s">
        <v>48</v>
      </c>
      <c r="EK8" s="16" t="s">
        <v>49</v>
      </c>
      <c r="EL8" s="16" t="s">
        <v>50</v>
      </c>
      <c r="EM8" s="16" t="s">
        <v>51</v>
      </c>
      <c r="EN8" s="17" t="s">
        <v>45</v>
      </c>
      <c r="EO8" s="609"/>
      <c r="EP8" s="40" t="s">
        <v>43</v>
      </c>
      <c r="EQ8" s="16" t="s">
        <v>44</v>
      </c>
      <c r="ER8" s="41" t="s">
        <v>45</v>
      </c>
      <c r="ES8" s="42" t="s">
        <v>83</v>
      </c>
      <c r="ET8" s="16" t="s">
        <v>47</v>
      </c>
      <c r="EU8" s="16" t="s">
        <v>48</v>
      </c>
      <c r="EV8" s="16" t="s">
        <v>49</v>
      </c>
      <c r="EW8" s="16" t="s">
        <v>50</v>
      </c>
      <c r="EX8" s="16" t="s">
        <v>51</v>
      </c>
      <c r="EY8" s="17" t="s">
        <v>45</v>
      </c>
      <c r="EZ8" s="609"/>
      <c r="FA8" s="40" t="s">
        <v>43</v>
      </c>
      <c r="FB8" s="16" t="s">
        <v>44</v>
      </c>
      <c r="FC8" s="41" t="s">
        <v>45</v>
      </c>
      <c r="FD8" s="42" t="s">
        <v>83</v>
      </c>
      <c r="FE8" s="16" t="s">
        <v>47</v>
      </c>
      <c r="FF8" s="16" t="s">
        <v>48</v>
      </c>
      <c r="FG8" s="16" t="s">
        <v>49</v>
      </c>
      <c r="FH8" s="16" t="s">
        <v>50</v>
      </c>
      <c r="FI8" s="16" t="s">
        <v>51</v>
      </c>
      <c r="FJ8" s="17" t="s">
        <v>45</v>
      </c>
      <c r="FK8" s="609"/>
      <c r="FL8" s="40" t="s">
        <v>43</v>
      </c>
      <c r="FM8" s="16" t="s">
        <v>44</v>
      </c>
      <c r="FN8" s="41" t="s">
        <v>45</v>
      </c>
      <c r="FO8" s="42" t="s">
        <v>83</v>
      </c>
      <c r="FP8" s="16" t="s">
        <v>47</v>
      </c>
      <c r="FQ8" s="16" t="s">
        <v>48</v>
      </c>
      <c r="FR8" s="16" t="s">
        <v>49</v>
      </c>
      <c r="FS8" s="16" t="s">
        <v>50</v>
      </c>
      <c r="FT8" s="16" t="s">
        <v>51</v>
      </c>
      <c r="FU8" s="17" t="s">
        <v>45</v>
      </c>
      <c r="FV8" s="647"/>
      <c r="FW8" s="40" t="s">
        <v>43</v>
      </c>
      <c r="FX8" s="16" t="s">
        <v>44</v>
      </c>
      <c r="FY8" s="41" t="s">
        <v>45</v>
      </c>
      <c r="FZ8" s="42" t="s">
        <v>83</v>
      </c>
      <c r="GA8" s="16" t="s">
        <v>47</v>
      </c>
      <c r="GB8" s="16" t="s">
        <v>48</v>
      </c>
      <c r="GC8" s="16" t="s">
        <v>49</v>
      </c>
      <c r="GD8" s="16" t="s">
        <v>50</v>
      </c>
      <c r="GE8" s="16" t="s">
        <v>51</v>
      </c>
      <c r="GF8" s="17" t="s">
        <v>45</v>
      </c>
      <c r="GG8" s="609"/>
      <c r="GH8" s="40" t="s">
        <v>43</v>
      </c>
      <c r="GI8" s="16" t="s">
        <v>44</v>
      </c>
      <c r="GJ8" s="41" t="s">
        <v>45</v>
      </c>
      <c r="GK8" s="42" t="s">
        <v>83</v>
      </c>
      <c r="GL8" s="16" t="s">
        <v>47</v>
      </c>
      <c r="GM8" s="16" t="s">
        <v>48</v>
      </c>
      <c r="GN8" s="16" t="s">
        <v>49</v>
      </c>
      <c r="GO8" s="16" t="s">
        <v>50</v>
      </c>
      <c r="GP8" s="16" t="s">
        <v>51</v>
      </c>
      <c r="GQ8" s="17" t="s">
        <v>45</v>
      </c>
      <c r="GR8" s="646"/>
      <c r="GS8" s="40" t="s">
        <v>43</v>
      </c>
      <c r="GT8" s="16" t="s">
        <v>44</v>
      </c>
      <c r="GU8" s="41" t="s">
        <v>45</v>
      </c>
      <c r="GV8" s="42" t="s">
        <v>83</v>
      </c>
      <c r="GW8" s="16" t="s">
        <v>47</v>
      </c>
      <c r="GX8" s="16" t="s">
        <v>48</v>
      </c>
      <c r="GY8" s="16" t="s">
        <v>49</v>
      </c>
      <c r="GZ8" s="16" t="s">
        <v>50</v>
      </c>
      <c r="HA8" s="16" t="s">
        <v>51</v>
      </c>
      <c r="HB8" s="17" t="s">
        <v>45</v>
      </c>
      <c r="HC8" s="646"/>
      <c r="HD8" s="40" t="s">
        <v>43</v>
      </c>
      <c r="HE8" s="16" t="s">
        <v>44</v>
      </c>
      <c r="HF8" s="41" t="s">
        <v>45</v>
      </c>
      <c r="HG8" s="42" t="s">
        <v>83</v>
      </c>
      <c r="HH8" s="16" t="s">
        <v>47</v>
      </c>
      <c r="HI8" s="16" t="s">
        <v>48</v>
      </c>
      <c r="HJ8" s="16" t="s">
        <v>49</v>
      </c>
      <c r="HK8" s="16" t="s">
        <v>50</v>
      </c>
      <c r="HL8" s="16" t="s">
        <v>51</v>
      </c>
      <c r="HM8" s="17" t="s">
        <v>45</v>
      </c>
      <c r="HN8" s="609"/>
      <c r="HO8" s="40" t="s">
        <v>43</v>
      </c>
      <c r="HP8" s="16" t="s">
        <v>44</v>
      </c>
      <c r="HQ8" s="41" t="s">
        <v>45</v>
      </c>
      <c r="HR8" s="42" t="s">
        <v>83</v>
      </c>
      <c r="HS8" s="16" t="s">
        <v>47</v>
      </c>
      <c r="HT8" s="16" t="s">
        <v>48</v>
      </c>
      <c r="HU8" s="16" t="s">
        <v>49</v>
      </c>
      <c r="HV8" s="16" t="s">
        <v>50</v>
      </c>
      <c r="HW8" s="16" t="s">
        <v>51</v>
      </c>
      <c r="HX8" s="17" t="s">
        <v>45</v>
      </c>
      <c r="HY8" s="609"/>
      <c r="HZ8" s="368" t="s">
        <v>43</v>
      </c>
      <c r="IA8" s="369" t="s">
        <v>44</v>
      </c>
      <c r="IB8" s="41" t="s">
        <v>45</v>
      </c>
      <c r="IC8" s="42" t="s">
        <v>83</v>
      </c>
      <c r="ID8" s="369" t="s">
        <v>47</v>
      </c>
      <c r="IE8" s="369" t="s">
        <v>48</v>
      </c>
      <c r="IF8" s="369" t="s">
        <v>49</v>
      </c>
      <c r="IG8" s="369" t="s">
        <v>50</v>
      </c>
      <c r="IH8" s="369" t="s">
        <v>51</v>
      </c>
      <c r="II8" s="17" t="s">
        <v>45</v>
      </c>
      <c r="IJ8" s="647"/>
      <c r="IK8" s="368" t="s">
        <v>43</v>
      </c>
      <c r="IL8" s="369" t="s">
        <v>44</v>
      </c>
      <c r="IM8" s="41" t="s">
        <v>45</v>
      </c>
      <c r="IN8" s="42" t="s">
        <v>83</v>
      </c>
      <c r="IO8" s="59" t="s">
        <v>47</v>
      </c>
      <c r="IP8" s="59" t="s">
        <v>48</v>
      </c>
      <c r="IQ8" s="59" t="s">
        <v>49</v>
      </c>
      <c r="IR8" s="59" t="s">
        <v>50</v>
      </c>
      <c r="IS8" s="59" t="s">
        <v>51</v>
      </c>
      <c r="IT8" s="64" t="s">
        <v>45</v>
      </c>
      <c r="IU8" s="657"/>
      <c r="IV8" s="61" t="s">
        <v>43</v>
      </c>
      <c r="IW8" s="59" t="s">
        <v>44</v>
      </c>
      <c r="IX8" s="64" t="s">
        <v>45</v>
      </c>
      <c r="IY8" s="33" t="s">
        <v>83</v>
      </c>
      <c r="IZ8" s="59" t="s">
        <v>47</v>
      </c>
      <c r="JA8" s="59" t="s">
        <v>48</v>
      </c>
      <c r="JB8" s="59" t="s">
        <v>49</v>
      </c>
      <c r="JC8" s="59" t="s">
        <v>50</v>
      </c>
      <c r="JD8" s="59" t="s">
        <v>51</v>
      </c>
      <c r="JE8" s="64" t="s">
        <v>45</v>
      </c>
      <c r="JF8" s="657"/>
      <c r="JG8" s="61" t="s">
        <v>43</v>
      </c>
      <c r="JH8" s="59" t="s">
        <v>44</v>
      </c>
      <c r="JI8" s="60" t="s">
        <v>45</v>
      </c>
      <c r="JJ8" s="33" t="s">
        <v>83</v>
      </c>
      <c r="JK8" s="59" t="s">
        <v>47</v>
      </c>
      <c r="JL8" s="59" t="s">
        <v>48</v>
      </c>
      <c r="JM8" s="59" t="s">
        <v>49</v>
      </c>
      <c r="JN8" s="59" t="s">
        <v>50</v>
      </c>
      <c r="JO8" s="59" t="s">
        <v>51</v>
      </c>
      <c r="JP8" s="64" t="s">
        <v>45</v>
      </c>
      <c r="JQ8" s="650"/>
      <c r="JR8" s="61" t="s">
        <v>43</v>
      </c>
      <c r="JS8" s="59" t="s">
        <v>44</v>
      </c>
      <c r="JT8" s="60" t="s">
        <v>45</v>
      </c>
      <c r="JU8" s="33" t="s">
        <v>83</v>
      </c>
      <c r="JV8" s="59" t="s">
        <v>47</v>
      </c>
      <c r="JW8" s="59" t="s">
        <v>48</v>
      </c>
      <c r="JX8" s="59" t="s">
        <v>49</v>
      </c>
      <c r="JY8" s="59" t="s">
        <v>50</v>
      </c>
      <c r="JZ8" s="59" t="s">
        <v>51</v>
      </c>
      <c r="KA8" s="64" t="s">
        <v>45</v>
      </c>
      <c r="KB8" s="650"/>
      <c r="KC8" s="61" t="s">
        <v>43</v>
      </c>
      <c r="KD8" s="59" t="s">
        <v>44</v>
      </c>
      <c r="KE8" s="60" t="s">
        <v>45</v>
      </c>
      <c r="KF8" s="33" t="s">
        <v>83</v>
      </c>
      <c r="KG8" s="59" t="s">
        <v>47</v>
      </c>
      <c r="KH8" s="59" t="s">
        <v>48</v>
      </c>
      <c r="KI8" s="59" t="s">
        <v>49</v>
      </c>
      <c r="KJ8" s="59" t="s">
        <v>50</v>
      </c>
      <c r="KK8" s="59" t="s">
        <v>51</v>
      </c>
      <c r="KL8" s="64" t="s">
        <v>45</v>
      </c>
      <c r="KM8" s="650"/>
      <c r="KN8" s="61" t="s">
        <v>43</v>
      </c>
      <c r="KO8" s="59" t="s">
        <v>44</v>
      </c>
      <c r="KP8" s="60" t="s">
        <v>45</v>
      </c>
      <c r="KQ8" s="42" t="s">
        <v>83</v>
      </c>
      <c r="KR8" s="59" t="s">
        <v>47</v>
      </c>
      <c r="KS8" s="59" t="s">
        <v>48</v>
      </c>
      <c r="KT8" s="59" t="s">
        <v>49</v>
      </c>
      <c r="KU8" s="59" t="s">
        <v>50</v>
      </c>
      <c r="KV8" s="59" t="s">
        <v>51</v>
      </c>
      <c r="KW8" s="64" t="s">
        <v>45</v>
      </c>
      <c r="KX8" s="650"/>
      <c r="KY8" s="61" t="s">
        <v>43</v>
      </c>
      <c r="KZ8" s="59" t="s">
        <v>44</v>
      </c>
      <c r="LA8" s="60" t="s">
        <v>45</v>
      </c>
      <c r="LB8" s="42" t="s">
        <v>83</v>
      </c>
      <c r="LC8" s="59" t="s">
        <v>47</v>
      </c>
      <c r="LD8" s="59" t="s">
        <v>48</v>
      </c>
      <c r="LE8" s="59" t="s">
        <v>49</v>
      </c>
      <c r="LF8" s="59" t="s">
        <v>50</v>
      </c>
      <c r="LG8" s="59" t="s">
        <v>51</v>
      </c>
      <c r="LH8" s="64" t="s">
        <v>45</v>
      </c>
      <c r="LI8" s="650"/>
      <c r="LJ8" s="61" t="s">
        <v>43</v>
      </c>
      <c r="LK8" s="59" t="s">
        <v>44</v>
      </c>
      <c r="LL8" s="60" t="s">
        <v>45</v>
      </c>
      <c r="LM8" s="42" t="s">
        <v>83</v>
      </c>
      <c r="LN8" s="59" t="s">
        <v>47</v>
      </c>
      <c r="LO8" s="59" t="s">
        <v>48</v>
      </c>
      <c r="LP8" s="59" t="s">
        <v>49</v>
      </c>
      <c r="LQ8" s="59" t="s">
        <v>50</v>
      </c>
      <c r="LR8" s="59" t="s">
        <v>51</v>
      </c>
      <c r="LS8" s="64" t="s">
        <v>45</v>
      </c>
      <c r="LT8" s="650"/>
      <c r="LU8" s="61" t="s">
        <v>43</v>
      </c>
      <c r="LV8" s="59" t="s">
        <v>44</v>
      </c>
      <c r="LW8" s="60" t="s">
        <v>45</v>
      </c>
      <c r="LX8" s="42" t="s">
        <v>83</v>
      </c>
      <c r="LY8" s="59" t="s">
        <v>47</v>
      </c>
      <c r="LZ8" s="59" t="s">
        <v>48</v>
      </c>
      <c r="MA8" s="59" t="s">
        <v>49</v>
      </c>
      <c r="MB8" s="59" t="s">
        <v>50</v>
      </c>
      <c r="MC8" s="59" t="s">
        <v>51</v>
      </c>
      <c r="MD8" s="64" t="s">
        <v>45</v>
      </c>
      <c r="ME8" s="650"/>
      <c r="MF8" s="61" t="s">
        <v>43</v>
      </c>
      <c r="MG8" s="59" t="s">
        <v>44</v>
      </c>
      <c r="MH8" s="60" t="s">
        <v>45</v>
      </c>
      <c r="MI8" s="42" t="s">
        <v>83</v>
      </c>
      <c r="MJ8" s="59" t="s">
        <v>47</v>
      </c>
      <c r="MK8" s="59" t="s">
        <v>48</v>
      </c>
      <c r="ML8" s="59" t="s">
        <v>49</v>
      </c>
      <c r="MM8" s="59" t="s">
        <v>50</v>
      </c>
      <c r="MN8" s="59" t="s">
        <v>51</v>
      </c>
      <c r="MO8" s="64" t="s">
        <v>45</v>
      </c>
      <c r="MP8" s="650"/>
      <c r="MQ8" s="61" t="s">
        <v>43</v>
      </c>
      <c r="MR8" s="59" t="s">
        <v>44</v>
      </c>
      <c r="MS8" s="60" t="s">
        <v>45</v>
      </c>
      <c r="MT8" s="42" t="s">
        <v>83</v>
      </c>
      <c r="MU8" s="59" t="s">
        <v>47</v>
      </c>
      <c r="MV8" s="59" t="s">
        <v>48</v>
      </c>
      <c r="MW8" s="59" t="s">
        <v>49</v>
      </c>
      <c r="MX8" s="59" t="s">
        <v>50</v>
      </c>
      <c r="MY8" s="59" t="s">
        <v>51</v>
      </c>
      <c r="MZ8" s="64" t="s">
        <v>45</v>
      </c>
      <c r="NA8" s="650"/>
      <c r="NB8" s="61" t="s">
        <v>43</v>
      </c>
      <c r="NC8" s="59" t="s">
        <v>44</v>
      </c>
      <c r="ND8" s="60" t="s">
        <v>45</v>
      </c>
      <c r="NE8" s="42" t="s">
        <v>83</v>
      </c>
      <c r="NF8" s="59" t="s">
        <v>47</v>
      </c>
      <c r="NG8" s="59" t="s">
        <v>48</v>
      </c>
      <c r="NH8" s="59" t="s">
        <v>49</v>
      </c>
      <c r="NI8" s="59" t="s">
        <v>50</v>
      </c>
      <c r="NJ8" s="59" t="s">
        <v>51</v>
      </c>
      <c r="NK8" s="64" t="s">
        <v>45</v>
      </c>
      <c r="NL8" s="650"/>
      <c r="NM8" s="61" t="s">
        <v>43</v>
      </c>
      <c r="NN8" s="59" t="s">
        <v>44</v>
      </c>
      <c r="NO8" s="60" t="s">
        <v>45</v>
      </c>
      <c r="NP8" s="42" t="s">
        <v>83</v>
      </c>
      <c r="NQ8" s="59" t="s">
        <v>47</v>
      </c>
      <c r="NR8" s="59" t="s">
        <v>48</v>
      </c>
      <c r="NS8" s="59" t="s">
        <v>49</v>
      </c>
      <c r="NT8" s="59" t="s">
        <v>50</v>
      </c>
      <c r="NU8" s="59" t="s">
        <v>51</v>
      </c>
      <c r="NV8" s="64" t="s">
        <v>45</v>
      </c>
      <c r="NW8" s="650"/>
      <c r="NX8" s="61" t="s">
        <v>43</v>
      </c>
      <c r="NY8" s="59" t="s">
        <v>44</v>
      </c>
      <c r="NZ8" s="60" t="s">
        <v>45</v>
      </c>
      <c r="OA8" s="42" t="s">
        <v>83</v>
      </c>
      <c r="OB8" s="59" t="s">
        <v>47</v>
      </c>
      <c r="OC8" s="59" t="s">
        <v>48</v>
      </c>
      <c r="OD8" s="59" t="s">
        <v>49</v>
      </c>
      <c r="OE8" s="59" t="s">
        <v>50</v>
      </c>
      <c r="OF8" s="59" t="s">
        <v>51</v>
      </c>
      <c r="OG8" s="64" t="s">
        <v>45</v>
      </c>
      <c r="OH8" s="650"/>
      <c r="OI8" s="61" t="s">
        <v>43</v>
      </c>
      <c r="OJ8" s="59" t="s">
        <v>44</v>
      </c>
      <c r="OK8" s="60" t="s">
        <v>45</v>
      </c>
      <c r="OL8" s="33" t="s">
        <v>83</v>
      </c>
      <c r="OM8" s="59" t="s">
        <v>47</v>
      </c>
      <c r="ON8" s="59" t="s">
        <v>48</v>
      </c>
      <c r="OO8" s="59" t="s">
        <v>49</v>
      </c>
      <c r="OP8" s="59" t="s">
        <v>50</v>
      </c>
      <c r="OQ8" s="59" t="s">
        <v>51</v>
      </c>
      <c r="OR8" s="64" t="s">
        <v>45</v>
      </c>
      <c r="OS8" s="650"/>
    </row>
    <row r="9" spans="1:409" s="430" customFormat="1" ht="21" customHeight="1" x14ac:dyDescent="0.2">
      <c r="A9" s="44"/>
      <c r="B9" s="386" t="s">
        <v>4</v>
      </c>
      <c r="C9" s="387">
        <v>396151463</v>
      </c>
      <c r="D9" s="388">
        <v>802670794</v>
      </c>
      <c r="E9" s="389">
        <v>1198822257</v>
      </c>
      <c r="F9" s="390">
        <v>0</v>
      </c>
      <c r="G9" s="388">
        <v>5071926145</v>
      </c>
      <c r="H9" s="388">
        <v>6821916599</v>
      </c>
      <c r="I9" s="388">
        <v>5798062770</v>
      </c>
      <c r="J9" s="388">
        <v>5586845307</v>
      </c>
      <c r="K9" s="388">
        <v>4249281473</v>
      </c>
      <c r="L9" s="391">
        <v>27528032294</v>
      </c>
      <c r="M9" s="392">
        <v>28726854551</v>
      </c>
      <c r="N9" s="387">
        <v>91870101</v>
      </c>
      <c r="O9" s="388">
        <v>233256791</v>
      </c>
      <c r="P9" s="393">
        <v>325126892</v>
      </c>
      <c r="Q9" s="387">
        <v>0</v>
      </c>
      <c r="R9" s="388">
        <v>1443528556</v>
      </c>
      <c r="S9" s="388">
        <v>2216993900</v>
      </c>
      <c r="T9" s="388">
        <v>1911587121</v>
      </c>
      <c r="U9" s="388">
        <v>2133409305</v>
      </c>
      <c r="V9" s="388">
        <v>2173629306</v>
      </c>
      <c r="W9" s="393">
        <v>9879148188</v>
      </c>
      <c r="X9" s="392">
        <v>10204275080</v>
      </c>
      <c r="Y9" s="387">
        <v>0</v>
      </c>
      <c r="Z9" s="388">
        <v>0</v>
      </c>
      <c r="AA9" s="393">
        <v>0</v>
      </c>
      <c r="AB9" s="394">
        <v>0</v>
      </c>
      <c r="AC9" s="395">
        <v>699709924</v>
      </c>
      <c r="AD9" s="395">
        <v>1118526611</v>
      </c>
      <c r="AE9" s="395">
        <v>1081426366</v>
      </c>
      <c r="AF9" s="395">
        <v>1246989150</v>
      </c>
      <c r="AG9" s="395">
        <v>1278773031</v>
      </c>
      <c r="AH9" s="393">
        <v>5425425082</v>
      </c>
      <c r="AI9" s="392">
        <v>5425425082</v>
      </c>
      <c r="AJ9" s="396">
        <v>65215</v>
      </c>
      <c r="AK9" s="395">
        <v>682900</v>
      </c>
      <c r="AL9" s="393">
        <v>748115</v>
      </c>
      <c r="AM9" s="394">
        <v>0</v>
      </c>
      <c r="AN9" s="395">
        <v>6046623</v>
      </c>
      <c r="AO9" s="391">
        <v>27907444</v>
      </c>
      <c r="AP9" s="395">
        <v>50830196</v>
      </c>
      <c r="AQ9" s="395">
        <v>123831384</v>
      </c>
      <c r="AR9" s="395">
        <v>241315737</v>
      </c>
      <c r="AS9" s="393">
        <v>449931384</v>
      </c>
      <c r="AT9" s="392">
        <v>450679499</v>
      </c>
      <c r="AU9" s="396">
        <v>50368329</v>
      </c>
      <c r="AV9" s="395">
        <v>164152056</v>
      </c>
      <c r="AW9" s="393">
        <v>214520385</v>
      </c>
      <c r="AX9" s="394">
        <v>0</v>
      </c>
      <c r="AY9" s="395">
        <v>455500239</v>
      </c>
      <c r="AZ9" s="395">
        <v>710443274</v>
      </c>
      <c r="BA9" s="395">
        <v>466997870</v>
      </c>
      <c r="BB9" s="395">
        <v>450187729</v>
      </c>
      <c r="BC9" s="395">
        <v>421803065</v>
      </c>
      <c r="BD9" s="393">
        <v>2504932177</v>
      </c>
      <c r="BE9" s="397">
        <v>2719452562</v>
      </c>
      <c r="BF9" s="396">
        <v>6042437</v>
      </c>
      <c r="BG9" s="391">
        <v>24773420</v>
      </c>
      <c r="BH9" s="398">
        <v>30815857</v>
      </c>
      <c r="BI9" s="394">
        <v>0</v>
      </c>
      <c r="BJ9" s="395">
        <v>38022858</v>
      </c>
      <c r="BK9" s="395">
        <v>63550852</v>
      </c>
      <c r="BL9" s="395">
        <v>42703641</v>
      </c>
      <c r="BM9" s="395">
        <v>40003043</v>
      </c>
      <c r="BN9" s="395">
        <v>23708260</v>
      </c>
      <c r="BO9" s="393">
        <v>207988654</v>
      </c>
      <c r="BP9" s="392">
        <v>238804511</v>
      </c>
      <c r="BQ9" s="396">
        <v>35394120</v>
      </c>
      <c r="BR9" s="395">
        <v>43648415</v>
      </c>
      <c r="BS9" s="393">
        <v>79042535</v>
      </c>
      <c r="BT9" s="394">
        <v>0</v>
      </c>
      <c r="BU9" s="395">
        <v>244248912</v>
      </c>
      <c r="BV9" s="395">
        <v>296565719</v>
      </c>
      <c r="BW9" s="395">
        <v>269629048</v>
      </c>
      <c r="BX9" s="395">
        <v>272397999</v>
      </c>
      <c r="BY9" s="395">
        <v>208029213</v>
      </c>
      <c r="BZ9" s="393">
        <v>1290870891</v>
      </c>
      <c r="CA9" s="392">
        <v>1369913426</v>
      </c>
      <c r="CB9" s="396">
        <v>37664859</v>
      </c>
      <c r="CC9" s="395">
        <v>109518827</v>
      </c>
      <c r="CD9" s="393">
        <v>147183686</v>
      </c>
      <c r="CE9" s="394">
        <v>0</v>
      </c>
      <c r="CF9" s="395">
        <v>1373008127</v>
      </c>
      <c r="CG9" s="395">
        <v>1770094522</v>
      </c>
      <c r="CH9" s="399">
        <v>1294688406</v>
      </c>
      <c r="CI9" s="395">
        <v>895228481</v>
      </c>
      <c r="CJ9" s="395">
        <v>450670501</v>
      </c>
      <c r="CK9" s="393">
        <v>5783690037</v>
      </c>
      <c r="CL9" s="392">
        <v>5930873723</v>
      </c>
      <c r="CM9" s="387">
        <v>0</v>
      </c>
      <c r="CN9" s="388">
        <v>11422</v>
      </c>
      <c r="CO9" s="393">
        <v>11422</v>
      </c>
      <c r="CP9" s="394">
        <v>0</v>
      </c>
      <c r="CQ9" s="395">
        <v>1158822719</v>
      </c>
      <c r="CR9" s="395">
        <v>1374747858</v>
      </c>
      <c r="CS9" s="395">
        <v>1008890964</v>
      </c>
      <c r="CT9" s="395">
        <v>681409628</v>
      </c>
      <c r="CU9" s="395">
        <v>364346389</v>
      </c>
      <c r="CV9" s="400">
        <v>4588217558</v>
      </c>
      <c r="CW9" s="392">
        <v>4588228980</v>
      </c>
      <c r="CX9" s="396">
        <v>37664859</v>
      </c>
      <c r="CY9" s="395">
        <v>109507405</v>
      </c>
      <c r="CZ9" s="393">
        <v>147172264</v>
      </c>
      <c r="DA9" s="394">
        <v>0</v>
      </c>
      <c r="DB9" s="395">
        <v>214185408</v>
      </c>
      <c r="DC9" s="395">
        <v>395346664</v>
      </c>
      <c r="DD9" s="395">
        <v>285797442</v>
      </c>
      <c r="DE9" s="395">
        <v>213818853</v>
      </c>
      <c r="DF9" s="395">
        <v>86324112</v>
      </c>
      <c r="DG9" s="393">
        <v>1195472479</v>
      </c>
      <c r="DH9" s="392">
        <v>1342644743</v>
      </c>
      <c r="DI9" s="396">
        <v>1406963</v>
      </c>
      <c r="DJ9" s="395">
        <v>8864813</v>
      </c>
      <c r="DK9" s="398">
        <v>10271776</v>
      </c>
      <c r="DL9" s="394">
        <v>0</v>
      </c>
      <c r="DM9" s="395">
        <v>126043824</v>
      </c>
      <c r="DN9" s="395">
        <v>273198923</v>
      </c>
      <c r="DO9" s="395">
        <v>535078939</v>
      </c>
      <c r="DP9" s="395">
        <v>442379676</v>
      </c>
      <c r="DQ9" s="395">
        <v>258617974</v>
      </c>
      <c r="DR9" s="401">
        <v>1635319336</v>
      </c>
      <c r="DS9" s="392">
        <v>1645591112</v>
      </c>
      <c r="DT9" s="396">
        <v>1371585</v>
      </c>
      <c r="DU9" s="395">
        <v>7816226</v>
      </c>
      <c r="DV9" s="393">
        <v>9187811</v>
      </c>
      <c r="DW9" s="394">
        <v>0</v>
      </c>
      <c r="DX9" s="395">
        <v>113896545</v>
      </c>
      <c r="DY9" s="395">
        <v>240689681</v>
      </c>
      <c r="DZ9" s="395">
        <v>485805777</v>
      </c>
      <c r="EA9" s="395">
        <v>390412102</v>
      </c>
      <c r="EB9" s="395">
        <v>223953504</v>
      </c>
      <c r="EC9" s="393">
        <v>1454757609</v>
      </c>
      <c r="ED9" s="392">
        <v>1463945420</v>
      </c>
      <c r="EE9" s="396">
        <v>35378</v>
      </c>
      <c r="EF9" s="391">
        <v>1048587</v>
      </c>
      <c r="EG9" s="393">
        <v>1083965</v>
      </c>
      <c r="EH9" s="397">
        <v>0</v>
      </c>
      <c r="EI9" s="395">
        <v>12147279</v>
      </c>
      <c r="EJ9" s="395">
        <v>32509242</v>
      </c>
      <c r="EK9" s="395">
        <v>49202362</v>
      </c>
      <c r="EL9" s="395">
        <v>51967574</v>
      </c>
      <c r="EM9" s="399">
        <v>34664470</v>
      </c>
      <c r="EN9" s="391">
        <v>180490927</v>
      </c>
      <c r="EO9" s="392">
        <v>181574892</v>
      </c>
      <c r="EP9" s="396">
        <v>0</v>
      </c>
      <c r="EQ9" s="395">
        <v>0</v>
      </c>
      <c r="ER9" s="391">
        <v>0</v>
      </c>
      <c r="ES9" s="394">
        <v>0</v>
      </c>
      <c r="ET9" s="395">
        <v>0</v>
      </c>
      <c r="EU9" s="395">
        <v>0</v>
      </c>
      <c r="EV9" s="395">
        <v>0</v>
      </c>
      <c r="EW9" s="395">
        <v>0</v>
      </c>
      <c r="EX9" s="395">
        <v>0</v>
      </c>
      <c r="EY9" s="400">
        <v>0</v>
      </c>
      <c r="EZ9" s="392">
        <v>0</v>
      </c>
      <c r="FA9" s="396">
        <v>0</v>
      </c>
      <c r="FB9" s="395">
        <v>0</v>
      </c>
      <c r="FC9" s="391">
        <v>0</v>
      </c>
      <c r="FD9" s="402"/>
      <c r="FE9" s="395">
        <v>0</v>
      </c>
      <c r="FF9" s="395">
        <v>0</v>
      </c>
      <c r="FG9" s="395">
        <v>70800</v>
      </c>
      <c r="FH9" s="395">
        <v>0</v>
      </c>
      <c r="FI9" s="395">
        <v>0</v>
      </c>
      <c r="FJ9" s="400">
        <v>70800</v>
      </c>
      <c r="FK9" s="392">
        <v>70800</v>
      </c>
      <c r="FL9" s="396">
        <v>92127385</v>
      </c>
      <c r="FM9" s="395">
        <v>186432672</v>
      </c>
      <c r="FN9" s="393">
        <v>278560057</v>
      </c>
      <c r="FO9" s="394">
        <v>0</v>
      </c>
      <c r="FP9" s="395">
        <v>249032916</v>
      </c>
      <c r="FQ9" s="395">
        <v>630674390</v>
      </c>
      <c r="FR9" s="395">
        <v>455471819</v>
      </c>
      <c r="FS9" s="395">
        <v>419109252</v>
      </c>
      <c r="FT9" s="395">
        <v>309508897</v>
      </c>
      <c r="FU9" s="393">
        <v>2063797274</v>
      </c>
      <c r="FV9" s="392">
        <v>2342357331</v>
      </c>
      <c r="FW9" s="396">
        <v>51839441</v>
      </c>
      <c r="FX9" s="395">
        <v>142155879</v>
      </c>
      <c r="FY9" s="391">
        <v>193995320</v>
      </c>
      <c r="FZ9" s="397">
        <v>0</v>
      </c>
      <c r="GA9" s="395">
        <v>198758376</v>
      </c>
      <c r="GB9" s="403">
        <v>581325722</v>
      </c>
      <c r="GC9" s="395">
        <v>423871108</v>
      </c>
      <c r="GD9" s="403">
        <v>395380034</v>
      </c>
      <c r="GE9" s="395">
        <v>297479058</v>
      </c>
      <c r="GF9" s="400">
        <v>1896814298</v>
      </c>
      <c r="GG9" s="404">
        <v>2090809618</v>
      </c>
      <c r="GH9" s="405">
        <v>5816522</v>
      </c>
      <c r="GI9" s="395">
        <v>10141357</v>
      </c>
      <c r="GJ9" s="403">
        <v>15957879</v>
      </c>
      <c r="GK9" s="390">
        <v>0</v>
      </c>
      <c r="GL9" s="395">
        <v>14201044</v>
      </c>
      <c r="GM9" s="391">
        <v>15929791</v>
      </c>
      <c r="GN9" s="395">
        <v>11792223</v>
      </c>
      <c r="GO9" s="391">
        <v>10475493</v>
      </c>
      <c r="GP9" s="395">
        <v>5373050</v>
      </c>
      <c r="GQ9" s="401">
        <v>57771601</v>
      </c>
      <c r="GR9" s="392">
        <v>73729480</v>
      </c>
      <c r="GS9" s="391">
        <v>34471422</v>
      </c>
      <c r="GT9" s="395">
        <v>34135436</v>
      </c>
      <c r="GU9" s="393">
        <v>68606858</v>
      </c>
      <c r="GV9" s="391">
        <v>0</v>
      </c>
      <c r="GW9" s="395">
        <v>36073496</v>
      </c>
      <c r="GX9" s="391">
        <v>33418877</v>
      </c>
      <c r="GY9" s="395">
        <v>19808488</v>
      </c>
      <c r="GZ9" s="391">
        <v>13253725</v>
      </c>
      <c r="HA9" s="395">
        <v>6656789</v>
      </c>
      <c r="HB9" s="391">
        <v>109211375</v>
      </c>
      <c r="HC9" s="392">
        <v>177818233</v>
      </c>
      <c r="HD9" s="391">
        <v>103213079</v>
      </c>
      <c r="HE9" s="395">
        <v>127874317</v>
      </c>
      <c r="HF9" s="391">
        <v>231087396</v>
      </c>
      <c r="HG9" s="397">
        <v>0</v>
      </c>
      <c r="HH9" s="395">
        <v>1032035273</v>
      </c>
      <c r="HI9" s="403">
        <v>1037179696</v>
      </c>
      <c r="HJ9" s="395">
        <v>1007609602</v>
      </c>
      <c r="HK9" s="403">
        <v>1277968430</v>
      </c>
      <c r="HL9" s="395">
        <v>802438715</v>
      </c>
      <c r="HM9" s="400">
        <v>5157231716</v>
      </c>
      <c r="HN9" s="391">
        <v>5388319112</v>
      </c>
      <c r="HO9" s="405">
        <v>69869076</v>
      </c>
      <c r="HP9" s="395">
        <v>136723374</v>
      </c>
      <c r="HQ9" s="400">
        <v>206592450</v>
      </c>
      <c r="HR9" s="391">
        <v>0</v>
      </c>
      <c r="HS9" s="395">
        <v>848277449</v>
      </c>
      <c r="HT9" s="391">
        <v>893775168</v>
      </c>
      <c r="HU9" s="395">
        <v>593626883</v>
      </c>
      <c r="HV9" s="391">
        <v>418750163</v>
      </c>
      <c r="HW9" s="395">
        <v>254416080</v>
      </c>
      <c r="HX9" s="391">
        <v>3008845743</v>
      </c>
      <c r="HY9" s="392">
        <v>3215438193</v>
      </c>
      <c r="HZ9" s="406">
        <v>9213010</v>
      </c>
      <c r="IA9" s="407">
        <v>34879765</v>
      </c>
      <c r="IB9" s="408">
        <v>44092775</v>
      </c>
      <c r="IC9" s="409">
        <v>0</v>
      </c>
      <c r="ID9" s="407">
        <v>1596168617</v>
      </c>
      <c r="IE9" s="410">
        <v>2133530465</v>
      </c>
      <c r="IF9" s="411">
        <v>2313977244</v>
      </c>
      <c r="IG9" s="407">
        <v>1735012856</v>
      </c>
      <c r="IH9" s="411">
        <v>1255005065</v>
      </c>
      <c r="II9" s="412">
        <v>9033694247</v>
      </c>
      <c r="IJ9" s="413">
        <v>9077787022</v>
      </c>
      <c r="IK9" s="414">
        <v>0</v>
      </c>
      <c r="IL9" s="415">
        <v>0</v>
      </c>
      <c r="IM9" s="416">
        <v>0</v>
      </c>
      <c r="IN9" s="417"/>
      <c r="IO9" s="418">
        <v>25997967</v>
      </c>
      <c r="IP9" s="418">
        <v>45755128</v>
      </c>
      <c r="IQ9" s="418">
        <v>66753281</v>
      </c>
      <c r="IR9" s="418">
        <v>96158212</v>
      </c>
      <c r="IS9" s="418">
        <v>106246562</v>
      </c>
      <c r="IT9" s="419">
        <v>340911150</v>
      </c>
      <c r="IU9" s="420">
        <v>340911150</v>
      </c>
      <c r="IV9" s="421">
        <v>0</v>
      </c>
      <c r="IW9" s="418">
        <v>0</v>
      </c>
      <c r="IX9" s="422">
        <v>0</v>
      </c>
      <c r="IY9" s="423"/>
      <c r="IZ9" s="418">
        <v>4095793</v>
      </c>
      <c r="JA9" s="418">
        <v>11100501</v>
      </c>
      <c r="JB9" s="418">
        <v>12350719</v>
      </c>
      <c r="JC9" s="418">
        <v>15381192</v>
      </c>
      <c r="JD9" s="418">
        <v>18455328</v>
      </c>
      <c r="JE9" s="422">
        <v>61383533</v>
      </c>
      <c r="JF9" s="424">
        <v>61383533</v>
      </c>
      <c r="JG9" s="421">
        <v>0</v>
      </c>
      <c r="JH9" s="418">
        <v>134264</v>
      </c>
      <c r="JI9" s="419">
        <v>134264</v>
      </c>
      <c r="JJ9" s="425">
        <v>0</v>
      </c>
      <c r="JK9" s="418">
        <v>594812254</v>
      </c>
      <c r="JL9" s="418">
        <v>703710318</v>
      </c>
      <c r="JM9" s="418">
        <v>554623288</v>
      </c>
      <c r="JN9" s="418">
        <v>346326635</v>
      </c>
      <c r="JO9" s="418">
        <v>178834190</v>
      </c>
      <c r="JP9" s="422">
        <v>2378306685</v>
      </c>
      <c r="JQ9" s="420">
        <v>2378440949</v>
      </c>
      <c r="JR9" s="421">
        <v>317365</v>
      </c>
      <c r="JS9" s="418">
        <v>416943</v>
      </c>
      <c r="JT9" s="419">
        <v>734308</v>
      </c>
      <c r="JU9" s="425">
        <v>0</v>
      </c>
      <c r="JV9" s="418">
        <v>69298012</v>
      </c>
      <c r="JW9" s="418">
        <v>101716010</v>
      </c>
      <c r="JX9" s="418">
        <v>152814027</v>
      </c>
      <c r="JY9" s="418">
        <v>89132442</v>
      </c>
      <c r="JZ9" s="418">
        <v>73949743</v>
      </c>
      <c r="KA9" s="422">
        <v>486910234</v>
      </c>
      <c r="KB9" s="420">
        <v>487644542</v>
      </c>
      <c r="KC9" s="426">
        <v>8895645</v>
      </c>
      <c r="KD9" s="427">
        <v>23867037</v>
      </c>
      <c r="KE9" s="422">
        <v>32762682</v>
      </c>
      <c r="KF9" s="425">
        <v>0</v>
      </c>
      <c r="KG9" s="418">
        <v>186054315</v>
      </c>
      <c r="KH9" s="418">
        <v>302195961</v>
      </c>
      <c r="KI9" s="418">
        <v>362081354</v>
      </c>
      <c r="KJ9" s="418">
        <v>279556661</v>
      </c>
      <c r="KK9" s="418">
        <v>153817631</v>
      </c>
      <c r="KL9" s="422">
        <v>1283705922</v>
      </c>
      <c r="KM9" s="428">
        <v>1316468604</v>
      </c>
      <c r="KN9" s="414">
        <v>0</v>
      </c>
      <c r="KO9" s="415">
        <v>10461521</v>
      </c>
      <c r="KP9" s="416">
        <v>10461521</v>
      </c>
      <c r="KQ9" s="417"/>
      <c r="KR9" s="418">
        <v>675830858</v>
      </c>
      <c r="KS9" s="418">
        <v>884981087</v>
      </c>
      <c r="KT9" s="418">
        <v>998195892</v>
      </c>
      <c r="KU9" s="418">
        <v>678508981</v>
      </c>
      <c r="KV9" s="418">
        <v>478127256</v>
      </c>
      <c r="KW9" s="422">
        <v>3715644074</v>
      </c>
      <c r="KX9" s="420">
        <v>3726105595</v>
      </c>
      <c r="KY9" s="421">
        <v>0</v>
      </c>
      <c r="KZ9" s="418">
        <v>0</v>
      </c>
      <c r="LA9" s="422">
        <v>0</v>
      </c>
      <c r="LB9" s="429"/>
      <c r="LC9" s="418">
        <v>6602966</v>
      </c>
      <c r="LD9" s="418">
        <v>10761522</v>
      </c>
      <c r="LE9" s="418">
        <v>14939983</v>
      </c>
      <c r="LF9" s="418">
        <v>17623035</v>
      </c>
      <c r="LG9" s="418">
        <v>14183602</v>
      </c>
      <c r="LH9" s="422">
        <v>64111108</v>
      </c>
      <c r="LI9" s="424">
        <v>64111108</v>
      </c>
      <c r="LJ9" s="421">
        <v>0</v>
      </c>
      <c r="LK9" s="418">
        <v>0</v>
      </c>
      <c r="LL9" s="422">
        <v>0</v>
      </c>
      <c r="LM9" s="429"/>
      <c r="LN9" s="418">
        <v>2728750</v>
      </c>
      <c r="LO9" s="418">
        <v>8432992</v>
      </c>
      <c r="LP9" s="418">
        <v>62787477</v>
      </c>
      <c r="LQ9" s="418">
        <v>100575773</v>
      </c>
      <c r="LR9" s="418">
        <v>70489284</v>
      </c>
      <c r="LS9" s="422">
        <v>245014276</v>
      </c>
      <c r="LT9" s="420">
        <v>245014276</v>
      </c>
      <c r="LU9" s="421">
        <v>0</v>
      </c>
      <c r="LV9" s="418">
        <v>0</v>
      </c>
      <c r="LW9" s="422">
        <v>0</v>
      </c>
      <c r="LX9" s="429"/>
      <c r="LY9" s="418">
        <v>30747702</v>
      </c>
      <c r="LZ9" s="418">
        <v>64876946</v>
      </c>
      <c r="MA9" s="418">
        <v>89431223</v>
      </c>
      <c r="MB9" s="418">
        <v>111749925</v>
      </c>
      <c r="MC9" s="418">
        <v>160901469</v>
      </c>
      <c r="MD9" s="422">
        <v>457707265</v>
      </c>
      <c r="ME9" s="424">
        <v>457707265</v>
      </c>
      <c r="MF9" s="421">
        <v>0</v>
      </c>
      <c r="MG9" s="418">
        <v>0</v>
      </c>
      <c r="MH9" s="422">
        <v>0</v>
      </c>
      <c r="MI9" s="429"/>
      <c r="MJ9" s="418">
        <v>530921401</v>
      </c>
      <c r="MK9" s="418">
        <v>1352316188</v>
      </c>
      <c r="ML9" s="418">
        <v>4057487242</v>
      </c>
      <c r="MM9" s="418">
        <v>6076584432</v>
      </c>
      <c r="MN9" s="418">
        <v>4407616957</v>
      </c>
      <c r="MO9" s="422">
        <v>16424926220</v>
      </c>
      <c r="MP9" s="428">
        <v>16424926220</v>
      </c>
      <c r="MQ9" s="421">
        <v>0</v>
      </c>
      <c r="MR9" s="418">
        <v>0</v>
      </c>
      <c r="MS9" s="422">
        <v>0</v>
      </c>
      <c r="MT9" s="429"/>
      <c r="MU9" s="418">
        <v>97442762</v>
      </c>
      <c r="MV9" s="418">
        <v>368385819</v>
      </c>
      <c r="MW9" s="418">
        <v>2604005691</v>
      </c>
      <c r="MX9" s="418">
        <v>4128829106</v>
      </c>
      <c r="MY9" s="418">
        <v>3145285676</v>
      </c>
      <c r="MZ9" s="422">
        <v>10343949054</v>
      </c>
      <c r="NA9" s="428">
        <v>10343949054</v>
      </c>
      <c r="NB9" s="421">
        <v>0</v>
      </c>
      <c r="NC9" s="418">
        <v>0</v>
      </c>
      <c r="ND9" s="422">
        <v>0</v>
      </c>
      <c r="NE9" s="429"/>
      <c r="NF9" s="418">
        <v>430746893</v>
      </c>
      <c r="NG9" s="418">
        <v>976477489</v>
      </c>
      <c r="NH9" s="418">
        <v>1431242599</v>
      </c>
      <c r="NI9" s="418">
        <v>1777794963</v>
      </c>
      <c r="NJ9" s="418">
        <v>1005035718</v>
      </c>
      <c r="NK9" s="422">
        <v>5621297662</v>
      </c>
      <c r="NL9" s="420">
        <v>5621297662</v>
      </c>
      <c r="NM9" s="421">
        <v>0</v>
      </c>
      <c r="NN9" s="418">
        <v>0</v>
      </c>
      <c r="NO9" s="422">
        <v>0</v>
      </c>
      <c r="NP9" s="429"/>
      <c r="NQ9" s="418">
        <v>0</v>
      </c>
      <c r="NR9" s="418">
        <v>163178</v>
      </c>
      <c r="NS9" s="418">
        <v>3508538</v>
      </c>
      <c r="NT9" s="418">
        <v>51358146</v>
      </c>
      <c r="NU9" s="418">
        <v>84603677</v>
      </c>
      <c r="NV9" s="422">
        <v>139633539</v>
      </c>
      <c r="NW9" s="424">
        <v>139633539</v>
      </c>
      <c r="NX9" s="421">
        <v>0</v>
      </c>
      <c r="NY9" s="418">
        <v>0</v>
      </c>
      <c r="NZ9" s="422">
        <v>0</v>
      </c>
      <c r="OA9" s="429"/>
      <c r="OB9" s="418">
        <v>2731746</v>
      </c>
      <c r="OC9" s="418">
        <v>7289702</v>
      </c>
      <c r="OD9" s="418">
        <v>18730414</v>
      </c>
      <c r="OE9" s="418">
        <v>118602217</v>
      </c>
      <c r="OF9" s="418">
        <v>172691886</v>
      </c>
      <c r="OG9" s="422">
        <v>320045965</v>
      </c>
      <c r="OH9" s="424">
        <v>320045965</v>
      </c>
      <c r="OI9" s="421">
        <v>405364473</v>
      </c>
      <c r="OJ9" s="418">
        <v>837550559</v>
      </c>
      <c r="OK9" s="419">
        <v>1242915032</v>
      </c>
      <c r="OL9" s="425">
        <v>0</v>
      </c>
      <c r="OM9" s="418">
        <v>7199016163</v>
      </c>
      <c r="ON9" s="418">
        <v>10307763252</v>
      </c>
      <c r="OO9" s="418">
        <v>12169527256</v>
      </c>
      <c r="OP9" s="418">
        <v>13398442595</v>
      </c>
      <c r="OQ9" s="418">
        <v>9911903495</v>
      </c>
      <c r="OR9" s="422">
        <v>52986652761</v>
      </c>
      <c r="OS9" s="428">
        <v>54229567793</v>
      </c>
    </row>
    <row r="10" spans="1:409" s="430" customFormat="1" ht="21" customHeight="1" x14ac:dyDescent="0.2">
      <c r="A10" s="44"/>
      <c r="B10" s="431" t="s">
        <v>5</v>
      </c>
      <c r="C10" s="432">
        <v>161662492</v>
      </c>
      <c r="D10" s="433">
        <v>373332077</v>
      </c>
      <c r="E10" s="434">
        <v>534994569</v>
      </c>
      <c r="F10" s="435">
        <v>0</v>
      </c>
      <c r="G10" s="433">
        <v>1779737560</v>
      </c>
      <c r="H10" s="433">
        <v>3069593246</v>
      </c>
      <c r="I10" s="433">
        <v>2375660390</v>
      </c>
      <c r="J10" s="433">
        <v>2254567683</v>
      </c>
      <c r="K10" s="433">
        <v>1738615824</v>
      </c>
      <c r="L10" s="435">
        <v>11218174703</v>
      </c>
      <c r="M10" s="436">
        <v>11753169272</v>
      </c>
      <c r="N10" s="432">
        <v>40211378</v>
      </c>
      <c r="O10" s="433">
        <v>122523047</v>
      </c>
      <c r="P10" s="434">
        <v>162734425</v>
      </c>
      <c r="Q10" s="432">
        <v>0</v>
      </c>
      <c r="R10" s="433">
        <v>528779579</v>
      </c>
      <c r="S10" s="433">
        <v>1044838428</v>
      </c>
      <c r="T10" s="433">
        <v>794120233</v>
      </c>
      <c r="U10" s="433">
        <v>846202011</v>
      </c>
      <c r="V10" s="433">
        <v>889783953</v>
      </c>
      <c r="W10" s="434">
        <v>4103724204</v>
      </c>
      <c r="X10" s="436">
        <v>4266458629</v>
      </c>
      <c r="Y10" s="432">
        <v>0</v>
      </c>
      <c r="Z10" s="433">
        <v>0</v>
      </c>
      <c r="AA10" s="434">
        <v>0</v>
      </c>
      <c r="AB10" s="432">
        <v>0</v>
      </c>
      <c r="AC10" s="433">
        <v>247475457</v>
      </c>
      <c r="AD10" s="433">
        <v>505207700</v>
      </c>
      <c r="AE10" s="433">
        <v>415648103</v>
      </c>
      <c r="AF10" s="433">
        <v>458440119</v>
      </c>
      <c r="AG10" s="433">
        <v>495143339</v>
      </c>
      <c r="AH10" s="434">
        <v>2121914718</v>
      </c>
      <c r="AI10" s="436">
        <v>2121914718</v>
      </c>
      <c r="AJ10" s="432">
        <v>42685</v>
      </c>
      <c r="AK10" s="433">
        <v>145919</v>
      </c>
      <c r="AL10" s="434">
        <v>188604</v>
      </c>
      <c r="AM10" s="432">
        <v>0</v>
      </c>
      <c r="AN10" s="433">
        <v>1253530</v>
      </c>
      <c r="AO10" s="433">
        <v>10778202</v>
      </c>
      <c r="AP10" s="433">
        <v>20313045</v>
      </c>
      <c r="AQ10" s="433">
        <v>50088285</v>
      </c>
      <c r="AR10" s="433">
        <v>107170859</v>
      </c>
      <c r="AS10" s="434">
        <v>189603921</v>
      </c>
      <c r="AT10" s="436">
        <v>189792525</v>
      </c>
      <c r="AU10" s="432">
        <v>22691450</v>
      </c>
      <c r="AV10" s="433">
        <v>87557142</v>
      </c>
      <c r="AW10" s="434">
        <v>110248592</v>
      </c>
      <c r="AX10" s="432">
        <v>0</v>
      </c>
      <c r="AY10" s="433">
        <v>176178226</v>
      </c>
      <c r="AZ10" s="433">
        <v>371805775</v>
      </c>
      <c r="BA10" s="433">
        <v>229385980</v>
      </c>
      <c r="BB10" s="433">
        <v>206975796</v>
      </c>
      <c r="BC10" s="433">
        <v>192628030</v>
      </c>
      <c r="BD10" s="434">
        <v>1176973807</v>
      </c>
      <c r="BE10" s="436">
        <v>1287222399</v>
      </c>
      <c r="BF10" s="432">
        <v>2577658</v>
      </c>
      <c r="BG10" s="433">
        <v>12972036</v>
      </c>
      <c r="BH10" s="437">
        <v>15549694</v>
      </c>
      <c r="BI10" s="438">
        <v>0</v>
      </c>
      <c r="BJ10" s="433">
        <v>9616629</v>
      </c>
      <c r="BK10" s="433">
        <v>25669799</v>
      </c>
      <c r="BL10" s="433">
        <v>17362290</v>
      </c>
      <c r="BM10" s="433">
        <v>17413356</v>
      </c>
      <c r="BN10" s="433">
        <v>8579162</v>
      </c>
      <c r="BO10" s="434">
        <v>78641236</v>
      </c>
      <c r="BP10" s="436">
        <v>94190930</v>
      </c>
      <c r="BQ10" s="432">
        <v>14899585</v>
      </c>
      <c r="BR10" s="433">
        <v>21847950</v>
      </c>
      <c r="BS10" s="434">
        <v>36747535</v>
      </c>
      <c r="BT10" s="432">
        <v>0</v>
      </c>
      <c r="BU10" s="433">
        <v>94255737</v>
      </c>
      <c r="BV10" s="433">
        <v>131376952</v>
      </c>
      <c r="BW10" s="433">
        <v>111410815</v>
      </c>
      <c r="BX10" s="433">
        <v>113284455</v>
      </c>
      <c r="BY10" s="433">
        <v>86262563</v>
      </c>
      <c r="BZ10" s="434">
        <v>536590522</v>
      </c>
      <c r="CA10" s="436">
        <v>573338057</v>
      </c>
      <c r="CB10" s="432">
        <v>16914688</v>
      </c>
      <c r="CC10" s="433">
        <v>50515398</v>
      </c>
      <c r="CD10" s="434">
        <v>67430086</v>
      </c>
      <c r="CE10" s="432">
        <v>0</v>
      </c>
      <c r="CF10" s="433">
        <v>434481762</v>
      </c>
      <c r="CG10" s="433">
        <v>734841364</v>
      </c>
      <c r="CH10" s="433">
        <v>480952541</v>
      </c>
      <c r="CI10" s="433">
        <v>322829161</v>
      </c>
      <c r="CJ10" s="433">
        <v>162893169</v>
      </c>
      <c r="CK10" s="434">
        <v>2135997997</v>
      </c>
      <c r="CL10" s="436">
        <v>2203428083</v>
      </c>
      <c r="CM10" s="432">
        <v>0</v>
      </c>
      <c r="CN10" s="433">
        <v>11422</v>
      </c>
      <c r="CO10" s="434">
        <v>11422</v>
      </c>
      <c r="CP10" s="438">
        <v>0</v>
      </c>
      <c r="CQ10" s="433">
        <v>369491563</v>
      </c>
      <c r="CR10" s="433">
        <v>551670896</v>
      </c>
      <c r="CS10" s="433">
        <v>355617279</v>
      </c>
      <c r="CT10" s="433">
        <v>227236512</v>
      </c>
      <c r="CU10" s="433">
        <v>123001098</v>
      </c>
      <c r="CV10" s="434">
        <v>1627017348</v>
      </c>
      <c r="CW10" s="436">
        <v>1627028770</v>
      </c>
      <c r="CX10" s="432">
        <v>16914688</v>
      </c>
      <c r="CY10" s="433">
        <v>50503976</v>
      </c>
      <c r="CZ10" s="434">
        <v>67418664</v>
      </c>
      <c r="DA10" s="432">
        <v>0</v>
      </c>
      <c r="DB10" s="433">
        <v>64990199</v>
      </c>
      <c r="DC10" s="433">
        <v>183170468</v>
      </c>
      <c r="DD10" s="433">
        <v>125335262</v>
      </c>
      <c r="DE10" s="433">
        <v>95592649</v>
      </c>
      <c r="DF10" s="433">
        <v>39892071</v>
      </c>
      <c r="DG10" s="434">
        <v>508980649</v>
      </c>
      <c r="DH10" s="436">
        <v>576399313</v>
      </c>
      <c r="DI10" s="432">
        <v>441825</v>
      </c>
      <c r="DJ10" s="433">
        <v>4058485</v>
      </c>
      <c r="DK10" s="437">
        <v>4500310</v>
      </c>
      <c r="DL10" s="438">
        <v>0</v>
      </c>
      <c r="DM10" s="433">
        <v>41583793</v>
      </c>
      <c r="DN10" s="433">
        <v>114751661</v>
      </c>
      <c r="DO10" s="433">
        <v>223828774</v>
      </c>
      <c r="DP10" s="433">
        <v>180285100</v>
      </c>
      <c r="DQ10" s="433">
        <v>108758913</v>
      </c>
      <c r="DR10" s="434">
        <v>669208241</v>
      </c>
      <c r="DS10" s="436">
        <v>673708551</v>
      </c>
      <c r="DT10" s="432">
        <v>413509</v>
      </c>
      <c r="DU10" s="433">
        <v>3473283</v>
      </c>
      <c r="DV10" s="434">
        <v>3886792</v>
      </c>
      <c r="DW10" s="432">
        <v>0</v>
      </c>
      <c r="DX10" s="433">
        <v>35405532</v>
      </c>
      <c r="DY10" s="433">
        <v>95183285</v>
      </c>
      <c r="DZ10" s="433">
        <v>194920046</v>
      </c>
      <c r="EA10" s="433">
        <v>149495293</v>
      </c>
      <c r="EB10" s="433">
        <v>86072906</v>
      </c>
      <c r="EC10" s="434">
        <v>561077062</v>
      </c>
      <c r="ED10" s="436">
        <v>564963854</v>
      </c>
      <c r="EE10" s="432">
        <v>28316</v>
      </c>
      <c r="EF10" s="437">
        <v>585202</v>
      </c>
      <c r="EG10" s="434">
        <v>613518</v>
      </c>
      <c r="EH10" s="432">
        <v>0</v>
      </c>
      <c r="EI10" s="433">
        <v>6178261</v>
      </c>
      <c r="EJ10" s="433">
        <v>19568376</v>
      </c>
      <c r="EK10" s="433">
        <v>28908728</v>
      </c>
      <c r="EL10" s="433">
        <v>30789807</v>
      </c>
      <c r="EM10" s="433">
        <v>22686007</v>
      </c>
      <c r="EN10" s="437">
        <v>108131179</v>
      </c>
      <c r="EO10" s="436">
        <v>108744697</v>
      </c>
      <c r="EP10" s="432">
        <v>0</v>
      </c>
      <c r="EQ10" s="433">
        <v>0</v>
      </c>
      <c r="ER10" s="437">
        <v>0</v>
      </c>
      <c r="ES10" s="438">
        <v>0</v>
      </c>
      <c r="ET10" s="433">
        <v>0</v>
      </c>
      <c r="EU10" s="433">
        <v>0</v>
      </c>
      <c r="EV10" s="433">
        <v>0</v>
      </c>
      <c r="EW10" s="433">
        <v>0</v>
      </c>
      <c r="EX10" s="433">
        <v>0</v>
      </c>
      <c r="EY10" s="434">
        <v>0</v>
      </c>
      <c r="EZ10" s="436">
        <v>0</v>
      </c>
      <c r="FA10" s="432">
        <v>0</v>
      </c>
      <c r="FB10" s="433">
        <v>0</v>
      </c>
      <c r="FC10" s="437">
        <v>0</v>
      </c>
      <c r="FD10" s="439"/>
      <c r="FE10" s="433">
        <v>0</v>
      </c>
      <c r="FF10" s="433">
        <v>0</v>
      </c>
      <c r="FG10" s="433">
        <v>0</v>
      </c>
      <c r="FH10" s="433">
        <v>0</v>
      </c>
      <c r="FI10" s="433">
        <v>0</v>
      </c>
      <c r="FJ10" s="434">
        <v>0</v>
      </c>
      <c r="FK10" s="436">
        <v>0</v>
      </c>
      <c r="FL10" s="432">
        <v>32964785</v>
      </c>
      <c r="FM10" s="433">
        <v>78694464</v>
      </c>
      <c r="FN10" s="434">
        <v>111659249</v>
      </c>
      <c r="FO10" s="432">
        <v>0</v>
      </c>
      <c r="FP10" s="433">
        <v>69197682</v>
      </c>
      <c r="FQ10" s="433">
        <v>269654869</v>
      </c>
      <c r="FR10" s="433">
        <v>181823166</v>
      </c>
      <c r="FS10" s="433">
        <v>161112633</v>
      </c>
      <c r="FT10" s="433">
        <v>124261811</v>
      </c>
      <c r="FU10" s="434">
        <v>806050161</v>
      </c>
      <c r="FV10" s="436">
        <v>917709410</v>
      </c>
      <c r="FW10" s="440">
        <v>16505368</v>
      </c>
      <c r="FX10" s="433">
        <v>58583238</v>
      </c>
      <c r="FY10" s="437">
        <v>75088606</v>
      </c>
      <c r="FZ10" s="438">
        <v>0</v>
      </c>
      <c r="GA10" s="433">
        <v>52612854</v>
      </c>
      <c r="GB10" s="433">
        <v>249849484</v>
      </c>
      <c r="GC10" s="433">
        <v>168832542</v>
      </c>
      <c r="GD10" s="433">
        <v>151318249</v>
      </c>
      <c r="GE10" s="433">
        <v>120355007</v>
      </c>
      <c r="GF10" s="434">
        <v>742968136</v>
      </c>
      <c r="GG10" s="441">
        <v>818056742</v>
      </c>
      <c r="GH10" s="440">
        <v>1804586</v>
      </c>
      <c r="GI10" s="433">
        <v>4674637</v>
      </c>
      <c r="GJ10" s="437">
        <v>6479223</v>
      </c>
      <c r="GK10" s="438">
        <v>0</v>
      </c>
      <c r="GL10" s="433">
        <v>4180656</v>
      </c>
      <c r="GM10" s="433">
        <v>6463203</v>
      </c>
      <c r="GN10" s="433">
        <v>5280809</v>
      </c>
      <c r="GO10" s="433">
        <v>4525664</v>
      </c>
      <c r="GP10" s="433">
        <v>2001644</v>
      </c>
      <c r="GQ10" s="434">
        <v>22451976</v>
      </c>
      <c r="GR10" s="436">
        <v>28931199</v>
      </c>
      <c r="GS10" s="432">
        <v>14654831</v>
      </c>
      <c r="GT10" s="433">
        <v>15436589</v>
      </c>
      <c r="GU10" s="434">
        <v>30091420</v>
      </c>
      <c r="GV10" s="432">
        <v>0</v>
      </c>
      <c r="GW10" s="433">
        <v>12404172</v>
      </c>
      <c r="GX10" s="433">
        <v>13342182</v>
      </c>
      <c r="GY10" s="433">
        <v>7709815</v>
      </c>
      <c r="GZ10" s="433">
        <v>5268720</v>
      </c>
      <c r="HA10" s="433">
        <v>1905160</v>
      </c>
      <c r="HB10" s="437">
        <v>40630049</v>
      </c>
      <c r="HC10" s="436">
        <v>70721469</v>
      </c>
      <c r="HD10" s="432">
        <v>45134444</v>
      </c>
      <c r="HE10" s="433">
        <v>55850967</v>
      </c>
      <c r="HF10" s="437">
        <v>100985411</v>
      </c>
      <c r="HG10" s="438">
        <v>0</v>
      </c>
      <c r="HH10" s="433">
        <v>419113012</v>
      </c>
      <c r="HI10" s="433">
        <v>490071231</v>
      </c>
      <c r="HJ10" s="433">
        <v>443602525</v>
      </c>
      <c r="HK10" s="433">
        <v>569730926</v>
      </c>
      <c r="HL10" s="433">
        <v>345821924</v>
      </c>
      <c r="HM10" s="434">
        <v>2268339618</v>
      </c>
      <c r="HN10" s="435">
        <v>2369325029</v>
      </c>
      <c r="HO10" s="440">
        <v>25995372</v>
      </c>
      <c r="HP10" s="433">
        <v>61689716</v>
      </c>
      <c r="HQ10" s="434">
        <v>87685088</v>
      </c>
      <c r="HR10" s="432">
        <v>0</v>
      </c>
      <c r="HS10" s="433">
        <v>286581732</v>
      </c>
      <c r="HT10" s="433">
        <v>415435693</v>
      </c>
      <c r="HU10" s="433">
        <v>251333151</v>
      </c>
      <c r="HV10" s="433">
        <v>174407852</v>
      </c>
      <c r="HW10" s="433">
        <v>107096054</v>
      </c>
      <c r="HX10" s="437">
        <v>1234854482</v>
      </c>
      <c r="HY10" s="436">
        <v>1322539570</v>
      </c>
      <c r="HZ10" s="442">
        <v>3642425</v>
      </c>
      <c r="IA10" s="443">
        <v>13380848</v>
      </c>
      <c r="IB10" s="444">
        <v>17023273</v>
      </c>
      <c r="IC10" s="445">
        <v>0</v>
      </c>
      <c r="ID10" s="446">
        <v>634976034</v>
      </c>
      <c r="IE10" s="447">
        <v>953393907</v>
      </c>
      <c r="IF10" s="448">
        <v>981901791</v>
      </c>
      <c r="IG10" s="446">
        <v>730537036</v>
      </c>
      <c r="IH10" s="448">
        <v>559633918</v>
      </c>
      <c r="II10" s="449">
        <v>3860442686</v>
      </c>
      <c r="IJ10" s="450">
        <v>3877465959</v>
      </c>
      <c r="IK10" s="451">
        <v>0</v>
      </c>
      <c r="IL10" s="452">
        <v>0</v>
      </c>
      <c r="IM10" s="453">
        <v>0</v>
      </c>
      <c r="IN10" s="454"/>
      <c r="IO10" s="455">
        <v>10815013</v>
      </c>
      <c r="IP10" s="455">
        <v>21012989</v>
      </c>
      <c r="IQ10" s="455">
        <v>35633867</v>
      </c>
      <c r="IR10" s="455">
        <v>47425571</v>
      </c>
      <c r="IS10" s="455">
        <v>50623290</v>
      </c>
      <c r="IT10" s="456">
        <v>165510730</v>
      </c>
      <c r="IU10" s="457">
        <v>165510730</v>
      </c>
      <c r="IV10" s="458">
        <v>0</v>
      </c>
      <c r="IW10" s="455">
        <v>0</v>
      </c>
      <c r="IX10" s="459">
        <v>0</v>
      </c>
      <c r="IY10" s="460"/>
      <c r="IZ10" s="455">
        <v>2078544</v>
      </c>
      <c r="JA10" s="455">
        <v>8109747</v>
      </c>
      <c r="JB10" s="455">
        <v>9271453</v>
      </c>
      <c r="JC10" s="455">
        <v>11772671</v>
      </c>
      <c r="JD10" s="455">
        <v>13370584</v>
      </c>
      <c r="JE10" s="459">
        <v>44602999</v>
      </c>
      <c r="JF10" s="461">
        <v>44602999</v>
      </c>
      <c r="JG10" s="458">
        <v>0</v>
      </c>
      <c r="JH10" s="455">
        <v>0</v>
      </c>
      <c r="JI10" s="456">
        <v>0</v>
      </c>
      <c r="JJ10" s="462">
        <v>0</v>
      </c>
      <c r="JK10" s="455">
        <v>207340633</v>
      </c>
      <c r="JL10" s="455">
        <v>324792294</v>
      </c>
      <c r="JM10" s="455">
        <v>249780674</v>
      </c>
      <c r="JN10" s="455">
        <v>163183857</v>
      </c>
      <c r="JO10" s="455">
        <v>83078154</v>
      </c>
      <c r="JP10" s="459">
        <v>1028175612</v>
      </c>
      <c r="JQ10" s="457">
        <v>1028175612</v>
      </c>
      <c r="JR10" s="458">
        <v>67525</v>
      </c>
      <c r="JS10" s="455">
        <v>233938</v>
      </c>
      <c r="JT10" s="456">
        <v>301463</v>
      </c>
      <c r="JU10" s="462">
        <v>0</v>
      </c>
      <c r="JV10" s="455">
        <v>31898266</v>
      </c>
      <c r="JW10" s="455">
        <v>54998698</v>
      </c>
      <c r="JX10" s="455">
        <v>82911873</v>
      </c>
      <c r="JY10" s="455">
        <v>49982701</v>
      </c>
      <c r="JZ10" s="455">
        <v>42192273</v>
      </c>
      <c r="KA10" s="459">
        <v>261983811</v>
      </c>
      <c r="KB10" s="457">
        <v>262285274</v>
      </c>
      <c r="KC10" s="463">
        <v>3574900</v>
      </c>
      <c r="KD10" s="464">
        <v>9652249</v>
      </c>
      <c r="KE10" s="459">
        <v>13227149</v>
      </c>
      <c r="KF10" s="462">
        <v>0</v>
      </c>
      <c r="KG10" s="455">
        <v>73362141</v>
      </c>
      <c r="KH10" s="455">
        <v>132165871</v>
      </c>
      <c r="KI10" s="455">
        <v>154197390</v>
      </c>
      <c r="KJ10" s="455">
        <v>128164375</v>
      </c>
      <c r="KK10" s="455">
        <v>81098777</v>
      </c>
      <c r="KL10" s="459">
        <v>568988554</v>
      </c>
      <c r="KM10" s="465">
        <v>582215703</v>
      </c>
      <c r="KN10" s="451">
        <v>0</v>
      </c>
      <c r="KO10" s="452">
        <v>3494661</v>
      </c>
      <c r="KP10" s="453">
        <v>3494661</v>
      </c>
      <c r="KQ10" s="454"/>
      <c r="KR10" s="455">
        <v>302765409</v>
      </c>
      <c r="KS10" s="455">
        <v>396077904</v>
      </c>
      <c r="KT10" s="455">
        <v>418490968</v>
      </c>
      <c r="KU10" s="455">
        <v>287373506</v>
      </c>
      <c r="KV10" s="455">
        <v>216649685</v>
      </c>
      <c r="KW10" s="459">
        <v>1621357472</v>
      </c>
      <c r="KX10" s="457">
        <v>1624852133</v>
      </c>
      <c r="KY10" s="458">
        <v>0</v>
      </c>
      <c r="KZ10" s="455">
        <v>0</v>
      </c>
      <c r="LA10" s="459">
        <v>0</v>
      </c>
      <c r="LB10" s="466"/>
      <c r="LC10" s="455">
        <v>175400</v>
      </c>
      <c r="LD10" s="455">
        <v>0</v>
      </c>
      <c r="LE10" s="455">
        <v>1098665</v>
      </c>
      <c r="LF10" s="455">
        <v>240765</v>
      </c>
      <c r="LG10" s="455">
        <v>1315500</v>
      </c>
      <c r="LH10" s="459">
        <v>2830330</v>
      </c>
      <c r="LI10" s="461">
        <v>2830330</v>
      </c>
      <c r="LJ10" s="458">
        <v>0</v>
      </c>
      <c r="LK10" s="455">
        <v>0</v>
      </c>
      <c r="LL10" s="459">
        <v>0</v>
      </c>
      <c r="LM10" s="466"/>
      <c r="LN10" s="455">
        <v>1331476</v>
      </c>
      <c r="LO10" s="455">
        <v>3170284</v>
      </c>
      <c r="LP10" s="455">
        <v>8273108</v>
      </c>
      <c r="LQ10" s="455">
        <v>12362356</v>
      </c>
      <c r="LR10" s="455">
        <v>8800895</v>
      </c>
      <c r="LS10" s="459">
        <v>33938119</v>
      </c>
      <c r="LT10" s="457">
        <v>33938119</v>
      </c>
      <c r="LU10" s="458">
        <v>0</v>
      </c>
      <c r="LV10" s="455">
        <v>0</v>
      </c>
      <c r="LW10" s="459">
        <v>0</v>
      </c>
      <c r="LX10" s="466"/>
      <c r="LY10" s="455">
        <v>5209152</v>
      </c>
      <c r="LZ10" s="455">
        <v>13066120</v>
      </c>
      <c r="MA10" s="455">
        <v>22243793</v>
      </c>
      <c r="MB10" s="455">
        <v>30031234</v>
      </c>
      <c r="MC10" s="455">
        <v>62504760</v>
      </c>
      <c r="MD10" s="459">
        <v>133055059</v>
      </c>
      <c r="ME10" s="461">
        <v>133055059</v>
      </c>
      <c r="MF10" s="458">
        <v>0</v>
      </c>
      <c r="MG10" s="455">
        <v>0</v>
      </c>
      <c r="MH10" s="459">
        <v>0</v>
      </c>
      <c r="MI10" s="466"/>
      <c r="MJ10" s="455">
        <v>216500554</v>
      </c>
      <c r="MK10" s="455">
        <v>681094145</v>
      </c>
      <c r="ML10" s="455">
        <v>1787884587</v>
      </c>
      <c r="MM10" s="455">
        <v>2577934888</v>
      </c>
      <c r="MN10" s="455">
        <v>1940065233</v>
      </c>
      <c r="MO10" s="459">
        <v>7203479407</v>
      </c>
      <c r="MP10" s="465">
        <v>7203479407</v>
      </c>
      <c r="MQ10" s="458">
        <v>0</v>
      </c>
      <c r="MR10" s="455">
        <v>0</v>
      </c>
      <c r="MS10" s="459">
        <v>0</v>
      </c>
      <c r="MT10" s="466"/>
      <c r="MU10" s="455">
        <v>54918986</v>
      </c>
      <c r="MV10" s="455">
        <v>231921405</v>
      </c>
      <c r="MW10" s="455">
        <v>1133253166</v>
      </c>
      <c r="MX10" s="455">
        <v>1731116428</v>
      </c>
      <c r="MY10" s="455">
        <v>1369914312</v>
      </c>
      <c r="MZ10" s="459">
        <v>4521124297</v>
      </c>
      <c r="NA10" s="465">
        <v>4521124297</v>
      </c>
      <c r="NB10" s="458">
        <v>0</v>
      </c>
      <c r="NC10" s="455">
        <v>0</v>
      </c>
      <c r="ND10" s="459">
        <v>0</v>
      </c>
      <c r="NE10" s="466"/>
      <c r="NF10" s="455">
        <v>161217011</v>
      </c>
      <c r="NG10" s="455">
        <v>447958277</v>
      </c>
      <c r="NH10" s="455">
        <v>649268674</v>
      </c>
      <c r="NI10" s="455">
        <v>795832086</v>
      </c>
      <c r="NJ10" s="455">
        <v>498024381</v>
      </c>
      <c r="NK10" s="459">
        <v>2552300429</v>
      </c>
      <c r="NL10" s="457">
        <v>2552300429</v>
      </c>
      <c r="NM10" s="458">
        <v>0</v>
      </c>
      <c r="NN10" s="455">
        <v>0</v>
      </c>
      <c r="NO10" s="459">
        <v>0</v>
      </c>
      <c r="NP10" s="466"/>
      <c r="NQ10" s="455">
        <v>0</v>
      </c>
      <c r="NR10" s="455">
        <v>0</v>
      </c>
      <c r="NS10" s="455">
        <v>654846</v>
      </c>
      <c r="NT10" s="455">
        <v>19579263</v>
      </c>
      <c r="NU10" s="455">
        <v>31574986</v>
      </c>
      <c r="NV10" s="459">
        <v>51809095</v>
      </c>
      <c r="NW10" s="461">
        <v>51809095</v>
      </c>
      <c r="NX10" s="458">
        <v>0</v>
      </c>
      <c r="NY10" s="455">
        <v>0</v>
      </c>
      <c r="NZ10" s="459">
        <v>0</v>
      </c>
      <c r="OA10" s="466"/>
      <c r="OB10" s="455">
        <v>364557</v>
      </c>
      <c r="OC10" s="455">
        <v>1214463</v>
      </c>
      <c r="OD10" s="455">
        <v>4707901</v>
      </c>
      <c r="OE10" s="455">
        <v>31407111</v>
      </c>
      <c r="OF10" s="455">
        <v>40551554</v>
      </c>
      <c r="OG10" s="459">
        <v>78245586</v>
      </c>
      <c r="OH10" s="461">
        <v>78245586</v>
      </c>
      <c r="OI10" s="458">
        <v>165304917</v>
      </c>
      <c r="OJ10" s="455">
        <v>386712925</v>
      </c>
      <c r="OK10" s="456">
        <v>552017842</v>
      </c>
      <c r="OL10" s="462">
        <v>0</v>
      </c>
      <c r="OM10" s="455">
        <v>2631214148</v>
      </c>
      <c r="ON10" s="455">
        <v>4704081298</v>
      </c>
      <c r="OO10" s="455">
        <v>5145446768</v>
      </c>
      <c r="OP10" s="455">
        <v>5563039607</v>
      </c>
      <c r="OQ10" s="455">
        <v>4238314975</v>
      </c>
      <c r="OR10" s="459">
        <v>22282096796</v>
      </c>
      <c r="OS10" s="465">
        <v>22834114638</v>
      </c>
    </row>
    <row r="11" spans="1:409" ht="21" customHeight="1" x14ac:dyDescent="0.2">
      <c r="B11" s="62" t="s">
        <v>6</v>
      </c>
      <c r="C11" s="110">
        <v>53313426</v>
      </c>
      <c r="D11" s="114">
        <v>93576063</v>
      </c>
      <c r="E11" s="113">
        <v>146889489</v>
      </c>
      <c r="F11" s="109">
        <v>0</v>
      </c>
      <c r="G11" s="114">
        <v>853811181</v>
      </c>
      <c r="H11" s="114">
        <v>883447730</v>
      </c>
      <c r="I11" s="114">
        <v>831128585</v>
      </c>
      <c r="J11" s="114">
        <v>846043614</v>
      </c>
      <c r="K11" s="114">
        <v>671657169</v>
      </c>
      <c r="L11" s="109">
        <v>4086088279</v>
      </c>
      <c r="M11" s="116">
        <v>4232977768</v>
      </c>
      <c r="N11" s="110">
        <v>13610938</v>
      </c>
      <c r="O11" s="114">
        <v>28613692</v>
      </c>
      <c r="P11" s="113">
        <v>42224630</v>
      </c>
      <c r="Q11" s="110">
        <v>0</v>
      </c>
      <c r="R11" s="114">
        <v>270697193</v>
      </c>
      <c r="S11" s="114">
        <v>310472568</v>
      </c>
      <c r="T11" s="114">
        <v>302450190</v>
      </c>
      <c r="U11" s="114">
        <v>337072558</v>
      </c>
      <c r="V11" s="114">
        <v>356457413</v>
      </c>
      <c r="W11" s="113">
        <v>1577149922</v>
      </c>
      <c r="X11" s="116">
        <v>1619374552</v>
      </c>
      <c r="Y11" s="110">
        <v>0</v>
      </c>
      <c r="Z11" s="114">
        <v>0</v>
      </c>
      <c r="AA11" s="113">
        <v>0</v>
      </c>
      <c r="AB11" s="110">
        <v>0</v>
      </c>
      <c r="AC11" s="114">
        <v>133837233</v>
      </c>
      <c r="AD11" s="114">
        <v>162419948</v>
      </c>
      <c r="AE11" s="114">
        <v>177934233</v>
      </c>
      <c r="AF11" s="114">
        <v>200829125</v>
      </c>
      <c r="AG11" s="114">
        <v>216026906</v>
      </c>
      <c r="AH11" s="113">
        <v>891047445</v>
      </c>
      <c r="AI11" s="116">
        <v>891047445</v>
      </c>
      <c r="AJ11" s="110">
        <v>11418</v>
      </c>
      <c r="AK11" s="114">
        <v>110926</v>
      </c>
      <c r="AL11" s="113">
        <v>122344</v>
      </c>
      <c r="AM11" s="110">
        <v>0</v>
      </c>
      <c r="AN11" s="114">
        <v>814377</v>
      </c>
      <c r="AO11" s="114">
        <v>3775194</v>
      </c>
      <c r="AP11" s="114">
        <v>6755606</v>
      </c>
      <c r="AQ11" s="114">
        <v>16736157</v>
      </c>
      <c r="AR11" s="114">
        <v>34356850</v>
      </c>
      <c r="AS11" s="113">
        <v>62438184</v>
      </c>
      <c r="AT11" s="116">
        <v>62560528</v>
      </c>
      <c r="AU11" s="110">
        <v>7323739</v>
      </c>
      <c r="AV11" s="114">
        <v>20200477</v>
      </c>
      <c r="AW11" s="113">
        <v>27524216</v>
      </c>
      <c r="AX11" s="110">
        <v>0</v>
      </c>
      <c r="AY11" s="114">
        <v>84768308</v>
      </c>
      <c r="AZ11" s="114">
        <v>89580306</v>
      </c>
      <c r="BA11" s="114">
        <v>66771214</v>
      </c>
      <c r="BB11" s="114">
        <v>69456245</v>
      </c>
      <c r="BC11" s="114">
        <v>65872840</v>
      </c>
      <c r="BD11" s="113">
        <v>376448913</v>
      </c>
      <c r="BE11" s="116">
        <v>403973129</v>
      </c>
      <c r="BF11" s="110">
        <v>242213</v>
      </c>
      <c r="BG11" s="114">
        <v>1846194</v>
      </c>
      <c r="BH11" s="112">
        <v>2088407</v>
      </c>
      <c r="BI11" s="111">
        <v>0</v>
      </c>
      <c r="BJ11" s="114">
        <v>5582765</v>
      </c>
      <c r="BK11" s="114">
        <v>7004990</v>
      </c>
      <c r="BL11" s="114">
        <v>4901321</v>
      </c>
      <c r="BM11" s="114">
        <v>4413268</v>
      </c>
      <c r="BN11" s="114">
        <v>2971987</v>
      </c>
      <c r="BO11" s="113">
        <v>24874331</v>
      </c>
      <c r="BP11" s="116">
        <v>26962738</v>
      </c>
      <c r="BQ11" s="110">
        <v>6033568</v>
      </c>
      <c r="BR11" s="114">
        <v>6456095</v>
      </c>
      <c r="BS11" s="113">
        <v>12489663</v>
      </c>
      <c r="BT11" s="110">
        <v>0</v>
      </c>
      <c r="BU11" s="114">
        <v>45694510</v>
      </c>
      <c r="BV11" s="114">
        <v>47692130</v>
      </c>
      <c r="BW11" s="114">
        <v>46087816</v>
      </c>
      <c r="BX11" s="114">
        <v>45637763</v>
      </c>
      <c r="BY11" s="114">
        <v>37228830</v>
      </c>
      <c r="BZ11" s="113">
        <v>222341049</v>
      </c>
      <c r="CA11" s="116">
        <v>234830712</v>
      </c>
      <c r="CB11" s="110">
        <v>2411989</v>
      </c>
      <c r="CC11" s="114">
        <v>8448553</v>
      </c>
      <c r="CD11" s="113">
        <v>10860542</v>
      </c>
      <c r="CE11" s="110">
        <v>0</v>
      </c>
      <c r="CF11" s="114">
        <v>231014271</v>
      </c>
      <c r="CG11" s="114">
        <v>221131034</v>
      </c>
      <c r="CH11" s="114">
        <v>180162125</v>
      </c>
      <c r="CI11" s="114">
        <v>137731737</v>
      </c>
      <c r="CJ11" s="114">
        <v>72662669</v>
      </c>
      <c r="CK11" s="113">
        <v>842701836</v>
      </c>
      <c r="CL11" s="116">
        <v>853562378</v>
      </c>
      <c r="CM11" s="110">
        <v>0</v>
      </c>
      <c r="CN11" s="114">
        <v>0</v>
      </c>
      <c r="CO11" s="113">
        <v>0</v>
      </c>
      <c r="CP11" s="111">
        <v>0</v>
      </c>
      <c r="CQ11" s="114">
        <v>199967667</v>
      </c>
      <c r="CR11" s="114">
        <v>176263370</v>
      </c>
      <c r="CS11" s="114">
        <v>141157196</v>
      </c>
      <c r="CT11" s="114">
        <v>106978039</v>
      </c>
      <c r="CU11" s="114">
        <v>60463345</v>
      </c>
      <c r="CV11" s="113">
        <v>684829617</v>
      </c>
      <c r="CW11" s="116">
        <v>684829617</v>
      </c>
      <c r="CX11" s="110">
        <v>2411989</v>
      </c>
      <c r="CY11" s="114">
        <v>8448553</v>
      </c>
      <c r="CZ11" s="113">
        <v>10860542</v>
      </c>
      <c r="DA11" s="110">
        <v>0</v>
      </c>
      <c r="DB11" s="114">
        <v>31046604</v>
      </c>
      <c r="DC11" s="114">
        <v>44867664</v>
      </c>
      <c r="DD11" s="114">
        <v>39004929</v>
      </c>
      <c r="DE11" s="114">
        <v>30753698</v>
      </c>
      <c r="DF11" s="114">
        <v>12199324</v>
      </c>
      <c r="DG11" s="113">
        <v>157872219</v>
      </c>
      <c r="DH11" s="116">
        <v>168732761</v>
      </c>
      <c r="DI11" s="110">
        <v>104943</v>
      </c>
      <c r="DJ11" s="114">
        <v>507154</v>
      </c>
      <c r="DK11" s="112">
        <v>612097</v>
      </c>
      <c r="DL11" s="111">
        <v>0</v>
      </c>
      <c r="DM11" s="114">
        <v>15721459</v>
      </c>
      <c r="DN11" s="114">
        <v>27936268</v>
      </c>
      <c r="DO11" s="114">
        <v>54933805</v>
      </c>
      <c r="DP11" s="114">
        <v>55877265</v>
      </c>
      <c r="DQ11" s="114">
        <v>30097638</v>
      </c>
      <c r="DR11" s="113">
        <v>184566435</v>
      </c>
      <c r="DS11" s="116">
        <v>185178532</v>
      </c>
      <c r="DT11" s="110">
        <v>97881</v>
      </c>
      <c r="DU11" s="114">
        <v>507154</v>
      </c>
      <c r="DV11" s="113">
        <v>605035</v>
      </c>
      <c r="DW11" s="110">
        <v>0</v>
      </c>
      <c r="DX11" s="114">
        <v>13979868</v>
      </c>
      <c r="DY11" s="114">
        <v>24369888</v>
      </c>
      <c r="DZ11" s="114">
        <v>48677866</v>
      </c>
      <c r="EA11" s="114">
        <v>48330847</v>
      </c>
      <c r="EB11" s="114">
        <v>26694829</v>
      </c>
      <c r="EC11" s="113">
        <v>162053298</v>
      </c>
      <c r="ED11" s="116">
        <v>162658333</v>
      </c>
      <c r="EE11" s="110">
        <v>7062</v>
      </c>
      <c r="EF11" s="112">
        <v>0</v>
      </c>
      <c r="EG11" s="113">
        <v>7062</v>
      </c>
      <c r="EH11" s="110">
        <v>0</v>
      </c>
      <c r="EI11" s="114">
        <v>1741591</v>
      </c>
      <c r="EJ11" s="114">
        <v>3566380</v>
      </c>
      <c r="EK11" s="114">
        <v>6255939</v>
      </c>
      <c r="EL11" s="114">
        <v>7546418</v>
      </c>
      <c r="EM11" s="114">
        <v>3402809</v>
      </c>
      <c r="EN11" s="112">
        <v>22513137</v>
      </c>
      <c r="EO11" s="116">
        <v>22520199</v>
      </c>
      <c r="EP11" s="110">
        <v>0</v>
      </c>
      <c r="EQ11" s="114">
        <v>0</v>
      </c>
      <c r="ER11" s="112">
        <v>0</v>
      </c>
      <c r="ES11" s="111">
        <v>0</v>
      </c>
      <c r="ET11" s="114">
        <v>0</v>
      </c>
      <c r="EU11" s="114">
        <v>0</v>
      </c>
      <c r="EV11" s="114">
        <v>0</v>
      </c>
      <c r="EW11" s="114">
        <v>0</v>
      </c>
      <c r="EX11" s="114">
        <v>0</v>
      </c>
      <c r="EY11" s="113">
        <v>0</v>
      </c>
      <c r="EZ11" s="116">
        <v>0</v>
      </c>
      <c r="FA11" s="110">
        <v>0</v>
      </c>
      <c r="FB11" s="114">
        <v>0</v>
      </c>
      <c r="FC11" s="112">
        <v>0</v>
      </c>
      <c r="FD11" s="347"/>
      <c r="FE11" s="114">
        <v>0</v>
      </c>
      <c r="FF11" s="114">
        <v>0</v>
      </c>
      <c r="FG11" s="114">
        <v>0</v>
      </c>
      <c r="FH11" s="114">
        <v>0</v>
      </c>
      <c r="FI11" s="114">
        <v>0</v>
      </c>
      <c r="FJ11" s="113">
        <v>0</v>
      </c>
      <c r="FK11" s="116">
        <v>0</v>
      </c>
      <c r="FL11" s="110">
        <v>13039422</v>
      </c>
      <c r="FM11" s="114">
        <v>21681424</v>
      </c>
      <c r="FN11" s="113">
        <v>34720846</v>
      </c>
      <c r="FO11" s="110">
        <v>0</v>
      </c>
      <c r="FP11" s="114">
        <v>46408425</v>
      </c>
      <c r="FQ11" s="114">
        <v>81144788</v>
      </c>
      <c r="FR11" s="114">
        <v>67461797</v>
      </c>
      <c r="FS11" s="114">
        <v>68637336</v>
      </c>
      <c r="FT11" s="114">
        <v>49583940</v>
      </c>
      <c r="FU11" s="113">
        <v>313236286</v>
      </c>
      <c r="FV11" s="116">
        <v>347957132</v>
      </c>
      <c r="FW11" s="115">
        <v>7465662</v>
      </c>
      <c r="FX11" s="114">
        <v>17083304</v>
      </c>
      <c r="FY11" s="112">
        <v>24548966</v>
      </c>
      <c r="FZ11" s="111">
        <v>0</v>
      </c>
      <c r="GA11" s="114">
        <v>39259903</v>
      </c>
      <c r="GB11" s="114">
        <v>75509852</v>
      </c>
      <c r="GC11" s="114">
        <v>63193690</v>
      </c>
      <c r="GD11" s="114">
        <v>64032107</v>
      </c>
      <c r="GE11" s="114">
        <v>47796137</v>
      </c>
      <c r="GF11" s="113">
        <v>289791689</v>
      </c>
      <c r="GG11" s="318">
        <v>314340655</v>
      </c>
      <c r="GH11" s="115">
        <v>1007869</v>
      </c>
      <c r="GI11" s="114">
        <v>1097399</v>
      </c>
      <c r="GJ11" s="112">
        <v>2105268</v>
      </c>
      <c r="GK11" s="111">
        <v>0</v>
      </c>
      <c r="GL11" s="114">
        <v>2597471</v>
      </c>
      <c r="GM11" s="114">
        <v>2064934</v>
      </c>
      <c r="GN11" s="114">
        <v>1804675</v>
      </c>
      <c r="GO11" s="114">
        <v>1797839</v>
      </c>
      <c r="GP11" s="114">
        <v>1072482</v>
      </c>
      <c r="GQ11" s="113">
        <v>9337401</v>
      </c>
      <c r="GR11" s="116">
        <v>11442669</v>
      </c>
      <c r="GS11" s="110">
        <v>4565891</v>
      </c>
      <c r="GT11" s="114">
        <v>3500721</v>
      </c>
      <c r="GU11" s="113">
        <v>8066612</v>
      </c>
      <c r="GV11" s="110">
        <v>0</v>
      </c>
      <c r="GW11" s="114">
        <v>4551051</v>
      </c>
      <c r="GX11" s="114">
        <v>3570002</v>
      </c>
      <c r="GY11" s="114">
        <v>2463432</v>
      </c>
      <c r="GZ11" s="114">
        <v>2807390</v>
      </c>
      <c r="HA11" s="114">
        <v>715321</v>
      </c>
      <c r="HB11" s="112">
        <v>14107196</v>
      </c>
      <c r="HC11" s="116">
        <v>22173808</v>
      </c>
      <c r="HD11" s="110">
        <v>14476055</v>
      </c>
      <c r="HE11" s="114">
        <v>17997654</v>
      </c>
      <c r="HF11" s="112">
        <v>32473709</v>
      </c>
      <c r="HG11" s="111">
        <v>0</v>
      </c>
      <c r="HH11" s="114">
        <v>149799797</v>
      </c>
      <c r="HI11" s="114">
        <v>137013674</v>
      </c>
      <c r="HJ11" s="114">
        <v>144794421</v>
      </c>
      <c r="HK11" s="114">
        <v>183587665</v>
      </c>
      <c r="HL11" s="114">
        <v>123366177</v>
      </c>
      <c r="HM11" s="113">
        <v>738561734</v>
      </c>
      <c r="HN11" s="109">
        <v>771035443</v>
      </c>
      <c r="HO11" s="115">
        <v>9670079</v>
      </c>
      <c r="HP11" s="114">
        <v>16327586</v>
      </c>
      <c r="HQ11" s="113">
        <v>25997665</v>
      </c>
      <c r="HR11" s="110">
        <v>0</v>
      </c>
      <c r="HS11" s="114">
        <v>140170036</v>
      </c>
      <c r="HT11" s="114">
        <v>105749398</v>
      </c>
      <c r="HU11" s="114">
        <v>81326247</v>
      </c>
      <c r="HV11" s="114">
        <v>63137053</v>
      </c>
      <c r="HW11" s="114">
        <v>39489332</v>
      </c>
      <c r="HX11" s="112">
        <v>429872066</v>
      </c>
      <c r="HY11" s="116">
        <v>455869731</v>
      </c>
      <c r="HZ11" s="131">
        <v>1215277</v>
      </c>
      <c r="IA11" s="132">
        <v>3982862</v>
      </c>
      <c r="IB11" s="133">
        <v>5198139</v>
      </c>
      <c r="IC11" s="146">
        <v>0</v>
      </c>
      <c r="ID11" s="132">
        <v>272606364</v>
      </c>
      <c r="IE11" s="147">
        <v>327410037</v>
      </c>
      <c r="IF11" s="133">
        <v>368632863</v>
      </c>
      <c r="IG11" s="132">
        <v>294683178</v>
      </c>
      <c r="IH11" s="133">
        <v>226591209</v>
      </c>
      <c r="II11" s="148">
        <v>1489923651</v>
      </c>
      <c r="IJ11" s="139">
        <v>1495121790</v>
      </c>
      <c r="IK11" s="232">
        <v>0</v>
      </c>
      <c r="IL11" s="236">
        <v>0</v>
      </c>
      <c r="IM11" s="237">
        <v>0</v>
      </c>
      <c r="IN11" s="140"/>
      <c r="IO11" s="119">
        <v>5966230</v>
      </c>
      <c r="IP11" s="119">
        <v>9503797</v>
      </c>
      <c r="IQ11" s="119">
        <v>12201777</v>
      </c>
      <c r="IR11" s="119">
        <v>22875521</v>
      </c>
      <c r="IS11" s="119">
        <v>32674095</v>
      </c>
      <c r="IT11" s="141">
        <v>83221420</v>
      </c>
      <c r="IU11" s="320">
        <v>83221420</v>
      </c>
      <c r="IV11" s="142">
        <v>0</v>
      </c>
      <c r="IW11" s="119">
        <v>0</v>
      </c>
      <c r="IX11" s="120">
        <v>0</v>
      </c>
      <c r="IY11" s="144"/>
      <c r="IZ11" s="119">
        <v>1573458</v>
      </c>
      <c r="JA11" s="119">
        <v>2479153</v>
      </c>
      <c r="JB11" s="119">
        <v>2573021</v>
      </c>
      <c r="JC11" s="119">
        <v>2731114</v>
      </c>
      <c r="JD11" s="119">
        <v>3805914</v>
      </c>
      <c r="JE11" s="120">
        <v>13162660</v>
      </c>
      <c r="JF11" s="121">
        <v>13162660</v>
      </c>
      <c r="JG11" s="142">
        <v>0</v>
      </c>
      <c r="JH11" s="119">
        <v>0</v>
      </c>
      <c r="JI11" s="141">
        <v>0</v>
      </c>
      <c r="JJ11" s="118">
        <v>0</v>
      </c>
      <c r="JK11" s="119">
        <v>85856925</v>
      </c>
      <c r="JL11" s="119">
        <v>77210145</v>
      </c>
      <c r="JM11" s="119">
        <v>66105381</v>
      </c>
      <c r="JN11" s="119">
        <v>45185773</v>
      </c>
      <c r="JO11" s="119">
        <v>25062011</v>
      </c>
      <c r="JP11" s="120">
        <v>299420235</v>
      </c>
      <c r="JQ11" s="320">
        <v>299420235</v>
      </c>
      <c r="JR11" s="142">
        <v>89016</v>
      </c>
      <c r="JS11" s="119">
        <v>45199</v>
      </c>
      <c r="JT11" s="141">
        <v>134215</v>
      </c>
      <c r="JU11" s="118">
        <v>0</v>
      </c>
      <c r="JV11" s="119">
        <v>18185180</v>
      </c>
      <c r="JW11" s="119">
        <v>22049610</v>
      </c>
      <c r="JX11" s="119">
        <v>29388719</v>
      </c>
      <c r="JY11" s="119">
        <v>19850118</v>
      </c>
      <c r="JZ11" s="119">
        <v>14292498</v>
      </c>
      <c r="KA11" s="120">
        <v>103766125</v>
      </c>
      <c r="KB11" s="320">
        <v>103900340</v>
      </c>
      <c r="KC11" s="234">
        <v>1126261</v>
      </c>
      <c r="KD11" s="230">
        <v>2805203</v>
      </c>
      <c r="KE11" s="120">
        <v>3931464</v>
      </c>
      <c r="KF11" s="118">
        <v>0</v>
      </c>
      <c r="KG11" s="119">
        <v>28000294</v>
      </c>
      <c r="KH11" s="119">
        <v>41366962</v>
      </c>
      <c r="KI11" s="119">
        <v>46604781</v>
      </c>
      <c r="KJ11" s="119">
        <v>39352499</v>
      </c>
      <c r="KK11" s="119">
        <v>19628532</v>
      </c>
      <c r="KL11" s="120">
        <v>174953068</v>
      </c>
      <c r="KM11" s="143">
        <v>178884532</v>
      </c>
      <c r="KN11" s="232">
        <v>0</v>
      </c>
      <c r="KO11" s="236">
        <v>1132460</v>
      </c>
      <c r="KP11" s="237">
        <v>1132460</v>
      </c>
      <c r="KQ11" s="140"/>
      <c r="KR11" s="119">
        <v>121851074</v>
      </c>
      <c r="KS11" s="119">
        <v>152884563</v>
      </c>
      <c r="KT11" s="119">
        <v>168459999</v>
      </c>
      <c r="KU11" s="119">
        <v>106985731</v>
      </c>
      <c r="KV11" s="119">
        <v>74168138</v>
      </c>
      <c r="KW11" s="120">
        <v>624349505</v>
      </c>
      <c r="KX11" s="320">
        <v>625481965</v>
      </c>
      <c r="KY11" s="142">
        <v>0</v>
      </c>
      <c r="KZ11" s="119">
        <v>0</v>
      </c>
      <c r="LA11" s="120">
        <v>0</v>
      </c>
      <c r="LB11" s="145"/>
      <c r="LC11" s="119">
        <v>0</v>
      </c>
      <c r="LD11" s="119">
        <v>0</v>
      </c>
      <c r="LE11" s="119">
        <v>0</v>
      </c>
      <c r="LF11" s="119">
        <v>0</v>
      </c>
      <c r="LG11" s="119">
        <v>0</v>
      </c>
      <c r="LH11" s="120">
        <v>0</v>
      </c>
      <c r="LI11" s="121">
        <v>0</v>
      </c>
      <c r="LJ11" s="142">
        <v>0</v>
      </c>
      <c r="LK11" s="119">
        <v>0</v>
      </c>
      <c r="LL11" s="120">
        <v>0</v>
      </c>
      <c r="LM11" s="145"/>
      <c r="LN11" s="119">
        <v>801446</v>
      </c>
      <c r="LO11" s="119">
        <v>1529676</v>
      </c>
      <c r="LP11" s="119">
        <v>19730544</v>
      </c>
      <c r="LQ11" s="119">
        <v>30020210</v>
      </c>
      <c r="LR11" s="119">
        <v>22818157</v>
      </c>
      <c r="LS11" s="120">
        <v>74900033</v>
      </c>
      <c r="LT11" s="320">
        <v>74900033</v>
      </c>
      <c r="LU11" s="142">
        <v>0</v>
      </c>
      <c r="LV11" s="119">
        <v>0</v>
      </c>
      <c r="LW11" s="120">
        <v>0</v>
      </c>
      <c r="LX11" s="145"/>
      <c r="LY11" s="119">
        <v>10371757</v>
      </c>
      <c r="LZ11" s="119">
        <v>20386131</v>
      </c>
      <c r="MA11" s="119">
        <v>23568641</v>
      </c>
      <c r="MB11" s="119">
        <v>27682212</v>
      </c>
      <c r="MC11" s="119">
        <v>34141864</v>
      </c>
      <c r="MD11" s="120">
        <v>116150605</v>
      </c>
      <c r="ME11" s="121">
        <v>116150605</v>
      </c>
      <c r="MF11" s="142">
        <v>0</v>
      </c>
      <c r="MG11" s="119">
        <v>0</v>
      </c>
      <c r="MH11" s="120">
        <v>0</v>
      </c>
      <c r="MI11" s="145"/>
      <c r="MJ11" s="119">
        <v>68033418</v>
      </c>
      <c r="MK11" s="119">
        <v>130109738</v>
      </c>
      <c r="ML11" s="119">
        <v>473460358</v>
      </c>
      <c r="MM11" s="119">
        <v>767373528</v>
      </c>
      <c r="MN11" s="119">
        <v>553473778</v>
      </c>
      <c r="MO11" s="120">
        <v>1992450820</v>
      </c>
      <c r="MP11" s="143">
        <v>1992450820</v>
      </c>
      <c r="MQ11" s="142">
        <v>0</v>
      </c>
      <c r="MR11" s="119">
        <v>0</v>
      </c>
      <c r="MS11" s="120">
        <v>0</v>
      </c>
      <c r="MT11" s="145"/>
      <c r="MU11" s="119">
        <v>17328899</v>
      </c>
      <c r="MV11" s="119">
        <v>42529216</v>
      </c>
      <c r="MW11" s="119">
        <v>336860907</v>
      </c>
      <c r="MX11" s="119">
        <v>512446685</v>
      </c>
      <c r="MY11" s="119">
        <v>381695658</v>
      </c>
      <c r="MZ11" s="120">
        <v>1290861365</v>
      </c>
      <c r="NA11" s="143">
        <v>1290861365</v>
      </c>
      <c r="NB11" s="142">
        <v>0</v>
      </c>
      <c r="NC11" s="119">
        <v>0</v>
      </c>
      <c r="ND11" s="120">
        <v>0</v>
      </c>
      <c r="NE11" s="145"/>
      <c r="NF11" s="119">
        <v>50704519</v>
      </c>
      <c r="NG11" s="119">
        <v>87157397</v>
      </c>
      <c r="NH11" s="119">
        <v>132966337</v>
      </c>
      <c r="NI11" s="119">
        <v>217906207</v>
      </c>
      <c r="NJ11" s="119">
        <v>108479321</v>
      </c>
      <c r="NK11" s="120">
        <v>597213781</v>
      </c>
      <c r="NL11" s="320">
        <v>597213781</v>
      </c>
      <c r="NM11" s="142">
        <v>0</v>
      </c>
      <c r="NN11" s="119">
        <v>0</v>
      </c>
      <c r="NO11" s="120">
        <v>0</v>
      </c>
      <c r="NP11" s="145"/>
      <c r="NQ11" s="119">
        <v>0</v>
      </c>
      <c r="NR11" s="119">
        <v>163178</v>
      </c>
      <c r="NS11" s="119">
        <v>2491618</v>
      </c>
      <c r="NT11" s="119">
        <v>20218121</v>
      </c>
      <c r="NU11" s="119">
        <v>38025982</v>
      </c>
      <c r="NV11" s="120">
        <v>60898899</v>
      </c>
      <c r="NW11" s="121">
        <v>60898899</v>
      </c>
      <c r="NX11" s="142">
        <v>0</v>
      </c>
      <c r="NY11" s="119">
        <v>0</v>
      </c>
      <c r="NZ11" s="120">
        <v>0</v>
      </c>
      <c r="OA11" s="145"/>
      <c r="OB11" s="119">
        <v>0</v>
      </c>
      <c r="OC11" s="119">
        <v>259947</v>
      </c>
      <c r="OD11" s="119">
        <v>1141496</v>
      </c>
      <c r="OE11" s="119">
        <v>16802515</v>
      </c>
      <c r="OF11" s="119">
        <v>25272817</v>
      </c>
      <c r="OG11" s="120">
        <v>43476775</v>
      </c>
      <c r="OH11" s="121">
        <v>43476775</v>
      </c>
      <c r="OI11" s="142">
        <v>54528703</v>
      </c>
      <c r="OJ11" s="119">
        <v>97558925</v>
      </c>
      <c r="OK11" s="141">
        <v>152087628</v>
      </c>
      <c r="OL11" s="118">
        <v>0</v>
      </c>
      <c r="OM11" s="119">
        <v>1194450963</v>
      </c>
      <c r="ON11" s="119">
        <v>1340967505</v>
      </c>
      <c r="OO11" s="119">
        <v>1673221806</v>
      </c>
      <c r="OP11" s="119">
        <v>1908100320</v>
      </c>
      <c r="OQ11" s="119">
        <v>1451722156</v>
      </c>
      <c r="OR11" s="120">
        <v>7568462750</v>
      </c>
      <c r="OS11" s="143">
        <v>7720550378</v>
      </c>
    </row>
    <row r="12" spans="1:409" ht="21" customHeight="1" x14ac:dyDescent="0.2">
      <c r="B12" s="62" t="s">
        <v>14</v>
      </c>
      <c r="C12" s="110">
        <v>26601698</v>
      </c>
      <c r="D12" s="114">
        <v>73646759</v>
      </c>
      <c r="E12" s="113">
        <v>100248457</v>
      </c>
      <c r="F12" s="109">
        <v>0</v>
      </c>
      <c r="G12" s="114">
        <v>318827435</v>
      </c>
      <c r="H12" s="114">
        <v>512998454</v>
      </c>
      <c r="I12" s="114">
        <v>475450738</v>
      </c>
      <c r="J12" s="114">
        <v>411609339</v>
      </c>
      <c r="K12" s="114">
        <v>289373035</v>
      </c>
      <c r="L12" s="112">
        <v>2008259001</v>
      </c>
      <c r="M12" s="116">
        <v>2108507458</v>
      </c>
      <c r="N12" s="110">
        <v>5212297</v>
      </c>
      <c r="O12" s="114">
        <v>17915367</v>
      </c>
      <c r="P12" s="113">
        <v>23127664</v>
      </c>
      <c r="Q12" s="110">
        <v>0</v>
      </c>
      <c r="R12" s="114">
        <v>88108617</v>
      </c>
      <c r="S12" s="114">
        <v>164638984</v>
      </c>
      <c r="T12" s="114">
        <v>156371732</v>
      </c>
      <c r="U12" s="114">
        <v>150636916</v>
      </c>
      <c r="V12" s="114">
        <v>139337476</v>
      </c>
      <c r="W12" s="113">
        <v>699093725</v>
      </c>
      <c r="X12" s="116">
        <v>722221389</v>
      </c>
      <c r="Y12" s="110">
        <v>0</v>
      </c>
      <c r="Z12" s="114">
        <v>0</v>
      </c>
      <c r="AA12" s="113">
        <v>0</v>
      </c>
      <c r="AB12" s="110">
        <v>0</v>
      </c>
      <c r="AC12" s="114">
        <v>45662501</v>
      </c>
      <c r="AD12" s="114">
        <v>89023734</v>
      </c>
      <c r="AE12" s="114">
        <v>93265422</v>
      </c>
      <c r="AF12" s="114">
        <v>88633645</v>
      </c>
      <c r="AG12" s="114">
        <v>78590761</v>
      </c>
      <c r="AH12" s="113">
        <v>395176063</v>
      </c>
      <c r="AI12" s="116">
        <v>395176063</v>
      </c>
      <c r="AJ12" s="110">
        <v>0</v>
      </c>
      <c r="AK12" s="114">
        <v>129139</v>
      </c>
      <c r="AL12" s="113">
        <v>129139</v>
      </c>
      <c r="AM12" s="110">
        <v>0</v>
      </c>
      <c r="AN12" s="114">
        <v>122455</v>
      </c>
      <c r="AO12" s="114">
        <v>1243846</v>
      </c>
      <c r="AP12" s="114">
        <v>3626294</v>
      </c>
      <c r="AQ12" s="114">
        <v>8126171</v>
      </c>
      <c r="AR12" s="114">
        <v>16079809</v>
      </c>
      <c r="AS12" s="113">
        <v>29198575</v>
      </c>
      <c r="AT12" s="116">
        <v>29327714</v>
      </c>
      <c r="AU12" s="110">
        <v>2793836</v>
      </c>
      <c r="AV12" s="114">
        <v>12993140</v>
      </c>
      <c r="AW12" s="113">
        <v>15786976</v>
      </c>
      <c r="AX12" s="110">
        <v>0</v>
      </c>
      <c r="AY12" s="114">
        <v>24305094</v>
      </c>
      <c r="AZ12" s="114">
        <v>48291009</v>
      </c>
      <c r="BA12" s="114">
        <v>33825990</v>
      </c>
      <c r="BB12" s="114">
        <v>31644879</v>
      </c>
      <c r="BC12" s="114">
        <v>28653467</v>
      </c>
      <c r="BD12" s="113">
        <v>166720439</v>
      </c>
      <c r="BE12" s="116">
        <v>182507415</v>
      </c>
      <c r="BF12" s="110">
        <v>112304</v>
      </c>
      <c r="BG12" s="114">
        <v>1344759</v>
      </c>
      <c r="BH12" s="112">
        <v>1457063</v>
      </c>
      <c r="BI12" s="111">
        <v>0</v>
      </c>
      <c r="BJ12" s="114">
        <v>1002542</v>
      </c>
      <c r="BK12" s="114">
        <v>3090562</v>
      </c>
      <c r="BL12" s="114">
        <v>1719038</v>
      </c>
      <c r="BM12" s="114">
        <v>1721790</v>
      </c>
      <c r="BN12" s="114">
        <v>995724</v>
      </c>
      <c r="BO12" s="113">
        <v>8529656</v>
      </c>
      <c r="BP12" s="116">
        <v>9986719</v>
      </c>
      <c r="BQ12" s="110">
        <v>2306157</v>
      </c>
      <c r="BR12" s="114">
        <v>3448329</v>
      </c>
      <c r="BS12" s="113">
        <v>5754486</v>
      </c>
      <c r="BT12" s="110">
        <v>0</v>
      </c>
      <c r="BU12" s="114">
        <v>17016025</v>
      </c>
      <c r="BV12" s="114">
        <v>22989833</v>
      </c>
      <c r="BW12" s="114">
        <v>23934988</v>
      </c>
      <c r="BX12" s="114">
        <v>20510431</v>
      </c>
      <c r="BY12" s="114">
        <v>15017715</v>
      </c>
      <c r="BZ12" s="113">
        <v>99468992</v>
      </c>
      <c r="CA12" s="116">
        <v>105223478</v>
      </c>
      <c r="CB12" s="110">
        <v>1871704</v>
      </c>
      <c r="CC12" s="114">
        <v>7070223</v>
      </c>
      <c r="CD12" s="113">
        <v>8941927</v>
      </c>
      <c r="CE12" s="110">
        <v>0</v>
      </c>
      <c r="CF12" s="114">
        <v>92411097</v>
      </c>
      <c r="CG12" s="114">
        <v>147645150</v>
      </c>
      <c r="CH12" s="114">
        <v>126398728</v>
      </c>
      <c r="CI12" s="114">
        <v>86479209</v>
      </c>
      <c r="CJ12" s="114">
        <v>43700986</v>
      </c>
      <c r="CK12" s="113">
        <v>496635170</v>
      </c>
      <c r="CL12" s="116">
        <v>505577097</v>
      </c>
      <c r="CM12" s="110">
        <v>0</v>
      </c>
      <c r="CN12" s="114">
        <v>0</v>
      </c>
      <c r="CO12" s="113">
        <v>0</v>
      </c>
      <c r="CP12" s="111">
        <v>0</v>
      </c>
      <c r="CQ12" s="114">
        <v>85294953</v>
      </c>
      <c r="CR12" s="114">
        <v>124282132</v>
      </c>
      <c r="CS12" s="114">
        <v>107427309</v>
      </c>
      <c r="CT12" s="114">
        <v>70669737</v>
      </c>
      <c r="CU12" s="114">
        <v>38888908</v>
      </c>
      <c r="CV12" s="113">
        <v>426563039</v>
      </c>
      <c r="CW12" s="116">
        <v>426563039</v>
      </c>
      <c r="CX12" s="110">
        <v>1871704</v>
      </c>
      <c r="CY12" s="114">
        <v>7070223</v>
      </c>
      <c r="CZ12" s="113">
        <v>8941927</v>
      </c>
      <c r="DA12" s="110">
        <v>0</v>
      </c>
      <c r="DB12" s="114">
        <v>7116144</v>
      </c>
      <c r="DC12" s="114">
        <v>23363018</v>
      </c>
      <c r="DD12" s="114">
        <v>18971419</v>
      </c>
      <c r="DE12" s="114">
        <v>15809472</v>
      </c>
      <c r="DF12" s="114">
        <v>4812078</v>
      </c>
      <c r="DG12" s="113">
        <v>70072131</v>
      </c>
      <c r="DH12" s="116">
        <v>79014058</v>
      </c>
      <c r="DI12" s="110">
        <v>101607</v>
      </c>
      <c r="DJ12" s="114">
        <v>754726</v>
      </c>
      <c r="DK12" s="112">
        <v>856333</v>
      </c>
      <c r="DL12" s="111">
        <v>0</v>
      </c>
      <c r="DM12" s="114">
        <v>7570821</v>
      </c>
      <c r="DN12" s="114">
        <v>21008508</v>
      </c>
      <c r="DO12" s="114">
        <v>44216653</v>
      </c>
      <c r="DP12" s="114">
        <v>34446163</v>
      </c>
      <c r="DQ12" s="114">
        <v>20039235</v>
      </c>
      <c r="DR12" s="113">
        <v>127281380</v>
      </c>
      <c r="DS12" s="116">
        <v>128137713</v>
      </c>
      <c r="DT12" s="110">
        <v>101607</v>
      </c>
      <c r="DU12" s="114">
        <v>546840</v>
      </c>
      <c r="DV12" s="113">
        <v>648447</v>
      </c>
      <c r="DW12" s="110">
        <v>0</v>
      </c>
      <c r="DX12" s="114">
        <v>7570821</v>
      </c>
      <c r="DY12" s="114">
        <v>20059623</v>
      </c>
      <c r="DZ12" s="114">
        <v>43996870</v>
      </c>
      <c r="EA12" s="114">
        <v>33552568</v>
      </c>
      <c r="EB12" s="114">
        <v>19878570</v>
      </c>
      <c r="EC12" s="113">
        <v>125058452</v>
      </c>
      <c r="ED12" s="116">
        <v>125706899</v>
      </c>
      <c r="EE12" s="110">
        <v>0</v>
      </c>
      <c r="EF12" s="112">
        <v>207886</v>
      </c>
      <c r="EG12" s="113">
        <v>207886</v>
      </c>
      <c r="EH12" s="110">
        <v>0</v>
      </c>
      <c r="EI12" s="114">
        <v>0</v>
      </c>
      <c r="EJ12" s="114">
        <v>948885</v>
      </c>
      <c r="EK12" s="114">
        <v>219783</v>
      </c>
      <c r="EL12" s="114">
        <v>893595</v>
      </c>
      <c r="EM12" s="114">
        <v>160665</v>
      </c>
      <c r="EN12" s="112">
        <v>2222928</v>
      </c>
      <c r="EO12" s="116">
        <v>2430814</v>
      </c>
      <c r="EP12" s="110">
        <v>0</v>
      </c>
      <c r="EQ12" s="114">
        <v>0</v>
      </c>
      <c r="ER12" s="112">
        <v>0</v>
      </c>
      <c r="ES12" s="111">
        <v>0</v>
      </c>
      <c r="ET12" s="114">
        <v>0</v>
      </c>
      <c r="EU12" s="114">
        <v>0</v>
      </c>
      <c r="EV12" s="114">
        <v>0</v>
      </c>
      <c r="EW12" s="114">
        <v>0</v>
      </c>
      <c r="EX12" s="114">
        <v>0</v>
      </c>
      <c r="EY12" s="113">
        <v>0</v>
      </c>
      <c r="EZ12" s="116">
        <v>0</v>
      </c>
      <c r="FA12" s="110">
        <v>0</v>
      </c>
      <c r="FB12" s="114">
        <v>0</v>
      </c>
      <c r="FC12" s="112">
        <v>0</v>
      </c>
      <c r="FD12" s="347"/>
      <c r="FE12" s="114">
        <v>0</v>
      </c>
      <c r="FF12" s="114">
        <v>0</v>
      </c>
      <c r="FG12" s="114">
        <v>0</v>
      </c>
      <c r="FH12" s="114">
        <v>0</v>
      </c>
      <c r="FI12" s="114">
        <v>0</v>
      </c>
      <c r="FJ12" s="113">
        <v>0</v>
      </c>
      <c r="FK12" s="116">
        <v>0</v>
      </c>
      <c r="FL12" s="110">
        <v>7214202</v>
      </c>
      <c r="FM12" s="114">
        <v>23063913</v>
      </c>
      <c r="FN12" s="113">
        <v>30278115</v>
      </c>
      <c r="FO12" s="110">
        <v>0</v>
      </c>
      <c r="FP12" s="114">
        <v>17570370</v>
      </c>
      <c r="FQ12" s="114">
        <v>52500658</v>
      </c>
      <c r="FR12" s="114">
        <v>39931722</v>
      </c>
      <c r="FS12" s="114">
        <v>34463017</v>
      </c>
      <c r="FT12" s="114">
        <v>23995755</v>
      </c>
      <c r="FU12" s="113">
        <v>168461522</v>
      </c>
      <c r="FV12" s="116">
        <v>198739637</v>
      </c>
      <c r="FW12" s="115">
        <v>4698353</v>
      </c>
      <c r="FX12" s="114">
        <v>17582910</v>
      </c>
      <c r="FY12" s="112">
        <v>22281263</v>
      </c>
      <c r="FZ12" s="111">
        <v>0</v>
      </c>
      <c r="GA12" s="114">
        <v>14487660</v>
      </c>
      <c r="GB12" s="114">
        <v>49115014</v>
      </c>
      <c r="GC12" s="114">
        <v>36871766</v>
      </c>
      <c r="GD12" s="114">
        <v>32377445</v>
      </c>
      <c r="GE12" s="114">
        <v>22352801</v>
      </c>
      <c r="GF12" s="113">
        <v>155204686</v>
      </c>
      <c r="GG12" s="318">
        <v>177485949</v>
      </c>
      <c r="GH12" s="115">
        <v>311171</v>
      </c>
      <c r="GI12" s="114">
        <v>1052814</v>
      </c>
      <c r="GJ12" s="112">
        <v>1363985</v>
      </c>
      <c r="GK12" s="111">
        <v>0</v>
      </c>
      <c r="GL12" s="114">
        <v>954927</v>
      </c>
      <c r="GM12" s="114">
        <v>1320346</v>
      </c>
      <c r="GN12" s="114">
        <v>1036653</v>
      </c>
      <c r="GO12" s="114">
        <v>1103011</v>
      </c>
      <c r="GP12" s="114">
        <v>532713</v>
      </c>
      <c r="GQ12" s="113">
        <v>4947650</v>
      </c>
      <c r="GR12" s="116">
        <v>6311635</v>
      </c>
      <c r="GS12" s="110">
        <v>2204678</v>
      </c>
      <c r="GT12" s="114">
        <v>4428189</v>
      </c>
      <c r="GU12" s="113">
        <v>6632867</v>
      </c>
      <c r="GV12" s="110">
        <v>0</v>
      </c>
      <c r="GW12" s="114">
        <v>2127783</v>
      </c>
      <c r="GX12" s="114">
        <v>2065298</v>
      </c>
      <c r="GY12" s="114">
        <v>2023303</v>
      </c>
      <c r="GZ12" s="114">
        <v>982561</v>
      </c>
      <c r="HA12" s="114">
        <v>1110241</v>
      </c>
      <c r="HB12" s="112">
        <v>8309186</v>
      </c>
      <c r="HC12" s="116">
        <v>14942053</v>
      </c>
      <c r="HD12" s="110">
        <v>7244872</v>
      </c>
      <c r="HE12" s="114">
        <v>11745967</v>
      </c>
      <c r="HF12" s="112">
        <v>18990839</v>
      </c>
      <c r="HG12" s="111">
        <v>0</v>
      </c>
      <c r="HH12" s="114">
        <v>58071070</v>
      </c>
      <c r="HI12" s="114">
        <v>54754397</v>
      </c>
      <c r="HJ12" s="114">
        <v>57971909</v>
      </c>
      <c r="HK12" s="114">
        <v>73313066</v>
      </c>
      <c r="HL12" s="114">
        <v>43794771</v>
      </c>
      <c r="HM12" s="113">
        <v>287905213</v>
      </c>
      <c r="HN12" s="109">
        <v>306896052</v>
      </c>
      <c r="HO12" s="115">
        <v>4957016</v>
      </c>
      <c r="HP12" s="114">
        <v>13096563</v>
      </c>
      <c r="HQ12" s="113">
        <v>18053579</v>
      </c>
      <c r="HR12" s="110">
        <v>0</v>
      </c>
      <c r="HS12" s="114">
        <v>55095460</v>
      </c>
      <c r="HT12" s="114">
        <v>72450757</v>
      </c>
      <c r="HU12" s="114">
        <v>50559994</v>
      </c>
      <c r="HV12" s="114">
        <v>32270968</v>
      </c>
      <c r="HW12" s="114">
        <v>18504812</v>
      </c>
      <c r="HX12" s="112">
        <v>228881991</v>
      </c>
      <c r="HY12" s="116">
        <v>246935570</v>
      </c>
      <c r="HZ12" s="131">
        <v>932918</v>
      </c>
      <c r="IA12" s="132">
        <v>2829341</v>
      </c>
      <c r="IB12" s="133">
        <v>3762259</v>
      </c>
      <c r="IC12" s="134">
        <v>0</v>
      </c>
      <c r="ID12" s="135">
        <v>121743105</v>
      </c>
      <c r="IE12" s="136">
        <v>175377825</v>
      </c>
      <c r="IF12" s="137">
        <v>201244168</v>
      </c>
      <c r="IG12" s="135">
        <v>137892537</v>
      </c>
      <c r="IH12" s="137">
        <v>87836962</v>
      </c>
      <c r="II12" s="138">
        <v>724094597</v>
      </c>
      <c r="IJ12" s="139">
        <v>727856856</v>
      </c>
      <c r="IK12" s="232">
        <v>0</v>
      </c>
      <c r="IL12" s="236">
        <v>0</v>
      </c>
      <c r="IM12" s="237">
        <v>0</v>
      </c>
      <c r="IN12" s="140"/>
      <c r="IO12" s="119">
        <v>2166312</v>
      </c>
      <c r="IP12" s="119">
        <v>1712029</v>
      </c>
      <c r="IQ12" s="119">
        <v>3938854</v>
      </c>
      <c r="IR12" s="119">
        <v>4559889</v>
      </c>
      <c r="IS12" s="119">
        <v>3932570</v>
      </c>
      <c r="IT12" s="141">
        <v>16309654</v>
      </c>
      <c r="IU12" s="320">
        <v>16309654</v>
      </c>
      <c r="IV12" s="142">
        <v>0</v>
      </c>
      <c r="IW12" s="119">
        <v>0</v>
      </c>
      <c r="IX12" s="120">
        <v>0</v>
      </c>
      <c r="IY12" s="144"/>
      <c r="IZ12" s="119">
        <v>11609</v>
      </c>
      <c r="JA12" s="119">
        <v>12359</v>
      </c>
      <c r="JB12" s="119">
        <v>11609</v>
      </c>
      <c r="JC12" s="119">
        <v>47769</v>
      </c>
      <c r="JD12" s="119">
        <v>476724</v>
      </c>
      <c r="JE12" s="120">
        <v>560070</v>
      </c>
      <c r="JF12" s="121">
        <v>560070</v>
      </c>
      <c r="JG12" s="142">
        <v>0</v>
      </c>
      <c r="JH12" s="119">
        <v>0</v>
      </c>
      <c r="JI12" s="141">
        <v>0</v>
      </c>
      <c r="JJ12" s="118">
        <v>0</v>
      </c>
      <c r="JK12" s="119">
        <v>41374359</v>
      </c>
      <c r="JL12" s="119">
        <v>61296367</v>
      </c>
      <c r="JM12" s="119">
        <v>50421045</v>
      </c>
      <c r="JN12" s="119">
        <v>28995303</v>
      </c>
      <c r="JO12" s="119">
        <v>19648191</v>
      </c>
      <c r="JP12" s="120">
        <v>201735265</v>
      </c>
      <c r="JQ12" s="320">
        <v>201735265</v>
      </c>
      <c r="JR12" s="142">
        <v>69076</v>
      </c>
      <c r="JS12" s="119">
        <v>0</v>
      </c>
      <c r="JT12" s="141">
        <v>69076</v>
      </c>
      <c r="JU12" s="118">
        <v>0</v>
      </c>
      <c r="JV12" s="119">
        <v>1747413</v>
      </c>
      <c r="JW12" s="119">
        <v>2431719</v>
      </c>
      <c r="JX12" s="119">
        <v>5018915</v>
      </c>
      <c r="JY12" s="119">
        <v>3484187</v>
      </c>
      <c r="JZ12" s="119">
        <v>4165618</v>
      </c>
      <c r="KA12" s="120">
        <v>16847852</v>
      </c>
      <c r="KB12" s="320">
        <v>16916928</v>
      </c>
      <c r="KC12" s="234">
        <v>863842</v>
      </c>
      <c r="KD12" s="230">
        <v>2316777</v>
      </c>
      <c r="KE12" s="120">
        <v>3180619</v>
      </c>
      <c r="KF12" s="118">
        <v>0</v>
      </c>
      <c r="KG12" s="119">
        <v>14777191</v>
      </c>
      <c r="KH12" s="119">
        <v>26582511</v>
      </c>
      <c r="KI12" s="119">
        <v>33357295</v>
      </c>
      <c r="KJ12" s="119">
        <v>21657191</v>
      </c>
      <c r="KK12" s="119">
        <v>6487998</v>
      </c>
      <c r="KL12" s="120">
        <v>102862186</v>
      </c>
      <c r="KM12" s="143">
        <v>106042805</v>
      </c>
      <c r="KN12" s="232">
        <v>0</v>
      </c>
      <c r="KO12" s="236">
        <v>512564</v>
      </c>
      <c r="KP12" s="237">
        <v>512564</v>
      </c>
      <c r="KQ12" s="140"/>
      <c r="KR12" s="119">
        <v>60147257</v>
      </c>
      <c r="KS12" s="119">
        <v>80447939</v>
      </c>
      <c r="KT12" s="119">
        <v>98956317</v>
      </c>
      <c r="KU12" s="119">
        <v>63273733</v>
      </c>
      <c r="KV12" s="119">
        <v>42598979</v>
      </c>
      <c r="KW12" s="120">
        <v>345424225</v>
      </c>
      <c r="KX12" s="320">
        <v>345936789</v>
      </c>
      <c r="KY12" s="142">
        <v>0</v>
      </c>
      <c r="KZ12" s="119">
        <v>0</v>
      </c>
      <c r="LA12" s="120">
        <v>0</v>
      </c>
      <c r="LB12" s="145"/>
      <c r="LC12" s="119">
        <v>0</v>
      </c>
      <c r="LD12" s="119">
        <v>0</v>
      </c>
      <c r="LE12" s="119">
        <v>0</v>
      </c>
      <c r="LF12" s="119">
        <v>0</v>
      </c>
      <c r="LG12" s="119">
        <v>0</v>
      </c>
      <c r="LH12" s="120">
        <v>0</v>
      </c>
      <c r="LI12" s="121">
        <v>0</v>
      </c>
      <c r="LJ12" s="142">
        <v>0</v>
      </c>
      <c r="LK12" s="119">
        <v>0</v>
      </c>
      <c r="LL12" s="120">
        <v>0</v>
      </c>
      <c r="LM12" s="145"/>
      <c r="LN12" s="119">
        <v>0</v>
      </c>
      <c r="LO12" s="119">
        <v>416135</v>
      </c>
      <c r="LP12" s="119">
        <v>4060491</v>
      </c>
      <c r="LQ12" s="119">
        <v>8459973</v>
      </c>
      <c r="LR12" s="119">
        <v>3853758</v>
      </c>
      <c r="LS12" s="120">
        <v>16790357</v>
      </c>
      <c r="LT12" s="320">
        <v>16790357</v>
      </c>
      <c r="LU12" s="142">
        <v>0</v>
      </c>
      <c r="LV12" s="119">
        <v>0</v>
      </c>
      <c r="LW12" s="120">
        <v>0</v>
      </c>
      <c r="LX12" s="145"/>
      <c r="LY12" s="119">
        <v>1518964</v>
      </c>
      <c r="LZ12" s="119">
        <v>2478766</v>
      </c>
      <c r="MA12" s="119">
        <v>5479642</v>
      </c>
      <c r="MB12" s="119">
        <v>7414492</v>
      </c>
      <c r="MC12" s="119">
        <v>6673124</v>
      </c>
      <c r="MD12" s="120">
        <v>23564988</v>
      </c>
      <c r="ME12" s="121">
        <v>23564988</v>
      </c>
      <c r="MF12" s="142">
        <v>0</v>
      </c>
      <c r="MG12" s="119">
        <v>0</v>
      </c>
      <c r="MH12" s="120">
        <v>0</v>
      </c>
      <c r="MI12" s="145"/>
      <c r="MJ12" s="119">
        <v>20943916</v>
      </c>
      <c r="MK12" s="119">
        <v>69185290</v>
      </c>
      <c r="ML12" s="119">
        <v>314871959</v>
      </c>
      <c r="MM12" s="119">
        <v>520611950</v>
      </c>
      <c r="MN12" s="119">
        <v>349010412</v>
      </c>
      <c r="MO12" s="120">
        <v>1274623527</v>
      </c>
      <c r="MP12" s="143">
        <v>1274623527</v>
      </c>
      <c r="MQ12" s="142">
        <v>0</v>
      </c>
      <c r="MR12" s="119">
        <v>0</v>
      </c>
      <c r="MS12" s="120">
        <v>0</v>
      </c>
      <c r="MT12" s="145"/>
      <c r="MU12" s="119">
        <v>2178702</v>
      </c>
      <c r="MV12" s="119">
        <v>12566830</v>
      </c>
      <c r="MW12" s="119">
        <v>222058438</v>
      </c>
      <c r="MX12" s="119">
        <v>360670897</v>
      </c>
      <c r="MY12" s="119">
        <v>249009481</v>
      </c>
      <c r="MZ12" s="120">
        <v>846484348</v>
      </c>
      <c r="NA12" s="143">
        <v>846484348</v>
      </c>
      <c r="NB12" s="142">
        <v>0</v>
      </c>
      <c r="NC12" s="119">
        <v>0</v>
      </c>
      <c r="ND12" s="120">
        <v>0</v>
      </c>
      <c r="NE12" s="145"/>
      <c r="NF12" s="119">
        <v>18765214</v>
      </c>
      <c r="NG12" s="119">
        <v>56618460</v>
      </c>
      <c r="NH12" s="119">
        <v>89833863</v>
      </c>
      <c r="NI12" s="119">
        <v>122862027</v>
      </c>
      <c r="NJ12" s="119">
        <v>62876021</v>
      </c>
      <c r="NK12" s="120">
        <v>350955585</v>
      </c>
      <c r="NL12" s="320">
        <v>350955585</v>
      </c>
      <c r="NM12" s="142">
        <v>0</v>
      </c>
      <c r="NN12" s="119">
        <v>0</v>
      </c>
      <c r="NO12" s="120">
        <v>0</v>
      </c>
      <c r="NP12" s="145"/>
      <c r="NQ12" s="119">
        <v>0</v>
      </c>
      <c r="NR12" s="119">
        <v>0</v>
      </c>
      <c r="NS12" s="119">
        <v>0</v>
      </c>
      <c r="NT12" s="119">
        <v>8032265</v>
      </c>
      <c r="NU12" s="119">
        <v>7208600</v>
      </c>
      <c r="NV12" s="120">
        <v>15240865</v>
      </c>
      <c r="NW12" s="121">
        <v>15240865</v>
      </c>
      <c r="NX12" s="142">
        <v>0</v>
      </c>
      <c r="NY12" s="119">
        <v>0</v>
      </c>
      <c r="NZ12" s="120">
        <v>0</v>
      </c>
      <c r="OA12" s="145"/>
      <c r="OB12" s="119">
        <v>0</v>
      </c>
      <c r="OC12" s="119">
        <v>0</v>
      </c>
      <c r="OD12" s="119">
        <v>2979658</v>
      </c>
      <c r="OE12" s="119">
        <v>29046761</v>
      </c>
      <c r="OF12" s="119">
        <v>29916310</v>
      </c>
      <c r="OG12" s="120">
        <v>61942729</v>
      </c>
      <c r="OH12" s="121">
        <v>61942729</v>
      </c>
      <c r="OI12" s="142">
        <v>27534616</v>
      </c>
      <c r="OJ12" s="119">
        <v>76476100</v>
      </c>
      <c r="OK12" s="141">
        <v>104010716</v>
      </c>
      <c r="OL12" s="118">
        <v>0</v>
      </c>
      <c r="OM12" s="119">
        <v>461514456</v>
      </c>
      <c r="ON12" s="119">
        <v>757561569</v>
      </c>
      <c r="OO12" s="119">
        <v>991566865</v>
      </c>
      <c r="OP12" s="119">
        <v>1070113826</v>
      </c>
      <c r="OQ12" s="119">
        <v>726220409</v>
      </c>
      <c r="OR12" s="120">
        <v>4006977125</v>
      </c>
      <c r="OS12" s="143">
        <v>4110987841</v>
      </c>
    </row>
    <row r="13" spans="1:409" ht="21" customHeight="1" x14ac:dyDescent="0.2">
      <c r="B13" s="62" t="s">
        <v>7</v>
      </c>
      <c r="C13" s="110">
        <v>13939015</v>
      </c>
      <c r="D13" s="114">
        <v>17219275</v>
      </c>
      <c r="E13" s="113">
        <v>31158290</v>
      </c>
      <c r="F13" s="109">
        <v>0</v>
      </c>
      <c r="G13" s="114">
        <v>354291821</v>
      </c>
      <c r="H13" s="114">
        <v>326433825</v>
      </c>
      <c r="I13" s="114">
        <v>278691810</v>
      </c>
      <c r="J13" s="114">
        <v>289210758</v>
      </c>
      <c r="K13" s="114">
        <v>194626826</v>
      </c>
      <c r="L13" s="109">
        <v>1443255040</v>
      </c>
      <c r="M13" s="116">
        <v>1474413330</v>
      </c>
      <c r="N13" s="110">
        <v>2160049</v>
      </c>
      <c r="O13" s="114">
        <v>2038412</v>
      </c>
      <c r="P13" s="113">
        <v>4198461</v>
      </c>
      <c r="Q13" s="110">
        <v>0</v>
      </c>
      <c r="R13" s="114">
        <v>82272194</v>
      </c>
      <c r="S13" s="114">
        <v>90681976</v>
      </c>
      <c r="T13" s="114">
        <v>88826078</v>
      </c>
      <c r="U13" s="114">
        <v>122595478</v>
      </c>
      <c r="V13" s="114">
        <v>109649487</v>
      </c>
      <c r="W13" s="113">
        <v>494025213</v>
      </c>
      <c r="X13" s="116">
        <v>498223674</v>
      </c>
      <c r="Y13" s="110">
        <v>0</v>
      </c>
      <c r="Z13" s="114">
        <v>0</v>
      </c>
      <c r="AA13" s="113">
        <v>0</v>
      </c>
      <c r="AB13" s="110">
        <v>0</v>
      </c>
      <c r="AC13" s="114">
        <v>46263549</v>
      </c>
      <c r="AD13" s="114">
        <v>49453860</v>
      </c>
      <c r="AE13" s="114">
        <v>56790510</v>
      </c>
      <c r="AF13" s="114">
        <v>80891598</v>
      </c>
      <c r="AG13" s="114">
        <v>71800641</v>
      </c>
      <c r="AH13" s="113">
        <v>305200158</v>
      </c>
      <c r="AI13" s="116">
        <v>305200158</v>
      </c>
      <c r="AJ13" s="110">
        <v>0</v>
      </c>
      <c r="AK13" s="114">
        <v>0</v>
      </c>
      <c r="AL13" s="113">
        <v>0</v>
      </c>
      <c r="AM13" s="110">
        <v>0</v>
      </c>
      <c r="AN13" s="114">
        <v>592907</v>
      </c>
      <c r="AO13" s="114">
        <v>2505725</v>
      </c>
      <c r="AP13" s="114">
        <v>3410970</v>
      </c>
      <c r="AQ13" s="114">
        <v>8047297</v>
      </c>
      <c r="AR13" s="114">
        <v>11840212</v>
      </c>
      <c r="AS13" s="113">
        <v>26397111</v>
      </c>
      <c r="AT13" s="116">
        <v>26397111</v>
      </c>
      <c r="AU13" s="110">
        <v>453850</v>
      </c>
      <c r="AV13" s="114">
        <v>638953</v>
      </c>
      <c r="AW13" s="113">
        <v>1092803</v>
      </c>
      <c r="AX13" s="110">
        <v>0</v>
      </c>
      <c r="AY13" s="114">
        <v>18202455</v>
      </c>
      <c r="AZ13" s="114">
        <v>22905752</v>
      </c>
      <c r="BA13" s="114">
        <v>14556000</v>
      </c>
      <c r="BB13" s="114">
        <v>18559764</v>
      </c>
      <c r="BC13" s="114">
        <v>16094002</v>
      </c>
      <c r="BD13" s="113">
        <v>90317973</v>
      </c>
      <c r="BE13" s="116">
        <v>91410776</v>
      </c>
      <c r="BF13" s="110">
        <v>107472</v>
      </c>
      <c r="BG13" s="114">
        <v>255202</v>
      </c>
      <c r="BH13" s="112">
        <v>362674</v>
      </c>
      <c r="BI13" s="111">
        <v>0</v>
      </c>
      <c r="BJ13" s="114">
        <v>2127276</v>
      </c>
      <c r="BK13" s="114">
        <v>2496328</v>
      </c>
      <c r="BL13" s="114">
        <v>1927787</v>
      </c>
      <c r="BM13" s="114">
        <v>1990705</v>
      </c>
      <c r="BN13" s="114">
        <v>1111759</v>
      </c>
      <c r="BO13" s="113">
        <v>9653855</v>
      </c>
      <c r="BP13" s="116">
        <v>10016529</v>
      </c>
      <c r="BQ13" s="110">
        <v>1598727</v>
      </c>
      <c r="BR13" s="114">
        <v>1144257</v>
      </c>
      <c r="BS13" s="113">
        <v>2742984</v>
      </c>
      <c r="BT13" s="110">
        <v>0</v>
      </c>
      <c r="BU13" s="114">
        <v>15086007</v>
      </c>
      <c r="BV13" s="114">
        <v>13320311</v>
      </c>
      <c r="BW13" s="114">
        <v>12140811</v>
      </c>
      <c r="BX13" s="114">
        <v>13106114</v>
      </c>
      <c r="BY13" s="114">
        <v>8802873</v>
      </c>
      <c r="BZ13" s="113">
        <v>62456116</v>
      </c>
      <c r="CA13" s="116">
        <v>65199100</v>
      </c>
      <c r="CB13" s="110">
        <v>761548</v>
      </c>
      <c r="CC13" s="114">
        <v>2113239</v>
      </c>
      <c r="CD13" s="113">
        <v>2874787</v>
      </c>
      <c r="CE13" s="110">
        <v>0</v>
      </c>
      <c r="CF13" s="114">
        <v>94932026</v>
      </c>
      <c r="CG13" s="114">
        <v>81816368</v>
      </c>
      <c r="CH13" s="114">
        <v>58720734</v>
      </c>
      <c r="CI13" s="114">
        <v>36509710</v>
      </c>
      <c r="CJ13" s="114">
        <v>15343826</v>
      </c>
      <c r="CK13" s="113">
        <v>287322664</v>
      </c>
      <c r="CL13" s="116">
        <v>290197451</v>
      </c>
      <c r="CM13" s="110">
        <v>0</v>
      </c>
      <c r="CN13" s="114">
        <v>0</v>
      </c>
      <c r="CO13" s="113">
        <v>0</v>
      </c>
      <c r="CP13" s="111">
        <v>0</v>
      </c>
      <c r="CQ13" s="114">
        <v>81265925</v>
      </c>
      <c r="CR13" s="114">
        <v>67228437</v>
      </c>
      <c r="CS13" s="114">
        <v>47522489</v>
      </c>
      <c r="CT13" s="114">
        <v>30297139</v>
      </c>
      <c r="CU13" s="114">
        <v>13382142</v>
      </c>
      <c r="CV13" s="113">
        <v>239696132</v>
      </c>
      <c r="CW13" s="116">
        <v>239696132</v>
      </c>
      <c r="CX13" s="110">
        <v>761548</v>
      </c>
      <c r="CY13" s="114">
        <v>2113239</v>
      </c>
      <c r="CZ13" s="113">
        <v>2874787</v>
      </c>
      <c r="DA13" s="110">
        <v>0</v>
      </c>
      <c r="DB13" s="114">
        <v>13666101</v>
      </c>
      <c r="DC13" s="114">
        <v>14587931</v>
      </c>
      <c r="DD13" s="114">
        <v>11198245</v>
      </c>
      <c r="DE13" s="114">
        <v>6212571</v>
      </c>
      <c r="DF13" s="114">
        <v>1961684</v>
      </c>
      <c r="DG13" s="113">
        <v>47626532</v>
      </c>
      <c r="DH13" s="116">
        <v>50501319</v>
      </c>
      <c r="DI13" s="110">
        <v>33070</v>
      </c>
      <c r="DJ13" s="114">
        <v>250059</v>
      </c>
      <c r="DK13" s="112">
        <v>283129</v>
      </c>
      <c r="DL13" s="111">
        <v>0</v>
      </c>
      <c r="DM13" s="114">
        <v>10243300</v>
      </c>
      <c r="DN13" s="114">
        <v>18800618</v>
      </c>
      <c r="DO13" s="114">
        <v>25815715</v>
      </c>
      <c r="DP13" s="114">
        <v>21124332</v>
      </c>
      <c r="DQ13" s="114">
        <v>10191159</v>
      </c>
      <c r="DR13" s="113">
        <v>86175124</v>
      </c>
      <c r="DS13" s="116">
        <v>86458253</v>
      </c>
      <c r="DT13" s="110">
        <v>33070</v>
      </c>
      <c r="DU13" s="114">
        <v>250059</v>
      </c>
      <c r="DV13" s="113">
        <v>283129</v>
      </c>
      <c r="DW13" s="110">
        <v>0</v>
      </c>
      <c r="DX13" s="114">
        <v>9946041</v>
      </c>
      <c r="DY13" s="114">
        <v>17998920</v>
      </c>
      <c r="DZ13" s="114">
        <v>23084158</v>
      </c>
      <c r="EA13" s="114">
        <v>19235492</v>
      </c>
      <c r="EB13" s="114">
        <v>9359629</v>
      </c>
      <c r="EC13" s="113">
        <v>79624240</v>
      </c>
      <c r="ED13" s="116">
        <v>79907369</v>
      </c>
      <c r="EE13" s="110">
        <v>0</v>
      </c>
      <c r="EF13" s="112">
        <v>0</v>
      </c>
      <c r="EG13" s="113">
        <v>0</v>
      </c>
      <c r="EH13" s="110">
        <v>0</v>
      </c>
      <c r="EI13" s="114">
        <v>297259</v>
      </c>
      <c r="EJ13" s="114">
        <v>801698</v>
      </c>
      <c r="EK13" s="114">
        <v>2731557</v>
      </c>
      <c r="EL13" s="114">
        <v>1888840</v>
      </c>
      <c r="EM13" s="114">
        <v>831530</v>
      </c>
      <c r="EN13" s="112">
        <v>6550884</v>
      </c>
      <c r="EO13" s="116">
        <v>6550884</v>
      </c>
      <c r="EP13" s="110">
        <v>0</v>
      </c>
      <c r="EQ13" s="114">
        <v>0</v>
      </c>
      <c r="ER13" s="112">
        <v>0</v>
      </c>
      <c r="ES13" s="111">
        <v>0</v>
      </c>
      <c r="ET13" s="114">
        <v>0</v>
      </c>
      <c r="EU13" s="114">
        <v>0</v>
      </c>
      <c r="EV13" s="114">
        <v>0</v>
      </c>
      <c r="EW13" s="114">
        <v>0</v>
      </c>
      <c r="EX13" s="114">
        <v>0</v>
      </c>
      <c r="EY13" s="113">
        <v>0</v>
      </c>
      <c r="EZ13" s="116">
        <v>0</v>
      </c>
      <c r="FA13" s="110">
        <v>0</v>
      </c>
      <c r="FB13" s="114">
        <v>0</v>
      </c>
      <c r="FC13" s="112">
        <v>0</v>
      </c>
      <c r="FD13" s="347"/>
      <c r="FE13" s="114">
        <v>0</v>
      </c>
      <c r="FF13" s="114">
        <v>0</v>
      </c>
      <c r="FG13" s="114">
        <v>0</v>
      </c>
      <c r="FH13" s="114">
        <v>0</v>
      </c>
      <c r="FI13" s="114">
        <v>0</v>
      </c>
      <c r="FJ13" s="113">
        <v>0</v>
      </c>
      <c r="FK13" s="116">
        <v>0</v>
      </c>
      <c r="FL13" s="110">
        <v>2888744</v>
      </c>
      <c r="FM13" s="114">
        <v>4394612</v>
      </c>
      <c r="FN13" s="113">
        <v>7283356</v>
      </c>
      <c r="FO13" s="110">
        <v>0</v>
      </c>
      <c r="FP13" s="114">
        <v>14900233</v>
      </c>
      <c r="FQ13" s="114">
        <v>33043181</v>
      </c>
      <c r="FR13" s="114">
        <v>21916230</v>
      </c>
      <c r="FS13" s="114">
        <v>20594815</v>
      </c>
      <c r="FT13" s="114">
        <v>12579783</v>
      </c>
      <c r="FU13" s="113">
        <v>103034242</v>
      </c>
      <c r="FV13" s="116">
        <v>110317598</v>
      </c>
      <c r="FW13" s="115">
        <v>1386706</v>
      </c>
      <c r="FX13" s="114">
        <v>3289172</v>
      </c>
      <c r="FY13" s="112">
        <v>4675878</v>
      </c>
      <c r="FZ13" s="111">
        <v>0</v>
      </c>
      <c r="GA13" s="114">
        <v>11714648</v>
      </c>
      <c r="GB13" s="114">
        <v>29833740</v>
      </c>
      <c r="GC13" s="114">
        <v>20581294</v>
      </c>
      <c r="GD13" s="114">
        <v>19305363</v>
      </c>
      <c r="GE13" s="114">
        <v>12250665</v>
      </c>
      <c r="GF13" s="113">
        <v>93685710</v>
      </c>
      <c r="GG13" s="318">
        <v>98361588</v>
      </c>
      <c r="GH13" s="115">
        <v>184086</v>
      </c>
      <c r="GI13" s="114">
        <v>335832</v>
      </c>
      <c r="GJ13" s="112">
        <v>519918</v>
      </c>
      <c r="GK13" s="111">
        <v>0</v>
      </c>
      <c r="GL13" s="114">
        <v>560759</v>
      </c>
      <c r="GM13" s="114">
        <v>692961</v>
      </c>
      <c r="GN13" s="114">
        <v>532228</v>
      </c>
      <c r="GO13" s="114">
        <v>462782</v>
      </c>
      <c r="GP13" s="114">
        <v>329118</v>
      </c>
      <c r="GQ13" s="113">
        <v>2577848</v>
      </c>
      <c r="GR13" s="116">
        <v>3097766</v>
      </c>
      <c r="GS13" s="110">
        <v>1317952</v>
      </c>
      <c r="GT13" s="114">
        <v>769608</v>
      </c>
      <c r="GU13" s="113">
        <v>2087560</v>
      </c>
      <c r="GV13" s="110">
        <v>0</v>
      </c>
      <c r="GW13" s="114">
        <v>2624826</v>
      </c>
      <c r="GX13" s="114">
        <v>2516480</v>
      </c>
      <c r="GY13" s="114">
        <v>802708</v>
      </c>
      <c r="GZ13" s="114">
        <v>826670</v>
      </c>
      <c r="HA13" s="114">
        <v>0</v>
      </c>
      <c r="HB13" s="112">
        <v>6770684</v>
      </c>
      <c r="HC13" s="116">
        <v>8858244</v>
      </c>
      <c r="HD13" s="110">
        <v>6056071</v>
      </c>
      <c r="HE13" s="114">
        <v>4772730</v>
      </c>
      <c r="HF13" s="112">
        <v>10828801</v>
      </c>
      <c r="HG13" s="111">
        <v>0</v>
      </c>
      <c r="HH13" s="114">
        <v>85435156</v>
      </c>
      <c r="HI13" s="114">
        <v>56374885</v>
      </c>
      <c r="HJ13" s="114">
        <v>53682492</v>
      </c>
      <c r="HK13" s="114">
        <v>66557836</v>
      </c>
      <c r="HL13" s="114">
        <v>35395786</v>
      </c>
      <c r="HM13" s="113">
        <v>297446155</v>
      </c>
      <c r="HN13" s="109">
        <v>308274956</v>
      </c>
      <c r="HO13" s="115">
        <v>2039533</v>
      </c>
      <c r="HP13" s="114">
        <v>3650223</v>
      </c>
      <c r="HQ13" s="113">
        <v>5689756</v>
      </c>
      <c r="HR13" s="110">
        <v>0</v>
      </c>
      <c r="HS13" s="114">
        <v>66508912</v>
      </c>
      <c r="HT13" s="114">
        <v>45716797</v>
      </c>
      <c r="HU13" s="114">
        <v>29730561</v>
      </c>
      <c r="HV13" s="114">
        <v>21828587</v>
      </c>
      <c r="HW13" s="114">
        <v>11466785</v>
      </c>
      <c r="HX13" s="112">
        <v>175251642</v>
      </c>
      <c r="HY13" s="116">
        <v>180941398</v>
      </c>
      <c r="HZ13" s="131">
        <v>242696</v>
      </c>
      <c r="IA13" s="132">
        <v>794466</v>
      </c>
      <c r="IB13" s="133">
        <v>1037162</v>
      </c>
      <c r="IC13" s="146">
        <v>0</v>
      </c>
      <c r="ID13" s="132">
        <v>94960794</v>
      </c>
      <c r="IE13" s="147">
        <v>95798159</v>
      </c>
      <c r="IF13" s="133">
        <v>107539403</v>
      </c>
      <c r="IG13" s="132">
        <v>67659250</v>
      </c>
      <c r="IH13" s="133">
        <v>41221152</v>
      </c>
      <c r="II13" s="148">
        <v>407178758</v>
      </c>
      <c r="IJ13" s="139">
        <v>408215920</v>
      </c>
      <c r="IK13" s="232">
        <v>0</v>
      </c>
      <c r="IL13" s="236">
        <v>0</v>
      </c>
      <c r="IM13" s="237">
        <v>0</v>
      </c>
      <c r="IN13" s="140"/>
      <c r="IO13" s="119">
        <v>371116</v>
      </c>
      <c r="IP13" s="119">
        <v>783288</v>
      </c>
      <c r="IQ13" s="119">
        <v>1232153</v>
      </c>
      <c r="IR13" s="119">
        <v>1771073</v>
      </c>
      <c r="IS13" s="119">
        <v>1729203</v>
      </c>
      <c r="IT13" s="141">
        <v>5886833</v>
      </c>
      <c r="IU13" s="320">
        <v>5886833</v>
      </c>
      <c r="IV13" s="142">
        <v>0</v>
      </c>
      <c r="IW13" s="119">
        <v>0</v>
      </c>
      <c r="IX13" s="120">
        <v>0</v>
      </c>
      <c r="IY13" s="144"/>
      <c r="IZ13" s="119">
        <v>0</v>
      </c>
      <c r="JA13" s="119">
        <v>0</v>
      </c>
      <c r="JB13" s="119">
        <v>0</v>
      </c>
      <c r="JC13" s="119">
        <v>0</v>
      </c>
      <c r="JD13" s="119">
        <v>0</v>
      </c>
      <c r="JE13" s="120">
        <v>0</v>
      </c>
      <c r="JF13" s="121">
        <v>0</v>
      </c>
      <c r="JG13" s="142">
        <v>0</v>
      </c>
      <c r="JH13" s="119">
        <v>0</v>
      </c>
      <c r="JI13" s="141">
        <v>0</v>
      </c>
      <c r="JJ13" s="118">
        <v>0</v>
      </c>
      <c r="JK13" s="119">
        <v>47108945</v>
      </c>
      <c r="JL13" s="119">
        <v>35664676</v>
      </c>
      <c r="JM13" s="119">
        <v>27869248</v>
      </c>
      <c r="JN13" s="119">
        <v>12677459</v>
      </c>
      <c r="JO13" s="119">
        <v>5260393</v>
      </c>
      <c r="JP13" s="120">
        <v>128580721</v>
      </c>
      <c r="JQ13" s="320">
        <v>128580721</v>
      </c>
      <c r="JR13" s="142">
        <v>0</v>
      </c>
      <c r="JS13" s="119">
        <v>0</v>
      </c>
      <c r="JT13" s="141">
        <v>0</v>
      </c>
      <c r="JU13" s="118">
        <v>0</v>
      </c>
      <c r="JV13" s="119">
        <v>7528664</v>
      </c>
      <c r="JW13" s="119">
        <v>10451450</v>
      </c>
      <c r="JX13" s="119">
        <v>14433909</v>
      </c>
      <c r="JY13" s="119">
        <v>5635314</v>
      </c>
      <c r="JZ13" s="119">
        <v>3034501</v>
      </c>
      <c r="KA13" s="120">
        <v>41083838</v>
      </c>
      <c r="KB13" s="320">
        <v>41083838</v>
      </c>
      <c r="KC13" s="234">
        <v>242696</v>
      </c>
      <c r="KD13" s="230">
        <v>794466</v>
      </c>
      <c r="KE13" s="120">
        <v>1037162</v>
      </c>
      <c r="KF13" s="118">
        <v>0</v>
      </c>
      <c r="KG13" s="119">
        <v>6964755</v>
      </c>
      <c r="KH13" s="119">
        <v>5814502</v>
      </c>
      <c r="KI13" s="119">
        <v>9227278</v>
      </c>
      <c r="KJ13" s="119">
        <v>6081482</v>
      </c>
      <c r="KK13" s="119">
        <v>1341280</v>
      </c>
      <c r="KL13" s="120">
        <v>29429297</v>
      </c>
      <c r="KM13" s="143">
        <v>30466459</v>
      </c>
      <c r="KN13" s="232">
        <v>0</v>
      </c>
      <c r="KO13" s="236">
        <v>0</v>
      </c>
      <c r="KP13" s="237">
        <v>0</v>
      </c>
      <c r="KQ13" s="140"/>
      <c r="KR13" s="119">
        <v>31830932</v>
      </c>
      <c r="KS13" s="119">
        <v>39901403</v>
      </c>
      <c r="KT13" s="119">
        <v>51637887</v>
      </c>
      <c r="KU13" s="119">
        <v>37833758</v>
      </c>
      <c r="KV13" s="119">
        <v>22599351</v>
      </c>
      <c r="KW13" s="120">
        <v>183803331</v>
      </c>
      <c r="KX13" s="320">
        <v>183803331</v>
      </c>
      <c r="KY13" s="142">
        <v>0</v>
      </c>
      <c r="KZ13" s="119">
        <v>0</v>
      </c>
      <c r="LA13" s="120">
        <v>0</v>
      </c>
      <c r="LB13" s="145"/>
      <c r="LC13" s="119">
        <v>0</v>
      </c>
      <c r="LD13" s="119">
        <v>0</v>
      </c>
      <c r="LE13" s="119">
        <v>0</v>
      </c>
      <c r="LF13" s="119">
        <v>0</v>
      </c>
      <c r="LG13" s="119">
        <v>0</v>
      </c>
      <c r="LH13" s="120">
        <v>0</v>
      </c>
      <c r="LI13" s="121">
        <v>0</v>
      </c>
      <c r="LJ13" s="142">
        <v>0</v>
      </c>
      <c r="LK13" s="119">
        <v>0</v>
      </c>
      <c r="LL13" s="120">
        <v>0</v>
      </c>
      <c r="LM13" s="145"/>
      <c r="LN13" s="119">
        <v>0</v>
      </c>
      <c r="LO13" s="119">
        <v>0</v>
      </c>
      <c r="LP13" s="119">
        <v>0</v>
      </c>
      <c r="LQ13" s="119">
        <v>0</v>
      </c>
      <c r="LR13" s="119">
        <v>0</v>
      </c>
      <c r="LS13" s="120">
        <v>0</v>
      </c>
      <c r="LT13" s="320">
        <v>0</v>
      </c>
      <c r="LU13" s="142">
        <v>0</v>
      </c>
      <c r="LV13" s="119">
        <v>0</v>
      </c>
      <c r="LW13" s="120">
        <v>0</v>
      </c>
      <c r="LX13" s="145"/>
      <c r="LY13" s="119">
        <v>1156382</v>
      </c>
      <c r="LZ13" s="119">
        <v>3182840</v>
      </c>
      <c r="MA13" s="119">
        <v>3138928</v>
      </c>
      <c r="MB13" s="119">
        <v>3660164</v>
      </c>
      <c r="MC13" s="119">
        <v>7256424</v>
      </c>
      <c r="MD13" s="120">
        <v>18394738</v>
      </c>
      <c r="ME13" s="121">
        <v>18394738</v>
      </c>
      <c r="MF13" s="142">
        <v>0</v>
      </c>
      <c r="MG13" s="119">
        <v>0</v>
      </c>
      <c r="MH13" s="120">
        <v>0</v>
      </c>
      <c r="MI13" s="145"/>
      <c r="MJ13" s="119">
        <v>44017517</v>
      </c>
      <c r="MK13" s="119">
        <v>68770300</v>
      </c>
      <c r="ML13" s="119">
        <v>213856368</v>
      </c>
      <c r="MM13" s="119">
        <v>364057481</v>
      </c>
      <c r="MN13" s="119">
        <v>207295062</v>
      </c>
      <c r="MO13" s="120">
        <v>897996728</v>
      </c>
      <c r="MP13" s="143">
        <v>897996728</v>
      </c>
      <c r="MQ13" s="142">
        <v>0</v>
      </c>
      <c r="MR13" s="119">
        <v>0</v>
      </c>
      <c r="MS13" s="120">
        <v>0</v>
      </c>
      <c r="MT13" s="145"/>
      <c r="MU13" s="119">
        <v>3890109</v>
      </c>
      <c r="MV13" s="119">
        <v>11198340</v>
      </c>
      <c r="MW13" s="119">
        <v>141647374</v>
      </c>
      <c r="MX13" s="119">
        <v>265630204</v>
      </c>
      <c r="MY13" s="119">
        <v>173127603</v>
      </c>
      <c r="MZ13" s="120">
        <v>595493630</v>
      </c>
      <c r="NA13" s="143">
        <v>595493630</v>
      </c>
      <c r="NB13" s="142">
        <v>0</v>
      </c>
      <c r="NC13" s="119">
        <v>0</v>
      </c>
      <c r="ND13" s="120">
        <v>0</v>
      </c>
      <c r="NE13" s="145"/>
      <c r="NF13" s="119">
        <v>40127408</v>
      </c>
      <c r="NG13" s="119">
        <v>57571960</v>
      </c>
      <c r="NH13" s="119">
        <v>71500879</v>
      </c>
      <c r="NI13" s="119">
        <v>96939099</v>
      </c>
      <c r="NJ13" s="119">
        <v>31732785</v>
      </c>
      <c r="NK13" s="120">
        <v>297872131</v>
      </c>
      <c r="NL13" s="320">
        <v>297872131</v>
      </c>
      <c r="NM13" s="142">
        <v>0</v>
      </c>
      <c r="NN13" s="119">
        <v>0</v>
      </c>
      <c r="NO13" s="120">
        <v>0</v>
      </c>
      <c r="NP13" s="145"/>
      <c r="NQ13" s="119">
        <v>0</v>
      </c>
      <c r="NR13" s="119">
        <v>0</v>
      </c>
      <c r="NS13" s="119">
        <v>0</v>
      </c>
      <c r="NT13" s="119">
        <v>704484</v>
      </c>
      <c r="NU13" s="119">
        <v>1206941</v>
      </c>
      <c r="NV13" s="120">
        <v>1911425</v>
      </c>
      <c r="NW13" s="121">
        <v>1911425</v>
      </c>
      <c r="NX13" s="142">
        <v>0</v>
      </c>
      <c r="NY13" s="119">
        <v>0</v>
      </c>
      <c r="NZ13" s="120">
        <v>0</v>
      </c>
      <c r="OA13" s="145"/>
      <c r="OB13" s="119">
        <v>0</v>
      </c>
      <c r="OC13" s="119">
        <v>0</v>
      </c>
      <c r="OD13" s="119">
        <v>708115</v>
      </c>
      <c r="OE13" s="119">
        <v>783694</v>
      </c>
      <c r="OF13" s="119">
        <v>1227733</v>
      </c>
      <c r="OG13" s="120">
        <v>2719542</v>
      </c>
      <c r="OH13" s="121">
        <v>2719542</v>
      </c>
      <c r="OI13" s="142">
        <v>14181711</v>
      </c>
      <c r="OJ13" s="119">
        <v>18013741</v>
      </c>
      <c r="OK13" s="141">
        <v>32195452</v>
      </c>
      <c r="OL13" s="118">
        <v>0</v>
      </c>
      <c r="OM13" s="119">
        <v>493270132</v>
      </c>
      <c r="ON13" s="119">
        <v>491002284</v>
      </c>
      <c r="OO13" s="119">
        <v>600087581</v>
      </c>
      <c r="OP13" s="119">
        <v>720927489</v>
      </c>
      <c r="OQ13" s="119">
        <v>443143040</v>
      </c>
      <c r="OR13" s="120">
        <v>2748430526</v>
      </c>
      <c r="OS13" s="143">
        <v>2780625978</v>
      </c>
    </row>
    <row r="14" spans="1:409" ht="21" customHeight="1" x14ac:dyDescent="0.2">
      <c r="B14" s="62" t="s">
        <v>8</v>
      </c>
      <c r="C14" s="110">
        <v>11932151</v>
      </c>
      <c r="D14" s="114">
        <v>14970239</v>
      </c>
      <c r="E14" s="113">
        <v>26902390</v>
      </c>
      <c r="F14" s="109">
        <v>0</v>
      </c>
      <c r="G14" s="114">
        <v>140801441</v>
      </c>
      <c r="H14" s="114">
        <v>199632815</v>
      </c>
      <c r="I14" s="114">
        <v>188589298</v>
      </c>
      <c r="J14" s="114">
        <v>160928781</v>
      </c>
      <c r="K14" s="114">
        <v>126948098</v>
      </c>
      <c r="L14" s="109">
        <v>816900433</v>
      </c>
      <c r="M14" s="116">
        <v>843802823</v>
      </c>
      <c r="N14" s="110">
        <v>2240393</v>
      </c>
      <c r="O14" s="114">
        <v>2887283</v>
      </c>
      <c r="P14" s="113">
        <v>5127676</v>
      </c>
      <c r="Q14" s="110">
        <v>0</v>
      </c>
      <c r="R14" s="114">
        <v>37189625</v>
      </c>
      <c r="S14" s="114">
        <v>64627498</v>
      </c>
      <c r="T14" s="114">
        <v>61456249</v>
      </c>
      <c r="U14" s="114">
        <v>65510579</v>
      </c>
      <c r="V14" s="114">
        <v>66728317</v>
      </c>
      <c r="W14" s="113">
        <v>295512268</v>
      </c>
      <c r="X14" s="116">
        <v>300639944</v>
      </c>
      <c r="Y14" s="110">
        <v>0</v>
      </c>
      <c r="Z14" s="114">
        <v>0</v>
      </c>
      <c r="AA14" s="113">
        <v>0</v>
      </c>
      <c r="AB14" s="110">
        <v>0</v>
      </c>
      <c r="AC14" s="114">
        <v>20007356</v>
      </c>
      <c r="AD14" s="114">
        <v>39113640</v>
      </c>
      <c r="AE14" s="114">
        <v>39871749</v>
      </c>
      <c r="AF14" s="114">
        <v>41894524</v>
      </c>
      <c r="AG14" s="114">
        <v>42736057</v>
      </c>
      <c r="AH14" s="113">
        <v>183623326</v>
      </c>
      <c r="AI14" s="116">
        <v>183623326</v>
      </c>
      <c r="AJ14" s="110">
        <v>11112</v>
      </c>
      <c r="AK14" s="114">
        <v>0</v>
      </c>
      <c r="AL14" s="113">
        <v>11112</v>
      </c>
      <c r="AM14" s="110">
        <v>0</v>
      </c>
      <c r="AN14" s="114">
        <v>291141</v>
      </c>
      <c r="AO14" s="114">
        <v>749633</v>
      </c>
      <c r="AP14" s="114">
        <v>1699085</v>
      </c>
      <c r="AQ14" s="114">
        <v>3836437</v>
      </c>
      <c r="AR14" s="114">
        <v>6997627</v>
      </c>
      <c r="AS14" s="113">
        <v>13573923</v>
      </c>
      <c r="AT14" s="116">
        <v>13585035</v>
      </c>
      <c r="AU14" s="110">
        <v>1132965</v>
      </c>
      <c r="AV14" s="114">
        <v>1979466</v>
      </c>
      <c r="AW14" s="113">
        <v>3112431</v>
      </c>
      <c r="AX14" s="110">
        <v>0</v>
      </c>
      <c r="AY14" s="114">
        <v>9884398</v>
      </c>
      <c r="AZ14" s="114">
        <v>15221729</v>
      </c>
      <c r="BA14" s="114">
        <v>11276225</v>
      </c>
      <c r="BB14" s="114">
        <v>10952288</v>
      </c>
      <c r="BC14" s="114">
        <v>10753901</v>
      </c>
      <c r="BD14" s="113">
        <v>58088541</v>
      </c>
      <c r="BE14" s="116">
        <v>61200972</v>
      </c>
      <c r="BF14" s="110">
        <v>194333</v>
      </c>
      <c r="BG14" s="114">
        <v>410887</v>
      </c>
      <c r="BH14" s="112">
        <v>605220</v>
      </c>
      <c r="BI14" s="111">
        <v>0</v>
      </c>
      <c r="BJ14" s="114">
        <v>1858829</v>
      </c>
      <c r="BK14" s="114">
        <v>2784927</v>
      </c>
      <c r="BL14" s="114">
        <v>2429644</v>
      </c>
      <c r="BM14" s="114">
        <v>2088373</v>
      </c>
      <c r="BN14" s="114">
        <v>1383521</v>
      </c>
      <c r="BO14" s="113">
        <v>10545294</v>
      </c>
      <c r="BP14" s="116">
        <v>11150514</v>
      </c>
      <c r="BQ14" s="110">
        <v>901983</v>
      </c>
      <c r="BR14" s="114">
        <v>496930</v>
      </c>
      <c r="BS14" s="113">
        <v>1398913</v>
      </c>
      <c r="BT14" s="110">
        <v>0</v>
      </c>
      <c r="BU14" s="114">
        <v>5147901</v>
      </c>
      <c r="BV14" s="114">
        <v>6757569</v>
      </c>
      <c r="BW14" s="114">
        <v>6179546</v>
      </c>
      <c r="BX14" s="114">
        <v>6738957</v>
      </c>
      <c r="BY14" s="114">
        <v>4857211</v>
      </c>
      <c r="BZ14" s="113">
        <v>29681184</v>
      </c>
      <c r="CA14" s="116">
        <v>31080097</v>
      </c>
      <c r="CB14" s="110">
        <v>1278996</v>
      </c>
      <c r="CC14" s="114">
        <v>2382991</v>
      </c>
      <c r="CD14" s="113">
        <v>3661987</v>
      </c>
      <c r="CE14" s="110">
        <v>0</v>
      </c>
      <c r="CF14" s="114">
        <v>39272221</v>
      </c>
      <c r="CG14" s="114">
        <v>53214943</v>
      </c>
      <c r="CH14" s="114">
        <v>43819972</v>
      </c>
      <c r="CI14" s="114">
        <v>27091672</v>
      </c>
      <c r="CJ14" s="114">
        <v>15667998</v>
      </c>
      <c r="CK14" s="113">
        <v>179066806</v>
      </c>
      <c r="CL14" s="116">
        <v>182728793</v>
      </c>
      <c r="CM14" s="110">
        <v>0</v>
      </c>
      <c r="CN14" s="114">
        <v>0</v>
      </c>
      <c r="CO14" s="113">
        <v>0</v>
      </c>
      <c r="CP14" s="111">
        <v>0</v>
      </c>
      <c r="CQ14" s="114">
        <v>34623631</v>
      </c>
      <c r="CR14" s="114">
        <v>44215379</v>
      </c>
      <c r="CS14" s="114">
        <v>37503805</v>
      </c>
      <c r="CT14" s="114">
        <v>22330001</v>
      </c>
      <c r="CU14" s="114">
        <v>14241886</v>
      </c>
      <c r="CV14" s="113">
        <v>152914702</v>
      </c>
      <c r="CW14" s="116">
        <v>152914702</v>
      </c>
      <c r="CX14" s="110">
        <v>1278996</v>
      </c>
      <c r="CY14" s="114">
        <v>2382991</v>
      </c>
      <c r="CZ14" s="113">
        <v>3661987</v>
      </c>
      <c r="DA14" s="110">
        <v>0</v>
      </c>
      <c r="DB14" s="114">
        <v>4648590</v>
      </c>
      <c r="DC14" s="114">
        <v>8999564</v>
      </c>
      <c r="DD14" s="114">
        <v>6316167</v>
      </c>
      <c r="DE14" s="114">
        <v>4761671</v>
      </c>
      <c r="DF14" s="114">
        <v>1426112</v>
      </c>
      <c r="DG14" s="113">
        <v>26152104</v>
      </c>
      <c r="DH14" s="116">
        <v>29814091</v>
      </c>
      <c r="DI14" s="110">
        <v>214895</v>
      </c>
      <c r="DJ14" s="114">
        <v>200913</v>
      </c>
      <c r="DK14" s="112">
        <v>415808</v>
      </c>
      <c r="DL14" s="111">
        <v>0</v>
      </c>
      <c r="DM14" s="114">
        <v>3940168</v>
      </c>
      <c r="DN14" s="114">
        <v>9459833</v>
      </c>
      <c r="DO14" s="114">
        <v>26204407</v>
      </c>
      <c r="DP14" s="114">
        <v>14730043</v>
      </c>
      <c r="DQ14" s="114">
        <v>8534765</v>
      </c>
      <c r="DR14" s="113">
        <v>62869216</v>
      </c>
      <c r="DS14" s="116">
        <v>63285024</v>
      </c>
      <c r="DT14" s="110">
        <v>214895</v>
      </c>
      <c r="DU14" s="114">
        <v>200913</v>
      </c>
      <c r="DV14" s="113">
        <v>415808</v>
      </c>
      <c r="DW14" s="110">
        <v>0</v>
      </c>
      <c r="DX14" s="114">
        <v>3592176</v>
      </c>
      <c r="DY14" s="114">
        <v>9295111</v>
      </c>
      <c r="DZ14" s="114">
        <v>25939386</v>
      </c>
      <c r="EA14" s="114">
        <v>14613336</v>
      </c>
      <c r="EB14" s="114">
        <v>8464732</v>
      </c>
      <c r="EC14" s="113">
        <v>61904741</v>
      </c>
      <c r="ED14" s="116">
        <v>62320549</v>
      </c>
      <c r="EE14" s="110">
        <v>0</v>
      </c>
      <c r="EF14" s="112">
        <v>0</v>
      </c>
      <c r="EG14" s="113">
        <v>0</v>
      </c>
      <c r="EH14" s="110">
        <v>0</v>
      </c>
      <c r="EI14" s="114">
        <v>347992</v>
      </c>
      <c r="EJ14" s="114">
        <v>164722</v>
      </c>
      <c r="EK14" s="114">
        <v>265021</v>
      </c>
      <c r="EL14" s="114">
        <v>116707</v>
      </c>
      <c r="EM14" s="114">
        <v>70033</v>
      </c>
      <c r="EN14" s="112">
        <v>964475</v>
      </c>
      <c r="EO14" s="116">
        <v>964475</v>
      </c>
      <c r="EP14" s="110">
        <v>0</v>
      </c>
      <c r="EQ14" s="114">
        <v>0</v>
      </c>
      <c r="ER14" s="112">
        <v>0</v>
      </c>
      <c r="ES14" s="111">
        <v>0</v>
      </c>
      <c r="ET14" s="114">
        <v>0</v>
      </c>
      <c r="EU14" s="114">
        <v>0</v>
      </c>
      <c r="EV14" s="114">
        <v>0</v>
      </c>
      <c r="EW14" s="114">
        <v>0</v>
      </c>
      <c r="EX14" s="114">
        <v>0</v>
      </c>
      <c r="EY14" s="113">
        <v>0</v>
      </c>
      <c r="EZ14" s="116">
        <v>0</v>
      </c>
      <c r="FA14" s="110">
        <v>0</v>
      </c>
      <c r="FB14" s="114">
        <v>0</v>
      </c>
      <c r="FC14" s="112">
        <v>0</v>
      </c>
      <c r="FD14" s="347"/>
      <c r="FE14" s="114">
        <v>0</v>
      </c>
      <c r="FF14" s="114">
        <v>0</v>
      </c>
      <c r="FG14" s="114">
        <v>0</v>
      </c>
      <c r="FH14" s="114">
        <v>0</v>
      </c>
      <c r="FI14" s="114">
        <v>0</v>
      </c>
      <c r="FJ14" s="113">
        <v>0</v>
      </c>
      <c r="FK14" s="116">
        <v>0</v>
      </c>
      <c r="FL14" s="110">
        <v>2636299</v>
      </c>
      <c r="FM14" s="114">
        <v>4859036</v>
      </c>
      <c r="FN14" s="113">
        <v>7495335</v>
      </c>
      <c r="FO14" s="110">
        <v>0</v>
      </c>
      <c r="FP14" s="114">
        <v>8776406</v>
      </c>
      <c r="FQ14" s="114">
        <v>21665629</v>
      </c>
      <c r="FR14" s="114">
        <v>14746193</v>
      </c>
      <c r="FS14" s="114">
        <v>12961704</v>
      </c>
      <c r="FT14" s="114">
        <v>9324052</v>
      </c>
      <c r="FU14" s="113">
        <v>67473984</v>
      </c>
      <c r="FV14" s="116">
        <v>74969319</v>
      </c>
      <c r="FW14" s="115">
        <v>2038654</v>
      </c>
      <c r="FX14" s="114">
        <v>3678584</v>
      </c>
      <c r="FY14" s="112">
        <v>5717238</v>
      </c>
      <c r="FZ14" s="111">
        <v>0</v>
      </c>
      <c r="GA14" s="114">
        <v>6958248</v>
      </c>
      <c r="GB14" s="114">
        <v>20127467</v>
      </c>
      <c r="GC14" s="114">
        <v>14167570</v>
      </c>
      <c r="GD14" s="114">
        <v>11983002</v>
      </c>
      <c r="GE14" s="114">
        <v>8931657</v>
      </c>
      <c r="GF14" s="113">
        <v>62167944</v>
      </c>
      <c r="GG14" s="318">
        <v>67885182</v>
      </c>
      <c r="GH14" s="115">
        <v>137325</v>
      </c>
      <c r="GI14" s="114">
        <v>316587</v>
      </c>
      <c r="GJ14" s="112">
        <v>453912</v>
      </c>
      <c r="GK14" s="111">
        <v>0</v>
      </c>
      <c r="GL14" s="114">
        <v>622246</v>
      </c>
      <c r="GM14" s="114">
        <v>504029</v>
      </c>
      <c r="GN14" s="114">
        <v>298223</v>
      </c>
      <c r="GO14" s="114">
        <v>341252</v>
      </c>
      <c r="GP14" s="114">
        <v>172116</v>
      </c>
      <c r="GQ14" s="113">
        <v>1937866</v>
      </c>
      <c r="GR14" s="116">
        <v>2391778</v>
      </c>
      <c r="GS14" s="110">
        <v>460320</v>
      </c>
      <c r="GT14" s="114">
        <v>863865</v>
      </c>
      <c r="GU14" s="113">
        <v>1324185</v>
      </c>
      <c r="GV14" s="110">
        <v>0</v>
      </c>
      <c r="GW14" s="114">
        <v>1195912</v>
      </c>
      <c r="GX14" s="114">
        <v>1034133</v>
      </c>
      <c r="GY14" s="114">
        <v>280400</v>
      </c>
      <c r="GZ14" s="114">
        <v>637450</v>
      </c>
      <c r="HA14" s="114">
        <v>220279</v>
      </c>
      <c r="HB14" s="112">
        <v>3368174</v>
      </c>
      <c r="HC14" s="116">
        <v>4692359</v>
      </c>
      <c r="HD14" s="110">
        <v>3140632</v>
      </c>
      <c r="HE14" s="114">
        <v>1587189</v>
      </c>
      <c r="HF14" s="112">
        <v>4727821</v>
      </c>
      <c r="HG14" s="111">
        <v>0</v>
      </c>
      <c r="HH14" s="114">
        <v>24835598</v>
      </c>
      <c r="HI14" s="114">
        <v>21969068</v>
      </c>
      <c r="HJ14" s="114">
        <v>22446804</v>
      </c>
      <c r="HK14" s="114">
        <v>28543663</v>
      </c>
      <c r="HL14" s="114">
        <v>19205040</v>
      </c>
      <c r="HM14" s="113">
        <v>117000173</v>
      </c>
      <c r="HN14" s="109">
        <v>121727994</v>
      </c>
      <c r="HO14" s="115">
        <v>2420936</v>
      </c>
      <c r="HP14" s="114">
        <v>3052827</v>
      </c>
      <c r="HQ14" s="113">
        <v>5473763</v>
      </c>
      <c r="HR14" s="110">
        <v>0</v>
      </c>
      <c r="HS14" s="114">
        <v>26787423</v>
      </c>
      <c r="HT14" s="114">
        <v>28695844</v>
      </c>
      <c r="HU14" s="114">
        <v>19915673</v>
      </c>
      <c r="HV14" s="114">
        <v>12091120</v>
      </c>
      <c r="HW14" s="114">
        <v>7487926</v>
      </c>
      <c r="HX14" s="112">
        <v>94977986</v>
      </c>
      <c r="HY14" s="116">
        <v>100451749</v>
      </c>
      <c r="HZ14" s="131">
        <v>416358</v>
      </c>
      <c r="IA14" s="132">
        <v>1010743</v>
      </c>
      <c r="IB14" s="133">
        <v>1427101</v>
      </c>
      <c r="IC14" s="134">
        <v>0</v>
      </c>
      <c r="ID14" s="135">
        <v>57706631</v>
      </c>
      <c r="IE14" s="136">
        <v>71521902</v>
      </c>
      <c r="IF14" s="137">
        <v>75197599</v>
      </c>
      <c r="IG14" s="135">
        <v>54265923</v>
      </c>
      <c r="IH14" s="137">
        <v>29773343</v>
      </c>
      <c r="II14" s="138">
        <v>288465398</v>
      </c>
      <c r="IJ14" s="139">
        <v>289892499</v>
      </c>
      <c r="IK14" s="232">
        <v>0</v>
      </c>
      <c r="IL14" s="236">
        <v>0</v>
      </c>
      <c r="IM14" s="237">
        <v>0</v>
      </c>
      <c r="IN14" s="140"/>
      <c r="IO14" s="119">
        <v>354554</v>
      </c>
      <c r="IP14" s="119">
        <v>1111226</v>
      </c>
      <c r="IQ14" s="119">
        <v>635013</v>
      </c>
      <c r="IR14" s="119">
        <v>1546615</v>
      </c>
      <c r="IS14" s="119">
        <v>677806</v>
      </c>
      <c r="IT14" s="141">
        <v>4325214</v>
      </c>
      <c r="IU14" s="320">
        <v>4325214</v>
      </c>
      <c r="IV14" s="142">
        <v>0</v>
      </c>
      <c r="IW14" s="119">
        <v>0</v>
      </c>
      <c r="IX14" s="120">
        <v>0</v>
      </c>
      <c r="IY14" s="144"/>
      <c r="IZ14" s="119">
        <v>47319</v>
      </c>
      <c r="JA14" s="119">
        <v>18941</v>
      </c>
      <c r="JB14" s="119">
        <v>18941</v>
      </c>
      <c r="JC14" s="119">
        <v>34962</v>
      </c>
      <c r="JD14" s="119">
        <v>96903</v>
      </c>
      <c r="JE14" s="120">
        <v>217066</v>
      </c>
      <c r="JF14" s="121">
        <v>217066</v>
      </c>
      <c r="JG14" s="142">
        <v>0</v>
      </c>
      <c r="JH14" s="119">
        <v>0</v>
      </c>
      <c r="JI14" s="141">
        <v>0</v>
      </c>
      <c r="JJ14" s="118">
        <v>0</v>
      </c>
      <c r="JK14" s="119">
        <v>29053869</v>
      </c>
      <c r="JL14" s="119">
        <v>33667925</v>
      </c>
      <c r="JM14" s="119">
        <v>24775074</v>
      </c>
      <c r="JN14" s="119">
        <v>13318119</v>
      </c>
      <c r="JO14" s="119">
        <v>5512161</v>
      </c>
      <c r="JP14" s="120">
        <v>106327148</v>
      </c>
      <c r="JQ14" s="320">
        <v>106327148</v>
      </c>
      <c r="JR14" s="142">
        <v>0</v>
      </c>
      <c r="JS14" s="119">
        <v>0</v>
      </c>
      <c r="JT14" s="141">
        <v>0</v>
      </c>
      <c r="JU14" s="118">
        <v>0</v>
      </c>
      <c r="JV14" s="119">
        <v>546571</v>
      </c>
      <c r="JW14" s="119">
        <v>818608</v>
      </c>
      <c r="JX14" s="119">
        <v>1465031</v>
      </c>
      <c r="JY14" s="119">
        <v>701278</v>
      </c>
      <c r="JZ14" s="119">
        <v>1374256</v>
      </c>
      <c r="KA14" s="120">
        <v>4905744</v>
      </c>
      <c r="KB14" s="320">
        <v>4905744</v>
      </c>
      <c r="KC14" s="234">
        <v>416358</v>
      </c>
      <c r="KD14" s="230">
        <v>1010743</v>
      </c>
      <c r="KE14" s="120">
        <v>1427101</v>
      </c>
      <c r="KF14" s="118">
        <v>0</v>
      </c>
      <c r="KG14" s="119">
        <v>8219698</v>
      </c>
      <c r="KH14" s="119">
        <v>8932892</v>
      </c>
      <c r="KI14" s="119">
        <v>13496541</v>
      </c>
      <c r="KJ14" s="119">
        <v>8290091</v>
      </c>
      <c r="KK14" s="119">
        <v>1904752</v>
      </c>
      <c r="KL14" s="120">
        <v>40843974</v>
      </c>
      <c r="KM14" s="143">
        <v>42271075</v>
      </c>
      <c r="KN14" s="232">
        <v>0</v>
      </c>
      <c r="KO14" s="236">
        <v>0</v>
      </c>
      <c r="KP14" s="237">
        <v>0</v>
      </c>
      <c r="KQ14" s="140"/>
      <c r="KR14" s="119">
        <v>17223418</v>
      </c>
      <c r="KS14" s="119">
        <v>20845370</v>
      </c>
      <c r="KT14" s="119">
        <v>22570571</v>
      </c>
      <c r="KU14" s="119">
        <v>18199153</v>
      </c>
      <c r="KV14" s="119">
        <v>11943929</v>
      </c>
      <c r="KW14" s="120">
        <v>90782441</v>
      </c>
      <c r="KX14" s="320">
        <v>90782441</v>
      </c>
      <c r="KY14" s="142">
        <v>0</v>
      </c>
      <c r="KZ14" s="119">
        <v>0</v>
      </c>
      <c r="LA14" s="120">
        <v>0</v>
      </c>
      <c r="LB14" s="145"/>
      <c r="LC14" s="119">
        <v>687851</v>
      </c>
      <c r="LD14" s="119">
        <v>2494310</v>
      </c>
      <c r="LE14" s="119">
        <v>4437250</v>
      </c>
      <c r="LF14" s="119">
        <v>4557758</v>
      </c>
      <c r="LG14" s="119">
        <v>2374630</v>
      </c>
      <c r="LH14" s="120">
        <v>14551799</v>
      </c>
      <c r="LI14" s="121">
        <v>14551799</v>
      </c>
      <c r="LJ14" s="142">
        <v>0</v>
      </c>
      <c r="LK14" s="119">
        <v>0</v>
      </c>
      <c r="LL14" s="120">
        <v>0</v>
      </c>
      <c r="LM14" s="145"/>
      <c r="LN14" s="119">
        <v>0</v>
      </c>
      <c r="LO14" s="119">
        <v>233901</v>
      </c>
      <c r="LP14" s="119">
        <v>3765790</v>
      </c>
      <c r="LQ14" s="119">
        <v>5091988</v>
      </c>
      <c r="LR14" s="119">
        <v>3736243</v>
      </c>
      <c r="LS14" s="120">
        <v>12827922</v>
      </c>
      <c r="LT14" s="320">
        <v>12827922</v>
      </c>
      <c r="LU14" s="142">
        <v>0</v>
      </c>
      <c r="LV14" s="119">
        <v>0</v>
      </c>
      <c r="LW14" s="120">
        <v>0</v>
      </c>
      <c r="LX14" s="145"/>
      <c r="LY14" s="119">
        <v>1573351</v>
      </c>
      <c r="LZ14" s="119">
        <v>3398729</v>
      </c>
      <c r="MA14" s="119">
        <v>4033388</v>
      </c>
      <c r="MB14" s="119">
        <v>2525959</v>
      </c>
      <c r="MC14" s="119">
        <v>2152663</v>
      </c>
      <c r="MD14" s="120">
        <v>13684090</v>
      </c>
      <c r="ME14" s="121">
        <v>13684090</v>
      </c>
      <c r="MF14" s="142">
        <v>0</v>
      </c>
      <c r="MG14" s="119">
        <v>0</v>
      </c>
      <c r="MH14" s="120">
        <v>0</v>
      </c>
      <c r="MI14" s="145"/>
      <c r="MJ14" s="119">
        <v>17530562</v>
      </c>
      <c r="MK14" s="119">
        <v>47119519</v>
      </c>
      <c r="ML14" s="119">
        <v>151582854</v>
      </c>
      <c r="MM14" s="119">
        <v>164389394</v>
      </c>
      <c r="MN14" s="119">
        <v>105235106</v>
      </c>
      <c r="MO14" s="120">
        <v>485857435</v>
      </c>
      <c r="MP14" s="143">
        <v>485857435</v>
      </c>
      <c r="MQ14" s="142">
        <v>0</v>
      </c>
      <c r="MR14" s="119">
        <v>0</v>
      </c>
      <c r="MS14" s="120">
        <v>0</v>
      </c>
      <c r="MT14" s="145"/>
      <c r="MU14" s="119">
        <v>3922959</v>
      </c>
      <c r="MV14" s="119">
        <v>14545711</v>
      </c>
      <c r="MW14" s="119">
        <v>95349073</v>
      </c>
      <c r="MX14" s="119">
        <v>117445244</v>
      </c>
      <c r="MY14" s="119">
        <v>75256272</v>
      </c>
      <c r="MZ14" s="120">
        <v>306519259</v>
      </c>
      <c r="NA14" s="143">
        <v>306519259</v>
      </c>
      <c r="NB14" s="142">
        <v>0</v>
      </c>
      <c r="NC14" s="119">
        <v>0</v>
      </c>
      <c r="ND14" s="120">
        <v>0</v>
      </c>
      <c r="NE14" s="145"/>
      <c r="NF14" s="119">
        <v>13382189</v>
      </c>
      <c r="NG14" s="119">
        <v>32573808</v>
      </c>
      <c r="NH14" s="119">
        <v>55466109</v>
      </c>
      <c r="NI14" s="119">
        <v>43317108</v>
      </c>
      <c r="NJ14" s="119">
        <v>25061862</v>
      </c>
      <c r="NK14" s="120">
        <v>169801076</v>
      </c>
      <c r="NL14" s="320">
        <v>169801076</v>
      </c>
      <c r="NM14" s="142">
        <v>0</v>
      </c>
      <c r="NN14" s="119">
        <v>0</v>
      </c>
      <c r="NO14" s="120">
        <v>0</v>
      </c>
      <c r="NP14" s="145"/>
      <c r="NQ14" s="119">
        <v>0</v>
      </c>
      <c r="NR14" s="119">
        <v>0</v>
      </c>
      <c r="NS14" s="119">
        <v>0</v>
      </c>
      <c r="NT14" s="119">
        <v>365000</v>
      </c>
      <c r="NU14" s="119">
        <v>0</v>
      </c>
      <c r="NV14" s="120">
        <v>365000</v>
      </c>
      <c r="NW14" s="121">
        <v>365000</v>
      </c>
      <c r="NX14" s="142">
        <v>0</v>
      </c>
      <c r="NY14" s="119">
        <v>0</v>
      </c>
      <c r="NZ14" s="120">
        <v>0</v>
      </c>
      <c r="OA14" s="145"/>
      <c r="OB14" s="119">
        <v>225414</v>
      </c>
      <c r="OC14" s="119">
        <v>0</v>
      </c>
      <c r="OD14" s="119">
        <v>767672</v>
      </c>
      <c r="OE14" s="119">
        <v>3262042</v>
      </c>
      <c r="OF14" s="119">
        <v>4916972</v>
      </c>
      <c r="OG14" s="120">
        <v>9172100</v>
      </c>
      <c r="OH14" s="121">
        <v>9172100</v>
      </c>
      <c r="OI14" s="142">
        <v>12348509</v>
      </c>
      <c r="OJ14" s="119">
        <v>15980982</v>
      </c>
      <c r="OK14" s="141">
        <v>28329491</v>
      </c>
      <c r="OL14" s="118">
        <v>0</v>
      </c>
      <c r="OM14" s="119">
        <v>216038634</v>
      </c>
      <c r="ON14" s="119">
        <v>318274236</v>
      </c>
      <c r="OO14" s="119">
        <v>415369751</v>
      </c>
      <c r="OP14" s="119">
        <v>379584098</v>
      </c>
      <c r="OQ14" s="119">
        <v>261956547</v>
      </c>
      <c r="OR14" s="120">
        <v>1591223266</v>
      </c>
      <c r="OS14" s="143">
        <v>1619552757</v>
      </c>
    </row>
    <row r="15" spans="1:409" ht="21" customHeight="1" x14ac:dyDescent="0.2">
      <c r="B15" s="62" t="s">
        <v>9</v>
      </c>
      <c r="C15" s="110">
        <v>11819085</v>
      </c>
      <c r="D15" s="114">
        <v>14630246</v>
      </c>
      <c r="E15" s="113">
        <v>26449331</v>
      </c>
      <c r="F15" s="111">
        <v>0</v>
      </c>
      <c r="G15" s="114">
        <v>146258813</v>
      </c>
      <c r="H15" s="114">
        <v>149917636</v>
      </c>
      <c r="I15" s="114">
        <v>154663884</v>
      </c>
      <c r="J15" s="114">
        <v>162872966</v>
      </c>
      <c r="K15" s="114">
        <v>134198539</v>
      </c>
      <c r="L15" s="109">
        <v>747911838</v>
      </c>
      <c r="M15" s="116">
        <v>774361169</v>
      </c>
      <c r="N15" s="110">
        <v>1888826</v>
      </c>
      <c r="O15" s="114">
        <v>3270412</v>
      </c>
      <c r="P15" s="113">
        <v>5159238</v>
      </c>
      <c r="Q15" s="110">
        <v>0</v>
      </c>
      <c r="R15" s="114">
        <v>44074659</v>
      </c>
      <c r="S15" s="114">
        <v>49170120</v>
      </c>
      <c r="T15" s="114">
        <v>56349547</v>
      </c>
      <c r="U15" s="114">
        <v>69166952</v>
      </c>
      <c r="V15" s="114">
        <v>72854835</v>
      </c>
      <c r="W15" s="113">
        <v>291616113</v>
      </c>
      <c r="X15" s="116">
        <v>296775351</v>
      </c>
      <c r="Y15" s="110">
        <v>0</v>
      </c>
      <c r="Z15" s="114">
        <v>0</v>
      </c>
      <c r="AA15" s="113">
        <v>0</v>
      </c>
      <c r="AB15" s="110">
        <v>0</v>
      </c>
      <c r="AC15" s="114">
        <v>21175443</v>
      </c>
      <c r="AD15" s="114">
        <v>26130826</v>
      </c>
      <c r="AE15" s="114">
        <v>34471139</v>
      </c>
      <c r="AF15" s="114">
        <v>42919078</v>
      </c>
      <c r="AG15" s="114">
        <v>46681297</v>
      </c>
      <c r="AH15" s="113">
        <v>171377783</v>
      </c>
      <c r="AI15" s="116">
        <v>171377783</v>
      </c>
      <c r="AJ15" s="110">
        <v>0</v>
      </c>
      <c r="AK15" s="114">
        <v>0</v>
      </c>
      <c r="AL15" s="113">
        <v>0</v>
      </c>
      <c r="AM15" s="110">
        <v>0</v>
      </c>
      <c r="AN15" s="114">
        <v>445602</v>
      </c>
      <c r="AO15" s="114">
        <v>407134</v>
      </c>
      <c r="AP15" s="114">
        <v>1278472</v>
      </c>
      <c r="AQ15" s="114">
        <v>4105040</v>
      </c>
      <c r="AR15" s="114">
        <v>6716539</v>
      </c>
      <c r="AS15" s="113">
        <v>12952787</v>
      </c>
      <c r="AT15" s="116">
        <v>12952787</v>
      </c>
      <c r="AU15" s="110">
        <v>749771</v>
      </c>
      <c r="AV15" s="114">
        <v>2071220</v>
      </c>
      <c r="AW15" s="113">
        <v>2820991</v>
      </c>
      <c r="AX15" s="110">
        <v>0</v>
      </c>
      <c r="AY15" s="114">
        <v>14110889</v>
      </c>
      <c r="AZ15" s="114">
        <v>13455097</v>
      </c>
      <c r="BA15" s="114">
        <v>11239739</v>
      </c>
      <c r="BB15" s="114">
        <v>12436098</v>
      </c>
      <c r="BC15" s="114">
        <v>11938608</v>
      </c>
      <c r="BD15" s="113">
        <v>63180431</v>
      </c>
      <c r="BE15" s="116">
        <v>66001422</v>
      </c>
      <c r="BF15" s="110">
        <v>84533</v>
      </c>
      <c r="BG15" s="114">
        <v>612088</v>
      </c>
      <c r="BH15" s="112">
        <v>696621</v>
      </c>
      <c r="BI15" s="111">
        <v>0</v>
      </c>
      <c r="BJ15" s="114">
        <v>1675730</v>
      </c>
      <c r="BK15" s="114">
        <v>1801041</v>
      </c>
      <c r="BL15" s="114">
        <v>1719336</v>
      </c>
      <c r="BM15" s="114">
        <v>1354767</v>
      </c>
      <c r="BN15" s="114">
        <v>1233463</v>
      </c>
      <c r="BO15" s="113">
        <v>7784337</v>
      </c>
      <c r="BP15" s="116">
        <v>8480958</v>
      </c>
      <c r="BQ15" s="110">
        <v>1054522</v>
      </c>
      <c r="BR15" s="114">
        <v>587104</v>
      </c>
      <c r="BS15" s="113">
        <v>1641626</v>
      </c>
      <c r="BT15" s="110">
        <v>0</v>
      </c>
      <c r="BU15" s="114">
        <v>6666995</v>
      </c>
      <c r="BV15" s="114">
        <v>7376022</v>
      </c>
      <c r="BW15" s="114">
        <v>7640861</v>
      </c>
      <c r="BX15" s="114">
        <v>8351969</v>
      </c>
      <c r="BY15" s="114">
        <v>6284928</v>
      </c>
      <c r="BZ15" s="113">
        <v>36320775</v>
      </c>
      <c r="CA15" s="116">
        <v>37962401</v>
      </c>
      <c r="CB15" s="110">
        <v>943855</v>
      </c>
      <c r="CC15" s="114">
        <v>2684640</v>
      </c>
      <c r="CD15" s="113">
        <v>3628495</v>
      </c>
      <c r="CE15" s="110">
        <v>0</v>
      </c>
      <c r="CF15" s="114">
        <v>31820313</v>
      </c>
      <c r="CG15" s="114">
        <v>30675831</v>
      </c>
      <c r="CH15" s="114">
        <v>27662521</v>
      </c>
      <c r="CI15" s="114">
        <v>19000525</v>
      </c>
      <c r="CJ15" s="114">
        <v>7754751</v>
      </c>
      <c r="CK15" s="113">
        <v>116913941</v>
      </c>
      <c r="CL15" s="116">
        <v>120542436</v>
      </c>
      <c r="CM15" s="110">
        <v>0</v>
      </c>
      <c r="CN15" s="114">
        <v>0</v>
      </c>
      <c r="CO15" s="113">
        <v>0</v>
      </c>
      <c r="CP15" s="111">
        <v>0</v>
      </c>
      <c r="CQ15" s="114">
        <v>25798052</v>
      </c>
      <c r="CR15" s="114">
        <v>23282927</v>
      </c>
      <c r="CS15" s="114">
        <v>21399301</v>
      </c>
      <c r="CT15" s="114">
        <v>14298131</v>
      </c>
      <c r="CU15" s="114">
        <v>5847847</v>
      </c>
      <c r="CV15" s="113">
        <v>90626258</v>
      </c>
      <c r="CW15" s="116">
        <v>90626258</v>
      </c>
      <c r="CX15" s="110">
        <v>943855</v>
      </c>
      <c r="CY15" s="114">
        <v>2684640</v>
      </c>
      <c r="CZ15" s="113">
        <v>3628495</v>
      </c>
      <c r="DA15" s="110">
        <v>0</v>
      </c>
      <c r="DB15" s="114">
        <v>6022261</v>
      </c>
      <c r="DC15" s="114">
        <v>7392904</v>
      </c>
      <c r="DD15" s="114">
        <v>6263220</v>
      </c>
      <c r="DE15" s="114">
        <v>4702394</v>
      </c>
      <c r="DF15" s="114">
        <v>1906904</v>
      </c>
      <c r="DG15" s="113">
        <v>26287683</v>
      </c>
      <c r="DH15" s="116">
        <v>29916178</v>
      </c>
      <c r="DI15" s="110">
        <v>89013</v>
      </c>
      <c r="DJ15" s="114">
        <v>48726</v>
      </c>
      <c r="DK15" s="112">
        <v>137739</v>
      </c>
      <c r="DL15" s="111">
        <v>0</v>
      </c>
      <c r="DM15" s="114">
        <v>3783536</v>
      </c>
      <c r="DN15" s="114">
        <v>7622388</v>
      </c>
      <c r="DO15" s="114">
        <v>14944378</v>
      </c>
      <c r="DP15" s="114">
        <v>10993119</v>
      </c>
      <c r="DQ15" s="114">
        <v>8566592</v>
      </c>
      <c r="DR15" s="113">
        <v>45910013</v>
      </c>
      <c r="DS15" s="116">
        <v>46047752</v>
      </c>
      <c r="DT15" s="110">
        <v>89013</v>
      </c>
      <c r="DU15" s="114">
        <v>22963</v>
      </c>
      <c r="DV15" s="113">
        <v>111976</v>
      </c>
      <c r="DW15" s="110">
        <v>0</v>
      </c>
      <c r="DX15" s="114">
        <v>3394249</v>
      </c>
      <c r="DY15" s="114">
        <v>7140329</v>
      </c>
      <c r="DZ15" s="114">
        <v>13090622</v>
      </c>
      <c r="EA15" s="114">
        <v>8658433</v>
      </c>
      <c r="EB15" s="114">
        <v>7604544</v>
      </c>
      <c r="EC15" s="113">
        <v>39888177</v>
      </c>
      <c r="ED15" s="116">
        <v>40000153</v>
      </c>
      <c r="EE15" s="110">
        <v>0</v>
      </c>
      <c r="EF15" s="112">
        <v>25763</v>
      </c>
      <c r="EG15" s="113">
        <v>25763</v>
      </c>
      <c r="EH15" s="110">
        <v>0</v>
      </c>
      <c r="EI15" s="114">
        <v>389287</v>
      </c>
      <c r="EJ15" s="114">
        <v>482059</v>
      </c>
      <c r="EK15" s="114">
        <v>1853756</v>
      </c>
      <c r="EL15" s="114">
        <v>2334686</v>
      </c>
      <c r="EM15" s="114">
        <v>962048</v>
      </c>
      <c r="EN15" s="112">
        <v>6021836</v>
      </c>
      <c r="EO15" s="116">
        <v>6047599</v>
      </c>
      <c r="EP15" s="110">
        <v>0</v>
      </c>
      <c r="EQ15" s="114">
        <v>0</v>
      </c>
      <c r="ER15" s="112">
        <v>0</v>
      </c>
      <c r="ES15" s="111">
        <v>0</v>
      </c>
      <c r="ET15" s="114">
        <v>0</v>
      </c>
      <c r="EU15" s="114">
        <v>0</v>
      </c>
      <c r="EV15" s="114">
        <v>0</v>
      </c>
      <c r="EW15" s="114">
        <v>0</v>
      </c>
      <c r="EX15" s="114">
        <v>0</v>
      </c>
      <c r="EY15" s="113">
        <v>0</v>
      </c>
      <c r="EZ15" s="116">
        <v>0</v>
      </c>
      <c r="FA15" s="110">
        <v>0</v>
      </c>
      <c r="FB15" s="114">
        <v>0</v>
      </c>
      <c r="FC15" s="112">
        <v>0</v>
      </c>
      <c r="FD15" s="347"/>
      <c r="FE15" s="114">
        <v>0</v>
      </c>
      <c r="FF15" s="114">
        <v>0</v>
      </c>
      <c r="FG15" s="114">
        <v>0</v>
      </c>
      <c r="FH15" s="114">
        <v>0</v>
      </c>
      <c r="FI15" s="114">
        <v>0</v>
      </c>
      <c r="FJ15" s="113">
        <v>0</v>
      </c>
      <c r="FK15" s="116">
        <v>0</v>
      </c>
      <c r="FL15" s="110">
        <v>3770150</v>
      </c>
      <c r="FM15" s="114">
        <v>3791439</v>
      </c>
      <c r="FN15" s="113">
        <v>7561589</v>
      </c>
      <c r="FO15" s="110">
        <v>0</v>
      </c>
      <c r="FP15" s="114">
        <v>9654820</v>
      </c>
      <c r="FQ15" s="114">
        <v>13542366</v>
      </c>
      <c r="FR15" s="114">
        <v>11862690</v>
      </c>
      <c r="FS15" s="114">
        <v>11499816</v>
      </c>
      <c r="FT15" s="114">
        <v>8747476</v>
      </c>
      <c r="FU15" s="113">
        <v>55307168</v>
      </c>
      <c r="FV15" s="116">
        <v>62868757</v>
      </c>
      <c r="FW15" s="115">
        <v>1940195</v>
      </c>
      <c r="FX15" s="114">
        <v>2741030</v>
      </c>
      <c r="FY15" s="112">
        <v>4681225</v>
      </c>
      <c r="FZ15" s="111">
        <v>0</v>
      </c>
      <c r="GA15" s="114">
        <v>7848779</v>
      </c>
      <c r="GB15" s="114">
        <v>12172914</v>
      </c>
      <c r="GC15" s="114">
        <v>11110018</v>
      </c>
      <c r="GD15" s="114">
        <v>11011464</v>
      </c>
      <c r="GE15" s="114">
        <v>8183136</v>
      </c>
      <c r="GF15" s="113">
        <v>50326311</v>
      </c>
      <c r="GG15" s="318">
        <v>55007536</v>
      </c>
      <c r="GH15" s="115">
        <v>190885</v>
      </c>
      <c r="GI15" s="114">
        <v>233375</v>
      </c>
      <c r="GJ15" s="112">
        <v>424260</v>
      </c>
      <c r="GK15" s="111">
        <v>0</v>
      </c>
      <c r="GL15" s="114">
        <v>468383</v>
      </c>
      <c r="GM15" s="114">
        <v>347459</v>
      </c>
      <c r="GN15" s="114">
        <v>277123</v>
      </c>
      <c r="GO15" s="114">
        <v>150165</v>
      </c>
      <c r="GP15" s="114">
        <v>220110</v>
      </c>
      <c r="GQ15" s="113">
        <v>1463240</v>
      </c>
      <c r="GR15" s="116">
        <v>1887500</v>
      </c>
      <c r="GS15" s="110">
        <v>1639070</v>
      </c>
      <c r="GT15" s="114">
        <v>817034</v>
      </c>
      <c r="GU15" s="113">
        <v>2456104</v>
      </c>
      <c r="GV15" s="110">
        <v>0</v>
      </c>
      <c r="GW15" s="114">
        <v>1337658</v>
      </c>
      <c r="GX15" s="114">
        <v>1021993</v>
      </c>
      <c r="GY15" s="114">
        <v>475549</v>
      </c>
      <c r="GZ15" s="114">
        <v>338187</v>
      </c>
      <c r="HA15" s="114">
        <v>344230</v>
      </c>
      <c r="HB15" s="112">
        <v>3517617</v>
      </c>
      <c r="HC15" s="116">
        <v>5973721</v>
      </c>
      <c r="HD15" s="110">
        <v>2993645</v>
      </c>
      <c r="HE15" s="114">
        <v>2066282</v>
      </c>
      <c r="HF15" s="112">
        <v>5059927</v>
      </c>
      <c r="HG15" s="111">
        <v>0</v>
      </c>
      <c r="HH15" s="114">
        <v>30029744</v>
      </c>
      <c r="HI15" s="114">
        <v>29721051</v>
      </c>
      <c r="HJ15" s="114">
        <v>28945205</v>
      </c>
      <c r="HK15" s="114">
        <v>40897581</v>
      </c>
      <c r="HL15" s="114">
        <v>29035522</v>
      </c>
      <c r="HM15" s="113">
        <v>158629103</v>
      </c>
      <c r="HN15" s="109">
        <v>163689030</v>
      </c>
      <c r="HO15" s="115">
        <v>2133596</v>
      </c>
      <c r="HP15" s="114">
        <v>2768747</v>
      </c>
      <c r="HQ15" s="113">
        <v>4902343</v>
      </c>
      <c r="HR15" s="110">
        <v>0</v>
      </c>
      <c r="HS15" s="114">
        <v>26895741</v>
      </c>
      <c r="HT15" s="114">
        <v>19185880</v>
      </c>
      <c r="HU15" s="114">
        <v>14899543</v>
      </c>
      <c r="HV15" s="114">
        <v>11314973</v>
      </c>
      <c r="HW15" s="114">
        <v>7239363</v>
      </c>
      <c r="HX15" s="112">
        <v>79535500</v>
      </c>
      <c r="HY15" s="116">
        <v>84437843</v>
      </c>
      <c r="HZ15" s="128">
        <v>334530</v>
      </c>
      <c r="IA15" s="149">
        <v>629644</v>
      </c>
      <c r="IB15" s="129">
        <v>964174</v>
      </c>
      <c r="IC15" s="146">
        <v>0</v>
      </c>
      <c r="ID15" s="132">
        <v>33596366</v>
      </c>
      <c r="IE15" s="147">
        <v>42357285</v>
      </c>
      <c r="IF15" s="133">
        <v>51285714</v>
      </c>
      <c r="IG15" s="132">
        <v>37021601</v>
      </c>
      <c r="IH15" s="133">
        <v>23118330</v>
      </c>
      <c r="II15" s="148">
        <v>187379296</v>
      </c>
      <c r="IJ15" s="130">
        <v>188343470</v>
      </c>
      <c r="IK15" s="232">
        <v>0</v>
      </c>
      <c r="IL15" s="236">
        <v>0</v>
      </c>
      <c r="IM15" s="237">
        <v>0</v>
      </c>
      <c r="IN15" s="140"/>
      <c r="IO15" s="119">
        <v>150373</v>
      </c>
      <c r="IP15" s="119">
        <v>764223</v>
      </c>
      <c r="IQ15" s="119">
        <v>813511</v>
      </c>
      <c r="IR15" s="119">
        <v>2314242</v>
      </c>
      <c r="IS15" s="119">
        <v>2120767</v>
      </c>
      <c r="IT15" s="141">
        <v>6163116</v>
      </c>
      <c r="IU15" s="320">
        <v>6163116</v>
      </c>
      <c r="IV15" s="142">
        <v>0</v>
      </c>
      <c r="IW15" s="119">
        <v>0</v>
      </c>
      <c r="IX15" s="120">
        <v>0</v>
      </c>
      <c r="IY15" s="144"/>
      <c r="IZ15" s="119">
        <v>0</v>
      </c>
      <c r="JA15" s="119">
        <v>0</v>
      </c>
      <c r="JB15" s="119">
        <v>0</v>
      </c>
      <c r="JC15" s="119">
        <v>0</v>
      </c>
      <c r="JD15" s="119">
        <v>0</v>
      </c>
      <c r="JE15" s="120">
        <v>0</v>
      </c>
      <c r="JF15" s="121">
        <v>0</v>
      </c>
      <c r="JG15" s="142">
        <v>0</v>
      </c>
      <c r="JH15" s="119">
        <v>0</v>
      </c>
      <c r="JI15" s="141">
        <v>0</v>
      </c>
      <c r="JJ15" s="118">
        <v>0</v>
      </c>
      <c r="JK15" s="119">
        <v>18915726</v>
      </c>
      <c r="JL15" s="119">
        <v>15989701</v>
      </c>
      <c r="JM15" s="119">
        <v>16770511</v>
      </c>
      <c r="JN15" s="119">
        <v>9439473</v>
      </c>
      <c r="JO15" s="119">
        <v>3815235</v>
      </c>
      <c r="JP15" s="120">
        <v>64930646</v>
      </c>
      <c r="JQ15" s="320">
        <v>64930646</v>
      </c>
      <c r="JR15" s="142">
        <v>0</v>
      </c>
      <c r="JS15" s="119">
        <v>0</v>
      </c>
      <c r="JT15" s="141">
        <v>0</v>
      </c>
      <c r="JU15" s="118">
        <v>0</v>
      </c>
      <c r="JV15" s="119">
        <v>294195</v>
      </c>
      <c r="JW15" s="119">
        <v>553480</v>
      </c>
      <c r="JX15" s="119">
        <v>1044749</v>
      </c>
      <c r="JY15" s="119">
        <v>519023</v>
      </c>
      <c r="JZ15" s="119">
        <v>671178</v>
      </c>
      <c r="KA15" s="120">
        <v>3082625</v>
      </c>
      <c r="KB15" s="320">
        <v>3082625</v>
      </c>
      <c r="KC15" s="234">
        <v>334530</v>
      </c>
      <c r="KD15" s="230">
        <v>370986</v>
      </c>
      <c r="KE15" s="120">
        <v>705516</v>
      </c>
      <c r="KF15" s="118">
        <v>0</v>
      </c>
      <c r="KG15" s="119">
        <v>4178976</v>
      </c>
      <c r="KH15" s="119">
        <v>7542934</v>
      </c>
      <c r="KI15" s="119">
        <v>5132219</v>
      </c>
      <c r="KJ15" s="119">
        <v>4877102</v>
      </c>
      <c r="KK15" s="119">
        <v>2050178</v>
      </c>
      <c r="KL15" s="120">
        <v>23781409</v>
      </c>
      <c r="KM15" s="143">
        <v>24486925</v>
      </c>
      <c r="KN15" s="232">
        <v>0</v>
      </c>
      <c r="KO15" s="236">
        <v>258658</v>
      </c>
      <c r="KP15" s="237">
        <v>258658</v>
      </c>
      <c r="KQ15" s="140"/>
      <c r="KR15" s="119">
        <v>7895061</v>
      </c>
      <c r="KS15" s="119">
        <v>15324276</v>
      </c>
      <c r="KT15" s="119">
        <v>22672567</v>
      </c>
      <c r="KU15" s="119">
        <v>14816567</v>
      </c>
      <c r="KV15" s="119">
        <v>8969612</v>
      </c>
      <c r="KW15" s="120">
        <v>69678083</v>
      </c>
      <c r="KX15" s="320">
        <v>69936741</v>
      </c>
      <c r="KY15" s="142">
        <v>0</v>
      </c>
      <c r="KZ15" s="119">
        <v>0</v>
      </c>
      <c r="LA15" s="120">
        <v>0</v>
      </c>
      <c r="LB15" s="145"/>
      <c r="LC15" s="119">
        <v>877602</v>
      </c>
      <c r="LD15" s="119">
        <v>891930</v>
      </c>
      <c r="LE15" s="119">
        <v>1144785</v>
      </c>
      <c r="LF15" s="119">
        <v>1382691</v>
      </c>
      <c r="LG15" s="119">
        <v>1360891</v>
      </c>
      <c r="LH15" s="120">
        <v>5657899</v>
      </c>
      <c r="LI15" s="121">
        <v>5657899</v>
      </c>
      <c r="LJ15" s="142">
        <v>0</v>
      </c>
      <c r="LK15" s="119">
        <v>0</v>
      </c>
      <c r="LL15" s="120">
        <v>0</v>
      </c>
      <c r="LM15" s="145"/>
      <c r="LN15" s="119">
        <v>0</v>
      </c>
      <c r="LO15" s="119">
        <v>0</v>
      </c>
      <c r="LP15" s="119">
        <v>0</v>
      </c>
      <c r="LQ15" s="119">
        <v>329808</v>
      </c>
      <c r="LR15" s="119">
        <v>0</v>
      </c>
      <c r="LS15" s="120">
        <v>329808</v>
      </c>
      <c r="LT15" s="320">
        <v>329808</v>
      </c>
      <c r="LU15" s="142">
        <v>0</v>
      </c>
      <c r="LV15" s="119">
        <v>0</v>
      </c>
      <c r="LW15" s="120">
        <v>0</v>
      </c>
      <c r="LX15" s="145"/>
      <c r="LY15" s="119">
        <v>1284433</v>
      </c>
      <c r="LZ15" s="119">
        <v>1290741</v>
      </c>
      <c r="MA15" s="119">
        <v>3707372</v>
      </c>
      <c r="MB15" s="119">
        <v>3342695</v>
      </c>
      <c r="MC15" s="119">
        <v>4130469</v>
      </c>
      <c r="MD15" s="120">
        <v>13755710</v>
      </c>
      <c r="ME15" s="121">
        <v>13755710</v>
      </c>
      <c r="MF15" s="142">
        <v>0</v>
      </c>
      <c r="MG15" s="119">
        <v>0</v>
      </c>
      <c r="MH15" s="120">
        <v>0</v>
      </c>
      <c r="MI15" s="145"/>
      <c r="MJ15" s="119">
        <v>6788867</v>
      </c>
      <c r="MK15" s="119">
        <v>20587179</v>
      </c>
      <c r="ML15" s="119">
        <v>80757528</v>
      </c>
      <c r="MM15" s="119">
        <v>141809274</v>
      </c>
      <c r="MN15" s="119">
        <v>103989134</v>
      </c>
      <c r="MO15" s="120">
        <v>353931982</v>
      </c>
      <c r="MP15" s="143">
        <v>353931982</v>
      </c>
      <c r="MQ15" s="142">
        <v>0</v>
      </c>
      <c r="MR15" s="119">
        <v>0</v>
      </c>
      <c r="MS15" s="120">
        <v>0</v>
      </c>
      <c r="MT15" s="145"/>
      <c r="MU15" s="119">
        <v>1820146</v>
      </c>
      <c r="MV15" s="119">
        <v>765705</v>
      </c>
      <c r="MW15" s="119">
        <v>54724414</v>
      </c>
      <c r="MX15" s="119">
        <v>102032943</v>
      </c>
      <c r="MY15" s="119">
        <v>79482534</v>
      </c>
      <c r="MZ15" s="120">
        <v>238825742</v>
      </c>
      <c r="NA15" s="143">
        <v>238825742</v>
      </c>
      <c r="NB15" s="142">
        <v>0</v>
      </c>
      <c r="NC15" s="119">
        <v>0</v>
      </c>
      <c r="ND15" s="120">
        <v>0</v>
      </c>
      <c r="NE15" s="145"/>
      <c r="NF15" s="119">
        <v>4968721</v>
      </c>
      <c r="NG15" s="119">
        <v>19557376</v>
      </c>
      <c r="NH15" s="119">
        <v>25672735</v>
      </c>
      <c r="NI15" s="119">
        <v>39065030</v>
      </c>
      <c r="NJ15" s="119">
        <v>21576272</v>
      </c>
      <c r="NK15" s="120">
        <v>110840134</v>
      </c>
      <c r="NL15" s="320">
        <v>110840134</v>
      </c>
      <c r="NM15" s="142">
        <v>0</v>
      </c>
      <c r="NN15" s="119">
        <v>0</v>
      </c>
      <c r="NO15" s="120">
        <v>0</v>
      </c>
      <c r="NP15" s="145"/>
      <c r="NQ15" s="119">
        <v>0</v>
      </c>
      <c r="NR15" s="119">
        <v>0</v>
      </c>
      <c r="NS15" s="119">
        <v>0</v>
      </c>
      <c r="NT15" s="119">
        <v>362021</v>
      </c>
      <c r="NU15" s="119">
        <v>0</v>
      </c>
      <c r="NV15" s="120">
        <v>362021</v>
      </c>
      <c r="NW15" s="121">
        <v>362021</v>
      </c>
      <c r="NX15" s="142">
        <v>0</v>
      </c>
      <c r="NY15" s="119">
        <v>0</v>
      </c>
      <c r="NZ15" s="120">
        <v>0</v>
      </c>
      <c r="OA15" s="145"/>
      <c r="OB15" s="119">
        <v>0</v>
      </c>
      <c r="OC15" s="119">
        <v>264098</v>
      </c>
      <c r="OD15" s="119">
        <v>360379</v>
      </c>
      <c r="OE15" s="119">
        <v>349280</v>
      </c>
      <c r="OF15" s="119">
        <v>2930328</v>
      </c>
      <c r="OG15" s="120">
        <v>3904085</v>
      </c>
      <c r="OH15" s="121">
        <v>3904085</v>
      </c>
      <c r="OI15" s="142">
        <v>12153615</v>
      </c>
      <c r="OJ15" s="119">
        <v>15259890</v>
      </c>
      <c r="OK15" s="141">
        <v>27413505</v>
      </c>
      <c r="OL15" s="118">
        <v>0</v>
      </c>
      <c r="OM15" s="119">
        <v>186644046</v>
      </c>
      <c r="ON15" s="119">
        <v>212862100</v>
      </c>
      <c r="OO15" s="119">
        <v>286707126</v>
      </c>
      <c r="OP15" s="119">
        <v>341703841</v>
      </c>
      <c r="OQ15" s="119">
        <v>261306003</v>
      </c>
      <c r="OR15" s="120">
        <v>1289223116</v>
      </c>
      <c r="OS15" s="143">
        <v>1316636621</v>
      </c>
    </row>
    <row r="16" spans="1:409" ht="21" customHeight="1" x14ac:dyDescent="0.2">
      <c r="B16" s="62" t="s">
        <v>10</v>
      </c>
      <c r="C16" s="110">
        <v>24755075</v>
      </c>
      <c r="D16" s="114">
        <v>42060853</v>
      </c>
      <c r="E16" s="113">
        <v>66815928</v>
      </c>
      <c r="F16" s="172">
        <v>0</v>
      </c>
      <c r="G16" s="114">
        <v>324105375</v>
      </c>
      <c r="H16" s="114">
        <v>265573625</v>
      </c>
      <c r="I16" s="114">
        <v>245245443</v>
      </c>
      <c r="J16" s="114">
        <v>247949590</v>
      </c>
      <c r="K16" s="114">
        <v>200723262</v>
      </c>
      <c r="L16" s="109">
        <v>1283597295</v>
      </c>
      <c r="M16" s="116">
        <v>1350413223</v>
      </c>
      <c r="N16" s="110">
        <v>6235784</v>
      </c>
      <c r="O16" s="114">
        <v>13216380</v>
      </c>
      <c r="P16" s="113">
        <v>19452164</v>
      </c>
      <c r="Q16" s="110">
        <v>0</v>
      </c>
      <c r="R16" s="114">
        <v>102717204</v>
      </c>
      <c r="S16" s="114">
        <v>92098627</v>
      </c>
      <c r="T16" s="114">
        <v>84876897</v>
      </c>
      <c r="U16" s="114">
        <v>110316413</v>
      </c>
      <c r="V16" s="114">
        <v>112578352</v>
      </c>
      <c r="W16" s="113">
        <v>502587493</v>
      </c>
      <c r="X16" s="116">
        <v>522039657</v>
      </c>
      <c r="Y16" s="110">
        <v>0</v>
      </c>
      <c r="Z16" s="114">
        <v>0</v>
      </c>
      <c r="AA16" s="113">
        <v>0</v>
      </c>
      <c r="AB16" s="110">
        <v>0</v>
      </c>
      <c r="AC16" s="114">
        <v>52318191</v>
      </c>
      <c r="AD16" s="114">
        <v>49697410</v>
      </c>
      <c r="AE16" s="114">
        <v>52996974</v>
      </c>
      <c r="AF16" s="114">
        <v>72420276</v>
      </c>
      <c r="AG16" s="114">
        <v>70594139</v>
      </c>
      <c r="AH16" s="113">
        <v>298026990</v>
      </c>
      <c r="AI16" s="116">
        <v>298026990</v>
      </c>
      <c r="AJ16" s="110">
        <v>0</v>
      </c>
      <c r="AK16" s="114">
        <v>0</v>
      </c>
      <c r="AL16" s="113">
        <v>0</v>
      </c>
      <c r="AM16" s="110">
        <v>0</v>
      </c>
      <c r="AN16" s="114">
        <v>562957</v>
      </c>
      <c r="AO16" s="114">
        <v>1294667</v>
      </c>
      <c r="AP16" s="114">
        <v>1878602</v>
      </c>
      <c r="AQ16" s="114">
        <v>5815579</v>
      </c>
      <c r="AR16" s="114">
        <v>11537708</v>
      </c>
      <c r="AS16" s="113">
        <v>21089513</v>
      </c>
      <c r="AT16" s="116">
        <v>21089513</v>
      </c>
      <c r="AU16" s="110">
        <v>3419892</v>
      </c>
      <c r="AV16" s="114">
        <v>9105052</v>
      </c>
      <c r="AW16" s="113">
        <v>12524944</v>
      </c>
      <c r="AX16" s="110">
        <v>0</v>
      </c>
      <c r="AY16" s="114">
        <v>30326338</v>
      </c>
      <c r="AZ16" s="114">
        <v>23085191</v>
      </c>
      <c r="BA16" s="114">
        <v>15506563</v>
      </c>
      <c r="BB16" s="114">
        <v>17042040</v>
      </c>
      <c r="BC16" s="114">
        <v>17630438</v>
      </c>
      <c r="BD16" s="113">
        <v>103590570</v>
      </c>
      <c r="BE16" s="116">
        <v>116115514</v>
      </c>
      <c r="BF16" s="110">
        <v>675234</v>
      </c>
      <c r="BG16" s="114">
        <v>1395030</v>
      </c>
      <c r="BH16" s="112">
        <v>2070264</v>
      </c>
      <c r="BI16" s="111">
        <v>0</v>
      </c>
      <c r="BJ16" s="114">
        <v>3586752</v>
      </c>
      <c r="BK16" s="114">
        <v>3410168</v>
      </c>
      <c r="BL16" s="114">
        <v>2051224</v>
      </c>
      <c r="BM16" s="114">
        <v>1611229</v>
      </c>
      <c r="BN16" s="114">
        <v>1590828</v>
      </c>
      <c r="BO16" s="113">
        <v>12250201</v>
      </c>
      <c r="BP16" s="116">
        <v>14320465</v>
      </c>
      <c r="BQ16" s="110">
        <v>2140658</v>
      </c>
      <c r="BR16" s="114">
        <v>2716298</v>
      </c>
      <c r="BS16" s="113">
        <v>4856956</v>
      </c>
      <c r="BT16" s="110">
        <v>0</v>
      </c>
      <c r="BU16" s="114">
        <v>15922966</v>
      </c>
      <c r="BV16" s="114">
        <v>14611191</v>
      </c>
      <c r="BW16" s="114">
        <v>12443534</v>
      </c>
      <c r="BX16" s="114">
        <v>13427289</v>
      </c>
      <c r="BY16" s="114">
        <v>11225239</v>
      </c>
      <c r="BZ16" s="113">
        <v>67630219</v>
      </c>
      <c r="CA16" s="116">
        <v>72487175</v>
      </c>
      <c r="CB16" s="110">
        <v>1439104</v>
      </c>
      <c r="CC16" s="114">
        <v>3879411</v>
      </c>
      <c r="CD16" s="113">
        <v>5318515</v>
      </c>
      <c r="CE16" s="110">
        <v>0</v>
      </c>
      <c r="CF16" s="114">
        <v>91421175</v>
      </c>
      <c r="CG16" s="114">
        <v>68139831</v>
      </c>
      <c r="CH16" s="114">
        <v>51742626</v>
      </c>
      <c r="CI16" s="114">
        <v>34812067</v>
      </c>
      <c r="CJ16" s="114">
        <v>16152011</v>
      </c>
      <c r="CK16" s="113">
        <v>262267710</v>
      </c>
      <c r="CL16" s="116">
        <v>267586225</v>
      </c>
      <c r="CM16" s="110">
        <v>0</v>
      </c>
      <c r="CN16" s="114">
        <v>0</v>
      </c>
      <c r="CO16" s="113">
        <v>0</v>
      </c>
      <c r="CP16" s="111">
        <v>0</v>
      </c>
      <c r="CQ16" s="114">
        <v>77820663</v>
      </c>
      <c r="CR16" s="114">
        <v>56025085</v>
      </c>
      <c r="CS16" s="114">
        <v>44408943</v>
      </c>
      <c r="CT16" s="114">
        <v>29092819</v>
      </c>
      <c r="CU16" s="114">
        <v>14344096</v>
      </c>
      <c r="CV16" s="113">
        <v>221691606</v>
      </c>
      <c r="CW16" s="116">
        <v>221691606</v>
      </c>
      <c r="CX16" s="110">
        <v>1439104</v>
      </c>
      <c r="CY16" s="114">
        <v>3879411</v>
      </c>
      <c r="CZ16" s="113">
        <v>5318515</v>
      </c>
      <c r="DA16" s="110">
        <v>0</v>
      </c>
      <c r="DB16" s="114">
        <v>13600512</v>
      </c>
      <c r="DC16" s="114">
        <v>12114746</v>
      </c>
      <c r="DD16" s="114">
        <v>7333683</v>
      </c>
      <c r="DE16" s="114">
        <v>5719248</v>
      </c>
      <c r="DF16" s="114">
        <v>1807915</v>
      </c>
      <c r="DG16" s="113">
        <v>40576104</v>
      </c>
      <c r="DH16" s="116">
        <v>45894619</v>
      </c>
      <c r="DI16" s="110">
        <v>82668</v>
      </c>
      <c r="DJ16" s="114">
        <v>752503</v>
      </c>
      <c r="DK16" s="112">
        <v>835171</v>
      </c>
      <c r="DL16" s="111">
        <v>0</v>
      </c>
      <c r="DM16" s="114">
        <v>10147403</v>
      </c>
      <c r="DN16" s="114">
        <v>11592753</v>
      </c>
      <c r="DO16" s="114">
        <v>21191889</v>
      </c>
      <c r="DP16" s="114">
        <v>19651408</v>
      </c>
      <c r="DQ16" s="114">
        <v>11720065</v>
      </c>
      <c r="DR16" s="113">
        <v>74303518</v>
      </c>
      <c r="DS16" s="116">
        <v>75138689</v>
      </c>
      <c r="DT16" s="110">
        <v>82668</v>
      </c>
      <c r="DU16" s="114">
        <v>717576</v>
      </c>
      <c r="DV16" s="113">
        <v>800244</v>
      </c>
      <c r="DW16" s="110">
        <v>0</v>
      </c>
      <c r="DX16" s="114">
        <v>9551983</v>
      </c>
      <c r="DY16" s="114">
        <v>10694220</v>
      </c>
      <c r="DZ16" s="114">
        <v>19925994</v>
      </c>
      <c r="EA16" s="114">
        <v>18961194</v>
      </c>
      <c r="EB16" s="114">
        <v>10777669</v>
      </c>
      <c r="EC16" s="113">
        <v>69911060</v>
      </c>
      <c r="ED16" s="116">
        <v>70711304</v>
      </c>
      <c r="EE16" s="110">
        <v>0</v>
      </c>
      <c r="EF16" s="112">
        <v>34927</v>
      </c>
      <c r="EG16" s="113">
        <v>34927</v>
      </c>
      <c r="EH16" s="110">
        <v>0</v>
      </c>
      <c r="EI16" s="114">
        <v>595420</v>
      </c>
      <c r="EJ16" s="114">
        <v>898533</v>
      </c>
      <c r="EK16" s="114">
        <v>1265895</v>
      </c>
      <c r="EL16" s="114">
        <v>690214</v>
      </c>
      <c r="EM16" s="114">
        <v>942396</v>
      </c>
      <c r="EN16" s="112">
        <v>4392458</v>
      </c>
      <c r="EO16" s="116">
        <v>4427385</v>
      </c>
      <c r="EP16" s="110">
        <v>0</v>
      </c>
      <c r="EQ16" s="114">
        <v>0</v>
      </c>
      <c r="ER16" s="112">
        <v>0</v>
      </c>
      <c r="ES16" s="111">
        <v>0</v>
      </c>
      <c r="ET16" s="114">
        <v>0</v>
      </c>
      <c r="EU16" s="114">
        <v>0</v>
      </c>
      <c r="EV16" s="114">
        <v>0</v>
      </c>
      <c r="EW16" s="114">
        <v>0</v>
      </c>
      <c r="EX16" s="114">
        <v>0</v>
      </c>
      <c r="EY16" s="113">
        <v>0</v>
      </c>
      <c r="EZ16" s="116">
        <v>0</v>
      </c>
      <c r="FA16" s="110">
        <v>0</v>
      </c>
      <c r="FB16" s="114">
        <v>0</v>
      </c>
      <c r="FC16" s="112">
        <v>0</v>
      </c>
      <c r="FD16" s="347"/>
      <c r="FE16" s="114">
        <v>0</v>
      </c>
      <c r="FF16" s="114">
        <v>0</v>
      </c>
      <c r="FG16" s="114">
        <v>0</v>
      </c>
      <c r="FH16" s="114">
        <v>0</v>
      </c>
      <c r="FI16" s="114">
        <v>0</v>
      </c>
      <c r="FJ16" s="113">
        <v>0</v>
      </c>
      <c r="FK16" s="116">
        <v>0</v>
      </c>
      <c r="FL16" s="110">
        <v>7105135</v>
      </c>
      <c r="FM16" s="114">
        <v>10587196</v>
      </c>
      <c r="FN16" s="113">
        <v>17692331</v>
      </c>
      <c r="FO16" s="110">
        <v>0</v>
      </c>
      <c r="FP16" s="114">
        <v>19495887</v>
      </c>
      <c r="FQ16" s="114">
        <v>23590370</v>
      </c>
      <c r="FR16" s="114">
        <v>18141936</v>
      </c>
      <c r="FS16" s="114">
        <v>18118079</v>
      </c>
      <c r="FT16" s="114">
        <v>14198481</v>
      </c>
      <c r="FU16" s="113">
        <v>93544753</v>
      </c>
      <c r="FV16" s="116">
        <v>111237084</v>
      </c>
      <c r="FW16" s="115">
        <v>4336281</v>
      </c>
      <c r="FX16" s="114">
        <v>8020254</v>
      </c>
      <c r="FY16" s="112">
        <v>12356535</v>
      </c>
      <c r="FZ16" s="111">
        <v>0</v>
      </c>
      <c r="GA16" s="114">
        <v>16289333</v>
      </c>
      <c r="GB16" s="114">
        <v>22375330</v>
      </c>
      <c r="GC16" s="114">
        <v>17573067</v>
      </c>
      <c r="GD16" s="114">
        <v>17479879</v>
      </c>
      <c r="GE16" s="114">
        <v>13507299</v>
      </c>
      <c r="GF16" s="113">
        <v>87224908</v>
      </c>
      <c r="GG16" s="318">
        <v>99581443</v>
      </c>
      <c r="GH16" s="115">
        <v>303367</v>
      </c>
      <c r="GI16" s="114">
        <v>400071</v>
      </c>
      <c r="GJ16" s="112">
        <v>703438</v>
      </c>
      <c r="GK16" s="111">
        <v>0</v>
      </c>
      <c r="GL16" s="114">
        <v>922611</v>
      </c>
      <c r="GM16" s="114">
        <v>860735</v>
      </c>
      <c r="GN16" s="114">
        <v>394269</v>
      </c>
      <c r="GO16" s="114">
        <v>404900</v>
      </c>
      <c r="GP16" s="114">
        <v>340182</v>
      </c>
      <c r="GQ16" s="113">
        <v>2922697</v>
      </c>
      <c r="GR16" s="116">
        <v>3626135</v>
      </c>
      <c r="GS16" s="110">
        <v>2465487</v>
      </c>
      <c r="GT16" s="114">
        <v>2166871</v>
      </c>
      <c r="GU16" s="113">
        <v>4632358</v>
      </c>
      <c r="GV16" s="110">
        <v>0</v>
      </c>
      <c r="GW16" s="114">
        <v>2283943</v>
      </c>
      <c r="GX16" s="114">
        <v>354305</v>
      </c>
      <c r="GY16" s="114">
        <v>174600</v>
      </c>
      <c r="GZ16" s="114">
        <v>233300</v>
      </c>
      <c r="HA16" s="114">
        <v>351000</v>
      </c>
      <c r="HB16" s="112">
        <v>3397148</v>
      </c>
      <c r="HC16" s="116">
        <v>8029506</v>
      </c>
      <c r="HD16" s="110">
        <v>4477850</v>
      </c>
      <c r="HE16" s="114">
        <v>6484808</v>
      </c>
      <c r="HF16" s="112">
        <v>10962658</v>
      </c>
      <c r="HG16" s="111">
        <v>0</v>
      </c>
      <c r="HH16" s="114">
        <v>48639603</v>
      </c>
      <c r="HI16" s="114">
        <v>41223298</v>
      </c>
      <c r="HJ16" s="114">
        <v>48366025</v>
      </c>
      <c r="HK16" s="114">
        <v>48235401</v>
      </c>
      <c r="HL16" s="114">
        <v>34926924</v>
      </c>
      <c r="HM16" s="113">
        <v>221391251</v>
      </c>
      <c r="HN16" s="109">
        <v>232353909</v>
      </c>
      <c r="HO16" s="115">
        <v>5414534</v>
      </c>
      <c r="HP16" s="114">
        <v>7140555</v>
      </c>
      <c r="HQ16" s="113">
        <v>12555089</v>
      </c>
      <c r="HR16" s="110">
        <v>0</v>
      </c>
      <c r="HS16" s="114">
        <v>51684103</v>
      </c>
      <c r="HT16" s="114">
        <v>28928746</v>
      </c>
      <c r="HU16" s="114">
        <v>20926070</v>
      </c>
      <c r="HV16" s="114">
        <v>16816222</v>
      </c>
      <c r="HW16" s="114">
        <v>11147429</v>
      </c>
      <c r="HX16" s="112">
        <v>129502570</v>
      </c>
      <c r="HY16" s="116">
        <v>142057659</v>
      </c>
      <c r="HZ16" s="150">
        <v>393498</v>
      </c>
      <c r="IA16" s="135">
        <v>2227095</v>
      </c>
      <c r="IB16" s="150">
        <v>2620593</v>
      </c>
      <c r="IC16" s="134">
        <v>0</v>
      </c>
      <c r="ID16" s="135">
        <v>76114824</v>
      </c>
      <c r="IE16" s="136">
        <v>86053614</v>
      </c>
      <c r="IF16" s="137">
        <v>87752824</v>
      </c>
      <c r="IG16" s="135">
        <v>85237662</v>
      </c>
      <c r="IH16" s="137">
        <v>71358605</v>
      </c>
      <c r="II16" s="138">
        <v>406517529</v>
      </c>
      <c r="IJ16" s="150">
        <v>409138122</v>
      </c>
      <c r="IK16" s="232">
        <v>0</v>
      </c>
      <c r="IL16" s="236">
        <v>0</v>
      </c>
      <c r="IM16" s="237">
        <v>0</v>
      </c>
      <c r="IN16" s="140"/>
      <c r="IO16" s="119">
        <v>1347033</v>
      </c>
      <c r="IP16" s="119">
        <v>1941867</v>
      </c>
      <c r="IQ16" s="119">
        <v>2662298</v>
      </c>
      <c r="IR16" s="119">
        <v>5129841</v>
      </c>
      <c r="IS16" s="119">
        <v>3812093</v>
      </c>
      <c r="IT16" s="141">
        <v>14893132</v>
      </c>
      <c r="IU16" s="320">
        <v>14893132</v>
      </c>
      <c r="IV16" s="142">
        <v>0</v>
      </c>
      <c r="IW16" s="119">
        <v>0</v>
      </c>
      <c r="IX16" s="120">
        <v>0</v>
      </c>
      <c r="IY16" s="144"/>
      <c r="IZ16" s="119">
        <v>176825</v>
      </c>
      <c r="JA16" s="119">
        <v>169778</v>
      </c>
      <c r="JB16" s="119">
        <v>152180</v>
      </c>
      <c r="JC16" s="119">
        <v>247670</v>
      </c>
      <c r="JD16" s="119">
        <v>381196</v>
      </c>
      <c r="JE16" s="120">
        <v>1127649</v>
      </c>
      <c r="JF16" s="121">
        <v>1127649</v>
      </c>
      <c r="JG16" s="142">
        <v>0</v>
      </c>
      <c r="JH16" s="119">
        <v>134264</v>
      </c>
      <c r="JI16" s="141">
        <v>134264</v>
      </c>
      <c r="JJ16" s="118">
        <v>0</v>
      </c>
      <c r="JK16" s="119">
        <v>25381272</v>
      </c>
      <c r="JL16" s="119">
        <v>16465329</v>
      </c>
      <c r="JM16" s="119">
        <v>10461058</v>
      </c>
      <c r="JN16" s="119">
        <v>8587508</v>
      </c>
      <c r="JO16" s="119">
        <v>2690753</v>
      </c>
      <c r="JP16" s="120">
        <v>63585920</v>
      </c>
      <c r="JQ16" s="320">
        <v>63720184</v>
      </c>
      <c r="JR16" s="142">
        <v>0</v>
      </c>
      <c r="JS16" s="119">
        <v>34681</v>
      </c>
      <c r="JT16" s="141">
        <v>34681</v>
      </c>
      <c r="JU16" s="118">
        <v>0</v>
      </c>
      <c r="JV16" s="119">
        <v>1065242</v>
      </c>
      <c r="JW16" s="119">
        <v>958707</v>
      </c>
      <c r="JX16" s="119">
        <v>3069525</v>
      </c>
      <c r="JY16" s="119">
        <v>1492777</v>
      </c>
      <c r="JZ16" s="119">
        <v>2156741</v>
      </c>
      <c r="KA16" s="120">
        <v>8742992</v>
      </c>
      <c r="KB16" s="320">
        <v>8777673</v>
      </c>
      <c r="KC16" s="234">
        <v>393498</v>
      </c>
      <c r="KD16" s="230">
        <v>1548735</v>
      </c>
      <c r="KE16" s="120">
        <v>1942233</v>
      </c>
      <c r="KF16" s="118">
        <v>0</v>
      </c>
      <c r="KG16" s="119">
        <v>12696842</v>
      </c>
      <c r="KH16" s="119">
        <v>16201337</v>
      </c>
      <c r="KI16" s="119">
        <v>21317600</v>
      </c>
      <c r="KJ16" s="119">
        <v>14935486</v>
      </c>
      <c r="KK16" s="119">
        <v>11165869</v>
      </c>
      <c r="KL16" s="120">
        <v>76317134</v>
      </c>
      <c r="KM16" s="143">
        <v>78259367</v>
      </c>
      <c r="KN16" s="232">
        <v>0</v>
      </c>
      <c r="KO16" s="236">
        <v>509415</v>
      </c>
      <c r="KP16" s="237">
        <v>509415</v>
      </c>
      <c r="KQ16" s="140"/>
      <c r="KR16" s="119">
        <v>26821081</v>
      </c>
      <c r="KS16" s="119">
        <v>34305825</v>
      </c>
      <c r="KT16" s="119">
        <v>30491571</v>
      </c>
      <c r="KU16" s="119">
        <v>26699675</v>
      </c>
      <c r="KV16" s="119">
        <v>25463354</v>
      </c>
      <c r="KW16" s="120">
        <v>143781506</v>
      </c>
      <c r="KX16" s="320">
        <v>144290921</v>
      </c>
      <c r="KY16" s="142">
        <v>0</v>
      </c>
      <c r="KZ16" s="119">
        <v>0</v>
      </c>
      <c r="LA16" s="120">
        <v>0</v>
      </c>
      <c r="LB16" s="145"/>
      <c r="LC16" s="119">
        <v>4862113</v>
      </c>
      <c r="LD16" s="119">
        <v>5987403</v>
      </c>
      <c r="LE16" s="119">
        <v>6606708</v>
      </c>
      <c r="LF16" s="119">
        <v>7036600</v>
      </c>
      <c r="LG16" s="119">
        <v>7484687</v>
      </c>
      <c r="LH16" s="120">
        <v>31977511</v>
      </c>
      <c r="LI16" s="121">
        <v>31977511</v>
      </c>
      <c r="LJ16" s="142">
        <v>0</v>
      </c>
      <c r="LK16" s="119">
        <v>0</v>
      </c>
      <c r="LL16" s="120">
        <v>0</v>
      </c>
      <c r="LM16" s="145"/>
      <c r="LN16" s="119">
        <v>0</v>
      </c>
      <c r="LO16" s="119">
        <v>212983</v>
      </c>
      <c r="LP16" s="119">
        <v>1023213</v>
      </c>
      <c r="LQ16" s="119">
        <v>6077139</v>
      </c>
      <c r="LR16" s="119">
        <v>4618583</v>
      </c>
      <c r="LS16" s="120">
        <v>11931918</v>
      </c>
      <c r="LT16" s="320">
        <v>11931918</v>
      </c>
      <c r="LU16" s="142">
        <v>0</v>
      </c>
      <c r="LV16" s="119">
        <v>0</v>
      </c>
      <c r="LW16" s="120">
        <v>0</v>
      </c>
      <c r="LX16" s="145"/>
      <c r="LY16" s="119">
        <v>3764416</v>
      </c>
      <c r="LZ16" s="119">
        <v>9810385</v>
      </c>
      <c r="MA16" s="119">
        <v>11968671</v>
      </c>
      <c r="MB16" s="119">
        <v>15030966</v>
      </c>
      <c r="MC16" s="119">
        <v>13585329</v>
      </c>
      <c r="MD16" s="120">
        <v>54159767</v>
      </c>
      <c r="ME16" s="121">
        <v>54159767</v>
      </c>
      <c r="MF16" s="142">
        <v>0</v>
      </c>
      <c r="MG16" s="119">
        <v>0</v>
      </c>
      <c r="MH16" s="120">
        <v>0</v>
      </c>
      <c r="MI16" s="145"/>
      <c r="MJ16" s="119">
        <v>26080094</v>
      </c>
      <c r="MK16" s="119">
        <v>45221468</v>
      </c>
      <c r="ML16" s="119">
        <v>144505245</v>
      </c>
      <c r="MM16" s="119">
        <v>207402448</v>
      </c>
      <c r="MN16" s="119">
        <v>196788708</v>
      </c>
      <c r="MO16" s="120">
        <v>619997963</v>
      </c>
      <c r="MP16" s="143">
        <v>619997963</v>
      </c>
      <c r="MQ16" s="142">
        <v>0</v>
      </c>
      <c r="MR16" s="119">
        <v>0</v>
      </c>
      <c r="MS16" s="120">
        <v>0</v>
      </c>
      <c r="MT16" s="145"/>
      <c r="MU16" s="119">
        <v>3723759</v>
      </c>
      <c r="MV16" s="119">
        <v>10733375</v>
      </c>
      <c r="MW16" s="119">
        <v>96852045</v>
      </c>
      <c r="MX16" s="119">
        <v>149972518</v>
      </c>
      <c r="MY16" s="119">
        <v>148728596</v>
      </c>
      <c r="MZ16" s="120">
        <v>410010293</v>
      </c>
      <c r="NA16" s="143">
        <v>410010293</v>
      </c>
      <c r="NB16" s="142">
        <v>0</v>
      </c>
      <c r="NC16" s="119">
        <v>0</v>
      </c>
      <c r="ND16" s="120">
        <v>0</v>
      </c>
      <c r="NE16" s="145"/>
      <c r="NF16" s="119">
        <v>22145932</v>
      </c>
      <c r="NG16" s="119">
        <v>34488093</v>
      </c>
      <c r="NH16" s="119">
        <v>47653200</v>
      </c>
      <c r="NI16" s="119">
        <v>56503567</v>
      </c>
      <c r="NJ16" s="119">
        <v>34943195</v>
      </c>
      <c r="NK16" s="120">
        <v>195733987</v>
      </c>
      <c r="NL16" s="320">
        <v>195733987</v>
      </c>
      <c r="NM16" s="142">
        <v>0</v>
      </c>
      <c r="NN16" s="119">
        <v>0</v>
      </c>
      <c r="NO16" s="120">
        <v>0</v>
      </c>
      <c r="NP16" s="145"/>
      <c r="NQ16" s="119">
        <v>0</v>
      </c>
      <c r="NR16" s="119">
        <v>0</v>
      </c>
      <c r="NS16" s="119">
        <v>0</v>
      </c>
      <c r="NT16" s="119">
        <v>0</v>
      </c>
      <c r="NU16" s="119">
        <v>625867</v>
      </c>
      <c r="NV16" s="120">
        <v>625867</v>
      </c>
      <c r="NW16" s="121">
        <v>625867</v>
      </c>
      <c r="NX16" s="142">
        <v>0</v>
      </c>
      <c r="NY16" s="119">
        <v>0</v>
      </c>
      <c r="NZ16" s="120">
        <v>0</v>
      </c>
      <c r="OA16" s="145"/>
      <c r="OB16" s="119">
        <v>210403</v>
      </c>
      <c r="OC16" s="119">
        <v>0</v>
      </c>
      <c r="OD16" s="119">
        <v>0</v>
      </c>
      <c r="OE16" s="119">
        <v>926363</v>
      </c>
      <c r="OF16" s="119">
        <v>12491050</v>
      </c>
      <c r="OG16" s="120">
        <v>13627816</v>
      </c>
      <c r="OH16" s="121">
        <v>13627816</v>
      </c>
      <c r="OI16" s="142">
        <v>25148573</v>
      </c>
      <c r="OJ16" s="119">
        <v>44287948</v>
      </c>
      <c r="OK16" s="141">
        <v>69436521</v>
      </c>
      <c r="OL16" s="118">
        <v>0</v>
      </c>
      <c r="OM16" s="119">
        <v>426300293</v>
      </c>
      <c r="ON16" s="119">
        <v>396848707</v>
      </c>
      <c r="OO16" s="119">
        <v>477503512</v>
      </c>
      <c r="OP16" s="119">
        <v>540589700</v>
      </c>
      <c r="OQ16" s="119">
        <v>468870575</v>
      </c>
      <c r="OR16" s="120">
        <v>2310112787</v>
      </c>
      <c r="OS16" s="143">
        <v>2379549308</v>
      </c>
    </row>
    <row r="17" spans="2:409" ht="21" customHeight="1" x14ac:dyDescent="0.2">
      <c r="B17" s="62" t="s">
        <v>11</v>
      </c>
      <c r="C17" s="110">
        <v>11158802</v>
      </c>
      <c r="D17" s="114">
        <v>15225332</v>
      </c>
      <c r="E17" s="171">
        <v>26384134</v>
      </c>
      <c r="F17" s="111">
        <v>0</v>
      </c>
      <c r="G17" s="114">
        <v>163233126</v>
      </c>
      <c r="H17" s="114">
        <v>131771748</v>
      </c>
      <c r="I17" s="114">
        <v>130742731</v>
      </c>
      <c r="J17" s="114">
        <v>136215339</v>
      </c>
      <c r="K17" s="114">
        <v>90895582</v>
      </c>
      <c r="L17" s="109">
        <v>652858526</v>
      </c>
      <c r="M17" s="116">
        <v>679242660</v>
      </c>
      <c r="N17" s="110">
        <v>1307883</v>
      </c>
      <c r="O17" s="114">
        <v>2597515</v>
      </c>
      <c r="P17" s="113">
        <v>3905398</v>
      </c>
      <c r="Q17" s="110">
        <v>0</v>
      </c>
      <c r="R17" s="114">
        <v>36920020</v>
      </c>
      <c r="S17" s="114">
        <v>37917927</v>
      </c>
      <c r="T17" s="114">
        <v>39830504</v>
      </c>
      <c r="U17" s="114">
        <v>48916723</v>
      </c>
      <c r="V17" s="114">
        <v>46145075</v>
      </c>
      <c r="W17" s="113">
        <v>209730249</v>
      </c>
      <c r="X17" s="116">
        <v>213635647</v>
      </c>
      <c r="Y17" s="110">
        <v>0</v>
      </c>
      <c r="Z17" s="114">
        <v>0</v>
      </c>
      <c r="AA17" s="113">
        <v>0</v>
      </c>
      <c r="AB17" s="110">
        <v>0</v>
      </c>
      <c r="AC17" s="114">
        <v>17928425</v>
      </c>
      <c r="AD17" s="114">
        <v>21147445</v>
      </c>
      <c r="AE17" s="114">
        <v>24385824</v>
      </c>
      <c r="AF17" s="114">
        <v>30405789</v>
      </c>
      <c r="AG17" s="114">
        <v>29636066</v>
      </c>
      <c r="AH17" s="113">
        <v>123503549</v>
      </c>
      <c r="AI17" s="116">
        <v>123503549</v>
      </c>
      <c r="AJ17" s="110">
        <v>0</v>
      </c>
      <c r="AK17" s="114">
        <v>35572</v>
      </c>
      <c r="AL17" s="113">
        <v>35572</v>
      </c>
      <c r="AM17" s="110">
        <v>0</v>
      </c>
      <c r="AN17" s="114">
        <v>302596</v>
      </c>
      <c r="AO17" s="114">
        <v>978031</v>
      </c>
      <c r="AP17" s="114">
        <v>1373291</v>
      </c>
      <c r="AQ17" s="114">
        <v>3167672</v>
      </c>
      <c r="AR17" s="114">
        <v>4413317</v>
      </c>
      <c r="AS17" s="113">
        <v>10234907</v>
      </c>
      <c r="AT17" s="116">
        <v>10270479</v>
      </c>
      <c r="AU17" s="110">
        <v>751476</v>
      </c>
      <c r="AV17" s="114">
        <v>1789161</v>
      </c>
      <c r="AW17" s="113">
        <v>2540637</v>
      </c>
      <c r="AX17" s="110">
        <v>0</v>
      </c>
      <c r="AY17" s="114">
        <v>11921940</v>
      </c>
      <c r="AZ17" s="114">
        <v>9789754</v>
      </c>
      <c r="BA17" s="114">
        <v>7762697</v>
      </c>
      <c r="BB17" s="114">
        <v>9076878</v>
      </c>
      <c r="BC17" s="114">
        <v>8279348</v>
      </c>
      <c r="BD17" s="113">
        <v>46830617</v>
      </c>
      <c r="BE17" s="116">
        <v>49371254</v>
      </c>
      <c r="BF17" s="110">
        <v>72374</v>
      </c>
      <c r="BG17" s="114">
        <v>274282</v>
      </c>
      <c r="BH17" s="112">
        <v>346656</v>
      </c>
      <c r="BI17" s="111">
        <v>0</v>
      </c>
      <c r="BJ17" s="114">
        <v>1266390</v>
      </c>
      <c r="BK17" s="114">
        <v>810758</v>
      </c>
      <c r="BL17" s="114">
        <v>1087351</v>
      </c>
      <c r="BM17" s="114">
        <v>933779</v>
      </c>
      <c r="BN17" s="114">
        <v>181130</v>
      </c>
      <c r="BO17" s="113">
        <v>4279408</v>
      </c>
      <c r="BP17" s="116">
        <v>4626064</v>
      </c>
      <c r="BQ17" s="110">
        <v>484033</v>
      </c>
      <c r="BR17" s="114">
        <v>498500</v>
      </c>
      <c r="BS17" s="113">
        <v>982533</v>
      </c>
      <c r="BT17" s="110">
        <v>0</v>
      </c>
      <c r="BU17" s="114">
        <v>5500669</v>
      </c>
      <c r="BV17" s="114">
        <v>5191939</v>
      </c>
      <c r="BW17" s="114">
        <v>5221341</v>
      </c>
      <c r="BX17" s="114">
        <v>5332605</v>
      </c>
      <c r="BY17" s="114">
        <v>3635214</v>
      </c>
      <c r="BZ17" s="113">
        <v>24881768</v>
      </c>
      <c r="CA17" s="116">
        <v>25864301</v>
      </c>
      <c r="CB17" s="110">
        <v>2117153</v>
      </c>
      <c r="CC17" s="114">
        <v>3359637</v>
      </c>
      <c r="CD17" s="113">
        <v>5476790</v>
      </c>
      <c r="CE17" s="110">
        <v>0</v>
      </c>
      <c r="CF17" s="114">
        <v>50831552</v>
      </c>
      <c r="CG17" s="114">
        <v>37611965</v>
      </c>
      <c r="CH17" s="114">
        <v>31218792</v>
      </c>
      <c r="CI17" s="114">
        <v>23021804</v>
      </c>
      <c r="CJ17" s="114">
        <v>10626313</v>
      </c>
      <c r="CK17" s="113">
        <v>153310426</v>
      </c>
      <c r="CL17" s="116">
        <v>158787216</v>
      </c>
      <c r="CM17" s="110">
        <v>0</v>
      </c>
      <c r="CN17" s="114">
        <v>0</v>
      </c>
      <c r="CO17" s="113">
        <v>0</v>
      </c>
      <c r="CP17" s="111">
        <v>0</v>
      </c>
      <c r="CQ17" s="114">
        <v>41827153</v>
      </c>
      <c r="CR17" s="114">
        <v>29839940</v>
      </c>
      <c r="CS17" s="114">
        <v>24227059</v>
      </c>
      <c r="CT17" s="114">
        <v>18617884</v>
      </c>
      <c r="CU17" s="114">
        <v>8828635</v>
      </c>
      <c r="CV17" s="113">
        <v>123340671</v>
      </c>
      <c r="CW17" s="116">
        <v>123340671</v>
      </c>
      <c r="CX17" s="110">
        <v>2117153</v>
      </c>
      <c r="CY17" s="114">
        <v>3359637</v>
      </c>
      <c r="CZ17" s="113">
        <v>5476790</v>
      </c>
      <c r="DA17" s="110">
        <v>0</v>
      </c>
      <c r="DB17" s="114">
        <v>9004399</v>
      </c>
      <c r="DC17" s="114">
        <v>7772025</v>
      </c>
      <c r="DD17" s="114">
        <v>6991733</v>
      </c>
      <c r="DE17" s="114">
        <v>4403920</v>
      </c>
      <c r="DF17" s="114">
        <v>1797678</v>
      </c>
      <c r="DG17" s="113">
        <v>29969755</v>
      </c>
      <c r="DH17" s="116">
        <v>35446545</v>
      </c>
      <c r="DI17" s="110">
        <v>88376</v>
      </c>
      <c r="DJ17" s="114">
        <v>217116</v>
      </c>
      <c r="DK17" s="112">
        <v>305492</v>
      </c>
      <c r="DL17" s="111">
        <v>0</v>
      </c>
      <c r="DM17" s="114">
        <v>5160267</v>
      </c>
      <c r="DN17" s="114">
        <v>5016358</v>
      </c>
      <c r="DO17" s="114">
        <v>11055363</v>
      </c>
      <c r="DP17" s="114">
        <v>9954533</v>
      </c>
      <c r="DQ17" s="114">
        <v>5917560</v>
      </c>
      <c r="DR17" s="113">
        <v>37104081</v>
      </c>
      <c r="DS17" s="116">
        <v>37409573</v>
      </c>
      <c r="DT17" s="110">
        <v>88376</v>
      </c>
      <c r="DU17" s="114">
        <v>217116</v>
      </c>
      <c r="DV17" s="113">
        <v>305492</v>
      </c>
      <c r="DW17" s="110">
        <v>0</v>
      </c>
      <c r="DX17" s="114">
        <v>4828301</v>
      </c>
      <c r="DY17" s="114">
        <v>4450344</v>
      </c>
      <c r="DZ17" s="114">
        <v>10686371</v>
      </c>
      <c r="EA17" s="114">
        <v>9496438</v>
      </c>
      <c r="EB17" s="114">
        <v>5092800</v>
      </c>
      <c r="EC17" s="113">
        <v>34554254</v>
      </c>
      <c r="ED17" s="116">
        <v>34859746</v>
      </c>
      <c r="EE17" s="110">
        <v>0</v>
      </c>
      <c r="EF17" s="112">
        <v>0</v>
      </c>
      <c r="EG17" s="113">
        <v>0</v>
      </c>
      <c r="EH17" s="110">
        <v>0</v>
      </c>
      <c r="EI17" s="114">
        <v>331966</v>
      </c>
      <c r="EJ17" s="114">
        <v>566014</v>
      </c>
      <c r="EK17" s="114">
        <v>368992</v>
      </c>
      <c r="EL17" s="114">
        <v>458095</v>
      </c>
      <c r="EM17" s="114">
        <v>824760</v>
      </c>
      <c r="EN17" s="112">
        <v>2549827</v>
      </c>
      <c r="EO17" s="116">
        <v>2549827</v>
      </c>
      <c r="EP17" s="110">
        <v>0</v>
      </c>
      <c r="EQ17" s="114">
        <v>0</v>
      </c>
      <c r="ER17" s="112">
        <v>0</v>
      </c>
      <c r="ES17" s="111">
        <v>0</v>
      </c>
      <c r="ET17" s="114">
        <v>0</v>
      </c>
      <c r="EU17" s="114">
        <v>0</v>
      </c>
      <c r="EV17" s="114">
        <v>0</v>
      </c>
      <c r="EW17" s="114">
        <v>0</v>
      </c>
      <c r="EX17" s="114">
        <v>0</v>
      </c>
      <c r="EY17" s="113">
        <v>0</v>
      </c>
      <c r="EZ17" s="116">
        <v>0</v>
      </c>
      <c r="FA17" s="110">
        <v>0</v>
      </c>
      <c r="FB17" s="114">
        <v>0</v>
      </c>
      <c r="FC17" s="112">
        <v>0</v>
      </c>
      <c r="FD17" s="347"/>
      <c r="FE17" s="114">
        <v>0</v>
      </c>
      <c r="FF17" s="114">
        <v>0</v>
      </c>
      <c r="FG17" s="114">
        <v>0</v>
      </c>
      <c r="FH17" s="114">
        <v>0</v>
      </c>
      <c r="FI17" s="114">
        <v>0</v>
      </c>
      <c r="FJ17" s="113">
        <v>0</v>
      </c>
      <c r="FK17" s="116">
        <v>0</v>
      </c>
      <c r="FL17" s="110">
        <v>3216551</v>
      </c>
      <c r="FM17" s="114">
        <v>3316946</v>
      </c>
      <c r="FN17" s="113">
        <v>6533497</v>
      </c>
      <c r="FO17" s="110">
        <v>0</v>
      </c>
      <c r="FP17" s="114">
        <v>8060945</v>
      </c>
      <c r="FQ17" s="114">
        <v>11171983</v>
      </c>
      <c r="FR17" s="114">
        <v>10357632</v>
      </c>
      <c r="FS17" s="114">
        <v>10021832</v>
      </c>
      <c r="FT17" s="114">
        <v>6067366</v>
      </c>
      <c r="FU17" s="113">
        <v>45679758</v>
      </c>
      <c r="FV17" s="116">
        <v>52213255</v>
      </c>
      <c r="FW17" s="115">
        <v>1738651</v>
      </c>
      <c r="FX17" s="114">
        <v>2739652</v>
      </c>
      <c r="FY17" s="112">
        <v>4478303</v>
      </c>
      <c r="FZ17" s="111">
        <v>0</v>
      </c>
      <c r="GA17" s="114">
        <v>6557767</v>
      </c>
      <c r="GB17" s="114">
        <v>10711911</v>
      </c>
      <c r="GC17" s="114">
        <v>9470417</v>
      </c>
      <c r="GD17" s="114">
        <v>9407440</v>
      </c>
      <c r="GE17" s="114">
        <v>6017297</v>
      </c>
      <c r="GF17" s="113">
        <v>42164832</v>
      </c>
      <c r="GG17" s="318">
        <v>46643135</v>
      </c>
      <c r="GH17" s="115">
        <v>152634</v>
      </c>
      <c r="GI17" s="114">
        <v>118978</v>
      </c>
      <c r="GJ17" s="112">
        <v>271612</v>
      </c>
      <c r="GK17" s="111">
        <v>0</v>
      </c>
      <c r="GL17" s="114">
        <v>510826</v>
      </c>
      <c r="GM17" s="114">
        <v>270718</v>
      </c>
      <c r="GN17" s="114">
        <v>87324</v>
      </c>
      <c r="GO17" s="114">
        <v>128412</v>
      </c>
      <c r="GP17" s="114">
        <v>50069</v>
      </c>
      <c r="GQ17" s="113">
        <v>1047349</v>
      </c>
      <c r="GR17" s="116">
        <v>1318961</v>
      </c>
      <c r="GS17" s="110">
        <v>1325266</v>
      </c>
      <c r="GT17" s="114">
        <v>458316</v>
      </c>
      <c r="GU17" s="113">
        <v>1783582</v>
      </c>
      <c r="GV17" s="110">
        <v>0</v>
      </c>
      <c r="GW17" s="114">
        <v>992352</v>
      </c>
      <c r="GX17" s="114">
        <v>189354</v>
      </c>
      <c r="GY17" s="114">
        <v>799891</v>
      </c>
      <c r="GZ17" s="114">
        <v>485980</v>
      </c>
      <c r="HA17" s="114">
        <v>0</v>
      </c>
      <c r="HB17" s="112">
        <v>2467577</v>
      </c>
      <c r="HC17" s="116">
        <v>4251159</v>
      </c>
      <c r="HD17" s="110">
        <v>2073032</v>
      </c>
      <c r="HE17" s="114">
        <v>3122026</v>
      </c>
      <c r="HF17" s="112">
        <v>5195058</v>
      </c>
      <c r="HG17" s="111">
        <v>0</v>
      </c>
      <c r="HH17" s="114">
        <v>34698004</v>
      </c>
      <c r="HI17" s="114">
        <v>24531801</v>
      </c>
      <c r="HJ17" s="114">
        <v>25400810</v>
      </c>
      <c r="HK17" s="114">
        <v>34888149</v>
      </c>
      <c r="HL17" s="114">
        <v>16716429</v>
      </c>
      <c r="HM17" s="113">
        <v>136235193</v>
      </c>
      <c r="HN17" s="109">
        <v>141430251</v>
      </c>
      <c r="HO17" s="115">
        <v>2355807</v>
      </c>
      <c r="HP17" s="114">
        <v>2612092</v>
      </c>
      <c r="HQ17" s="113">
        <v>4967899</v>
      </c>
      <c r="HR17" s="110">
        <v>0</v>
      </c>
      <c r="HS17" s="114">
        <v>27562338</v>
      </c>
      <c r="HT17" s="114">
        <v>15521714</v>
      </c>
      <c r="HU17" s="114">
        <v>12879630</v>
      </c>
      <c r="HV17" s="114">
        <v>9412298</v>
      </c>
      <c r="HW17" s="114">
        <v>5422839</v>
      </c>
      <c r="HX17" s="112">
        <v>70798819</v>
      </c>
      <c r="HY17" s="116">
        <v>75766718</v>
      </c>
      <c r="HZ17" s="131">
        <v>41625</v>
      </c>
      <c r="IA17" s="132">
        <v>1953833</v>
      </c>
      <c r="IB17" s="133">
        <v>1995458</v>
      </c>
      <c r="IC17" s="146">
        <v>0</v>
      </c>
      <c r="ID17" s="132">
        <v>50432952</v>
      </c>
      <c r="IE17" s="147">
        <v>47534009</v>
      </c>
      <c r="IF17" s="133">
        <v>51644210</v>
      </c>
      <c r="IG17" s="132">
        <v>34542300</v>
      </c>
      <c r="IH17" s="133">
        <v>16656631</v>
      </c>
      <c r="II17" s="148">
        <v>200810102</v>
      </c>
      <c r="IJ17" s="139">
        <v>202805560</v>
      </c>
      <c r="IK17" s="232">
        <v>0</v>
      </c>
      <c r="IL17" s="236">
        <v>0</v>
      </c>
      <c r="IM17" s="237">
        <v>0</v>
      </c>
      <c r="IN17" s="140"/>
      <c r="IO17" s="119">
        <v>819855</v>
      </c>
      <c r="IP17" s="119">
        <v>1175134</v>
      </c>
      <c r="IQ17" s="119">
        <v>773176</v>
      </c>
      <c r="IR17" s="119">
        <v>1124876</v>
      </c>
      <c r="IS17" s="119">
        <v>1265609</v>
      </c>
      <c r="IT17" s="141">
        <v>5158650</v>
      </c>
      <c r="IU17" s="320">
        <v>5158650</v>
      </c>
      <c r="IV17" s="142">
        <v>0</v>
      </c>
      <c r="IW17" s="119">
        <v>0</v>
      </c>
      <c r="IX17" s="120">
        <v>0</v>
      </c>
      <c r="IY17" s="144"/>
      <c r="IZ17" s="119">
        <v>178133</v>
      </c>
      <c r="JA17" s="119">
        <v>253897</v>
      </c>
      <c r="JB17" s="119">
        <v>238879</v>
      </c>
      <c r="JC17" s="119">
        <v>339652</v>
      </c>
      <c r="JD17" s="119">
        <v>185409</v>
      </c>
      <c r="JE17" s="120">
        <v>1195970</v>
      </c>
      <c r="JF17" s="121">
        <v>1195970</v>
      </c>
      <c r="JG17" s="142">
        <v>0</v>
      </c>
      <c r="JH17" s="119">
        <v>0</v>
      </c>
      <c r="JI17" s="141">
        <v>0</v>
      </c>
      <c r="JJ17" s="118">
        <v>0</v>
      </c>
      <c r="JK17" s="119">
        <v>28450436</v>
      </c>
      <c r="JL17" s="119">
        <v>18361665</v>
      </c>
      <c r="JM17" s="119">
        <v>16516955</v>
      </c>
      <c r="JN17" s="119">
        <v>9909149</v>
      </c>
      <c r="JO17" s="119">
        <v>2924697</v>
      </c>
      <c r="JP17" s="120">
        <v>76162902</v>
      </c>
      <c r="JQ17" s="320">
        <v>76162902</v>
      </c>
      <c r="JR17" s="142">
        <v>0</v>
      </c>
      <c r="JS17" s="119">
        <v>0</v>
      </c>
      <c r="JT17" s="141">
        <v>0</v>
      </c>
      <c r="JU17" s="118">
        <v>0</v>
      </c>
      <c r="JV17" s="119">
        <v>1177151</v>
      </c>
      <c r="JW17" s="119">
        <v>1151152</v>
      </c>
      <c r="JX17" s="119">
        <v>1945443</v>
      </c>
      <c r="JY17" s="119">
        <v>0</v>
      </c>
      <c r="JZ17" s="119">
        <v>197105</v>
      </c>
      <c r="KA17" s="120">
        <v>4470851</v>
      </c>
      <c r="KB17" s="320">
        <v>4470851</v>
      </c>
      <c r="KC17" s="234">
        <v>41625</v>
      </c>
      <c r="KD17" s="230">
        <v>424713</v>
      </c>
      <c r="KE17" s="120">
        <v>466338</v>
      </c>
      <c r="KF17" s="118">
        <v>0</v>
      </c>
      <c r="KG17" s="119">
        <v>4517158</v>
      </c>
      <c r="KH17" s="119">
        <v>8098113</v>
      </c>
      <c r="KI17" s="119">
        <v>8330640</v>
      </c>
      <c r="KJ17" s="119">
        <v>5733562</v>
      </c>
      <c r="KK17" s="119">
        <v>1948900</v>
      </c>
      <c r="KL17" s="120">
        <v>28628373</v>
      </c>
      <c r="KM17" s="143">
        <v>29094711</v>
      </c>
      <c r="KN17" s="232">
        <v>0</v>
      </c>
      <c r="KO17" s="236">
        <v>1529120</v>
      </c>
      <c r="KP17" s="237">
        <v>1529120</v>
      </c>
      <c r="KQ17" s="140"/>
      <c r="KR17" s="119">
        <v>14530149</v>
      </c>
      <c r="KS17" s="119">
        <v>17595293</v>
      </c>
      <c r="KT17" s="119">
        <v>22695343</v>
      </c>
      <c r="KU17" s="119">
        <v>15162486</v>
      </c>
      <c r="KV17" s="119">
        <v>8825659</v>
      </c>
      <c r="KW17" s="120">
        <v>78808930</v>
      </c>
      <c r="KX17" s="320">
        <v>80338050</v>
      </c>
      <c r="KY17" s="142">
        <v>0</v>
      </c>
      <c r="KZ17" s="119">
        <v>0</v>
      </c>
      <c r="LA17" s="120">
        <v>0</v>
      </c>
      <c r="LB17" s="145"/>
      <c r="LC17" s="119">
        <v>0</v>
      </c>
      <c r="LD17" s="119">
        <v>0</v>
      </c>
      <c r="LE17" s="119">
        <v>0</v>
      </c>
      <c r="LF17" s="119">
        <v>0</v>
      </c>
      <c r="LG17" s="119">
        <v>0</v>
      </c>
      <c r="LH17" s="120">
        <v>0</v>
      </c>
      <c r="LI17" s="121">
        <v>0</v>
      </c>
      <c r="LJ17" s="142">
        <v>0</v>
      </c>
      <c r="LK17" s="119">
        <v>0</v>
      </c>
      <c r="LL17" s="120">
        <v>0</v>
      </c>
      <c r="LM17" s="145"/>
      <c r="LN17" s="119">
        <v>0</v>
      </c>
      <c r="LO17" s="119">
        <v>132660</v>
      </c>
      <c r="LP17" s="119">
        <v>0</v>
      </c>
      <c r="LQ17" s="119">
        <v>0</v>
      </c>
      <c r="LR17" s="119">
        <v>0</v>
      </c>
      <c r="LS17" s="120">
        <v>132660</v>
      </c>
      <c r="LT17" s="320">
        <v>132660</v>
      </c>
      <c r="LU17" s="142">
        <v>0</v>
      </c>
      <c r="LV17" s="119">
        <v>0</v>
      </c>
      <c r="LW17" s="120">
        <v>0</v>
      </c>
      <c r="LX17" s="145"/>
      <c r="LY17" s="119">
        <v>760070</v>
      </c>
      <c r="LZ17" s="119">
        <v>766095</v>
      </c>
      <c r="MA17" s="119">
        <v>1143774</v>
      </c>
      <c r="MB17" s="119">
        <v>2272575</v>
      </c>
      <c r="MC17" s="119">
        <v>1309252</v>
      </c>
      <c r="MD17" s="120">
        <v>6251766</v>
      </c>
      <c r="ME17" s="121">
        <v>6251766</v>
      </c>
      <c r="MF17" s="142">
        <v>0</v>
      </c>
      <c r="MG17" s="119">
        <v>0</v>
      </c>
      <c r="MH17" s="120">
        <v>0</v>
      </c>
      <c r="MI17" s="145"/>
      <c r="MJ17" s="119">
        <v>17433339</v>
      </c>
      <c r="MK17" s="119">
        <v>26364280</v>
      </c>
      <c r="ML17" s="119">
        <v>90438852</v>
      </c>
      <c r="MM17" s="119">
        <v>148894036</v>
      </c>
      <c r="MN17" s="119">
        <v>88805343</v>
      </c>
      <c r="MO17" s="120">
        <v>371935850</v>
      </c>
      <c r="MP17" s="143">
        <v>371935850</v>
      </c>
      <c r="MQ17" s="142">
        <v>0</v>
      </c>
      <c r="MR17" s="119">
        <v>0</v>
      </c>
      <c r="MS17" s="120">
        <v>0</v>
      </c>
      <c r="MT17" s="145"/>
      <c r="MU17" s="119">
        <v>438237</v>
      </c>
      <c r="MV17" s="119">
        <v>1368650</v>
      </c>
      <c r="MW17" s="119">
        <v>51048107</v>
      </c>
      <c r="MX17" s="119">
        <v>97452457</v>
      </c>
      <c r="MY17" s="119">
        <v>59108033</v>
      </c>
      <c r="MZ17" s="120">
        <v>209415484</v>
      </c>
      <c r="NA17" s="143">
        <v>209415484</v>
      </c>
      <c r="NB17" s="142">
        <v>0</v>
      </c>
      <c r="NC17" s="119">
        <v>0</v>
      </c>
      <c r="ND17" s="120">
        <v>0</v>
      </c>
      <c r="NE17" s="145"/>
      <c r="NF17" s="119">
        <v>16751648</v>
      </c>
      <c r="NG17" s="119">
        <v>23469379</v>
      </c>
      <c r="NH17" s="119">
        <v>37499099</v>
      </c>
      <c r="NI17" s="119">
        <v>48005300</v>
      </c>
      <c r="NJ17" s="119">
        <v>23206689</v>
      </c>
      <c r="NK17" s="120">
        <v>148932115</v>
      </c>
      <c r="NL17" s="320">
        <v>148932115</v>
      </c>
      <c r="NM17" s="142">
        <v>0</v>
      </c>
      <c r="NN17" s="119">
        <v>0</v>
      </c>
      <c r="NO17" s="120">
        <v>0</v>
      </c>
      <c r="NP17" s="145"/>
      <c r="NQ17" s="119">
        <v>0</v>
      </c>
      <c r="NR17" s="119">
        <v>0</v>
      </c>
      <c r="NS17" s="119">
        <v>0</v>
      </c>
      <c r="NT17" s="119">
        <v>0</v>
      </c>
      <c r="NU17" s="119">
        <v>0</v>
      </c>
      <c r="NV17" s="120">
        <v>0</v>
      </c>
      <c r="NW17" s="121">
        <v>0</v>
      </c>
      <c r="NX17" s="142">
        <v>0</v>
      </c>
      <c r="NY17" s="119">
        <v>0</v>
      </c>
      <c r="NZ17" s="120">
        <v>0</v>
      </c>
      <c r="OA17" s="145"/>
      <c r="OB17" s="119">
        <v>243454</v>
      </c>
      <c r="OC17" s="119">
        <v>1526251</v>
      </c>
      <c r="OD17" s="119">
        <v>1891646</v>
      </c>
      <c r="OE17" s="119">
        <v>3436279</v>
      </c>
      <c r="OF17" s="119">
        <v>6490621</v>
      </c>
      <c r="OG17" s="120">
        <v>13588251</v>
      </c>
      <c r="OH17" s="121">
        <v>13588251</v>
      </c>
      <c r="OI17" s="142">
        <v>11200427</v>
      </c>
      <c r="OJ17" s="119">
        <v>17179165</v>
      </c>
      <c r="OK17" s="141">
        <v>28379592</v>
      </c>
      <c r="OL17" s="118">
        <v>0</v>
      </c>
      <c r="OM17" s="119">
        <v>231099417</v>
      </c>
      <c r="ON17" s="119">
        <v>205670037</v>
      </c>
      <c r="OO17" s="119">
        <v>272825793</v>
      </c>
      <c r="OP17" s="119">
        <v>319651675</v>
      </c>
      <c r="OQ17" s="119">
        <v>196357556</v>
      </c>
      <c r="OR17" s="120">
        <v>1225604478</v>
      </c>
      <c r="OS17" s="143">
        <v>1253984070</v>
      </c>
    </row>
    <row r="18" spans="2:409" ht="21" customHeight="1" x14ac:dyDescent="0.2">
      <c r="B18" s="62" t="s">
        <v>12</v>
      </c>
      <c r="C18" s="110">
        <v>17529920</v>
      </c>
      <c r="D18" s="114">
        <v>31266610</v>
      </c>
      <c r="E18" s="113">
        <v>48796530</v>
      </c>
      <c r="F18" s="109">
        <v>0</v>
      </c>
      <c r="G18" s="114">
        <v>123271750</v>
      </c>
      <c r="H18" s="170">
        <v>146146896</v>
      </c>
      <c r="I18" s="170">
        <v>130377002</v>
      </c>
      <c r="J18" s="170">
        <v>152573552</v>
      </c>
      <c r="K18" s="170">
        <v>112673224</v>
      </c>
      <c r="L18" s="112">
        <v>665042424</v>
      </c>
      <c r="M18" s="116">
        <v>713838954</v>
      </c>
      <c r="N18" s="110">
        <v>3541004</v>
      </c>
      <c r="O18" s="114">
        <v>8116818</v>
      </c>
      <c r="P18" s="113">
        <v>11657822</v>
      </c>
      <c r="Q18" s="110">
        <v>0</v>
      </c>
      <c r="R18" s="114">
        <v>33373906</v>
      </c>
      <c r="S18" s="114">
        <v>45321833</v>
      </c>
      <c r="T18" s="114">
        <v>40027506</v>
      </c>
      <c r="U18" s="114">
        <v>56439529</v>
      </c>
      <c r="V18" s="114">
        <v>54990896</v>
      </c>
      <c r="W18" s="113">
        <v>230153670</v>
      </c>
      <c r="X18" s="116">
        <v>241811492</v>
      </c>
      <c r="Y18" s="110">
        <v>0</v>
      </c>
      <c r="Z18" s="114">
        <v>0</v>
      </c>
      <c r="AA18" s="113">
        <v>0</v>
      </c>
      <c r="AB18" s="110">
        <v>0</v>
      </c>
      <c r="AC18" s="114">
        <v>18666885</v>
      </c>
      <c r="AD18" s="114">
        <v>24797508</v>
      </c>
      <c r="AE18" s="114">
        <v>24986447</v>
      </c>
      <c r="AF18" s="114">
        <v>36970950</v>
      </c>
      <c r="AG18" s="114">
        <v>36558187</v>
      </c>
      <c r="AH18" s="113">
        <v>141979977</v>
      </c>
      <c r="AI18" s="116">
        <v>141979977</v>
      </c>
      <c r="AJ18" s="110">
        <v>0</v>
      </c>
      <c r="AK18" s="114">
        <v>225307</v>
      </c>
      <c r="AL18" s="113">
        <v>225307</v>
      </c>
      <c r="AM18" s="110">
        <v>0</v>
      </c>
      <c r="AN18" s="114">
        <v>357240</v>
      </c>
      <c r="AO18" s="114">
        <v>1009735</v>
      </c>
      <c r="AP18" s="114">
        <v>1268662</v>
      </c>
      <c r="AQ18" s="114">
        <v>3727930</v>
      </c>
      <c r="AR18" s="114">
        <v>5047730</v>
      </c>
      <c r="AS18" s="113">
        <v>11411297</v>
      </c>
      <c r="AT18" s="116">
        <v>11636604</v>
      </c>
      <c r="AU18" s="110">
        <v>2498361</v>
      </c>
      <c r="AV18" s="114">
        <v>6183205</v>
      </c>
      <c r="AW18" s="113">
        <v>8681566</v>
      </c>
      <c r="AX18" s="110">
        <v>0</v>
      </c>
      <c r="AY18" s="114">
        <v>9728775</v>
      </c>
      <c r="AZ18" s="114">
        <v>13167623</v>
      </c>
      <c r="BA18" s="114">
        <v>8465157</v>
      </c>
      <c r="BB18" s="114">
        <v>8802978</v>
      </c>
      <c r="BC18" s="114">
        <v>8471516</v>
      </c>
      <c r="BD18" s="113">
        <v>48636049</v>
      </c>
      <c r="BE18" s="116">
        <v>57317615</v>
      </c>
      <c r="BF18" s="110">
        <v>151828</v>
      </c>
      <c r="BG18" s="114">
        <v>555729</v>
      </c>
      <c r="BH18" s="112">
        <v>707557</v>
      </c>
      <c r="BI18" s="111">
        <v>0</v>
      </c>
      <c r="BJ18" s="114">
        <v>496816</v>
      </c>
      <c r="BK18" s="114">
        <v>1591697</v>
      </c>
      <c r="BL18" s="114">
        <v>953489</v>
      </c>
      <c r="BM18" s="114">
        <v>1022802</v>
      </c>
      <c r="BN18" s="114">
        <v>557112</v>
      </c>
      <c r="BO18" s="113">
        <v>4621916</v>
      </c>
      <c r="BP18" s="116">
        <v>5329473</v>
      </c>
      <c r="BQ18" s="110">
        <v>890815</v>
      </c>
      <c r="BR18" s="114">
        <v>1152577</v>
      </c>
      <c r="BS18" s="113">
        <v>2043392</v>
      </c>
      <c r="BT18" s="110">
        <v>0</v>
      </c>
      <c r="BU18" s="114">
        <v>4124190</v>
      </c>
      <c r="BV18" s="114">
        <v>4755270</v>
      </c>
      <c r="BW18" s="114">
        <v>4353751</v>
      </c>
      <c r="BX18" s="114">
        <v>5914869</v>
      </c>
      <c r="BY18" s="114">
        <v>4356351</v>
      </c>
      <c r="BZ18" s="113">
        <v>23504431</v>
      </c>
      <c r="CA18" s="116">
        <v>25547823</v>
      </c>
      <c r="CB18" s="110">
        <v>3455254</v>
      </c>
      <c r="CC18" s="114">
        <v>5974341</v>
      </c>
      <c r="CD18" s="113">
        <v>9429595</v>
      </c>
      <c r="CE18" s="110">
        <v>0</v>
      </c>
      <c r="CF18" s="114">
        <v>40013559</v>
      </c>
      <c r="CG18" s="114">
        <v>42073994</v>
      </c>
      <c r="CH18" s="114">
        <v>33483527</v>
      </c>
      <c r="CI18" s="114">
        <v>29397972</v>
      </c>
      <c r="CJ18" s="114">
        <v>13888907</v>
      </c>
      <c r="CK18" s="113">
        <v>158857959</v>
      </c>
      <c r="CL18" s="116">
        <v>168287554</v>
      </c>
      <c r="CM18" s="110">
        <v>0</v>
      </c>
      <c r="CN18" s="114">
        <v>0</v>
      </c>
      <c r="CO18" s="113">
        <v>0</v>
      </c>
      <c r="CP18" s="111">
        <v>0</v>
      </c>
      <c r="CQ18" s="114">
        <v>33304604</v>
      </c>
      <c r="CR18" s="114">
        <v>30617228</v>
      </c>
      <c r="CS18" s="114">
        <v>24649400</v>
      </c>
      <c r="CT18" s="114">
        <v>22463395</v>
      </c>
      <c r="CU18" s="114">
        <v>11105876</v>
      </c>
      <c r="CV18" s="113">
        <v>122140503</v>
      </c>
      <c r="CW18" s="116">
        <v>122140503</v>
      </c>
      <c r="CX18" s="110">
        <v>3455254</v>
      </c>
      <c r="CY18" s="114">
        <v>5974341</v>
      </c>
      <c r="CZ18" s="113">
        <v>9429595</v>
      </c>
      <c r="DA18" s="110">
        <v>0</v>
      </c>
      <c r="DB18" s="114">
        <v>6708955</v>
      </c>
      <c r="DC18" s="114">
        <v>11456766</v>
      </c>
      <c r="DD18" s="114">
        <v>8834127</v>
      </c>
      <c r="DE18" s="114">
        <v>6934577</v>
      </c>
      <c r="DF18" s="114">
        <v>2783031</v>
      </c>
      <c r="DG18" s="113">
        <v>36717456</v>
      </c>
      <c r="DH18" s="116">
        <v>46147051</v>
      </c>
      <c r="DI18" s="110">
        <v>109084</v>
      </c>
      <c r="DJ18" s="114">
        <v>680841</v>
      </c>
      <c r="DK18" s="112">
        <v>789925</v>
      </c>
      <c r="DL18" s="111">
        <v>0</v>
      </c>
      <c r="DM18" s="114">
        <v>4867038</v>
      </c>
      <c r="DN18" s="114">
        <v>5526172</v>
      </c>
      <c r="DO18" s="114">
        <v>10429811</v>
      </c>
      <c r="DP18" s="114">
        <v>10384678</v>
      </c>
      <c r="DQ18" s="114">
        <v>7070425</v>
      </c>
      <c r="DR18" s="113">
        <v>38278124</v>
      </c>
      <c r="DS18" s="116">
        <v>39068049</v>
      </c>
      <c r="DT18" s="110">
        <v>109084</v>
      </c>
      <c r="DU18" s="114">
        <v>680841</v>
      </c>
      <c r="DV18" s="113">
        <v>789925</v>
      </c>
      <c r="DW18" s="110">
        <v>0</v>
      </c>
      <c r="DX18" s="114">
        <v>4798410</v>
      </c>
      <c r="DY18" s="114">
        <v>5120727</v>
      </c>
      <c r="DZ18" s="114">
        <v>10182500</v>
      </c>
      <c r="EA18" s="114">
        <v>10153356</v>
      </c>
      <c r="EB18" s="114">
        <v>6957575</v>
      </c>
      <c r="EC18" s="113">
        <v>37212568</v>
      </c>
      <c r="ED18" s="116">
        <v>38002493</v>
      </c>
      <c r="EE18" s="110">
        <v>0</v>
      </c>
      <c r="EF18" s="112">
        <v>0</v>
      </c>
      <c r="EG18" s="113">
        <v>0</v>
      </c>
      <c r="EH18" s="110">
        <v>0</v>
      </c>
      <c r="EI18" s="114">
        <v>68628</v>
      </c>
      <c r="EJ18" s="114">
        <v>405445</v>
      </c>
      <c r="EK18" s="114">
        <v>247311</v>
      </c>
      <c r="EL18" s="114">
        <v>231322</v>
      </c>
      <c r="EM18" s="114">
        <v>112850</v>
      </c>
      <c r="EN18" s="112">
        <v>1065556</v>
      </c>
      <c r="EO18" s="116">
        <v>1065556</v>
      </c>
      <c r="EP18" s="110">
        <v>0</v>
      </c>
      <c r="EQ18" s="114">
        <v>0</v>
      </c>
      <c r="ER18" s="112">
        <v>0</v>
      </c>
      <c r="ES18" s="111">
        <v>0</v>
      </c>
      <c r="ET18" s="114">
        <v>0</v>
      </c>
      <c r="EU18" s="114">
        <v>0</v>
      </c>
      <c r="EV18" s="114">
        <v>0</v>
      </c>
      <c r="EW18" s="114">
        <v>0</v>
      </c>
      <c r="EX18" s="114">
        <v>0</v>
      </c>
      <c r="EY18" s="113">
        <v>0</v>
      </c>
      <c r="EZ18" s="116">
        <v>0</v>
      </c>
      <c r="FA18" s="110">
        <v>0</v>
      </c>
      <c r="FB18" s="114">
        <v>0</v>
      </c>
      <c r="FC18" s="112">
        <v>0</v>
      </c>
      <c r="FD18" s="347"/>
      <c r="FE18" s="114">
        <v>0</v>
      </c>
      <c r="FF18" s="114">
        <v>0</v>
      </c>
      <c r="FG18" s="114">
        <v>0</v>
      </c>
      <c r="FH18" s="114">
        <v>0</v>
      </c>
      <c r="FI18" s="114">
        <v>0</v>
      </c>
      <c r="FJ18" s="113">
        <v>0</v>
      </c>
      <c r="FK18" s="116">
        <v>0</v>
      </c>
      <c r="FL18" s="110">
        <v>3974620</v>
      </c>
      <c r="FM18" s="114">
        <v>6831579</v>
      </c>
      <c r="FN18" s="113">
        <v>10806199</v>
      </c>
      <c r="FO18" s="110">
        <v>0</v>
      </c>
      <c r="FP18" s="114">
        <v>4844489</v>
      </c>
      <c r="FQ18" s="114">
        <v>13904964</v>
      </c>
      <c r="FR18" s="114">
        <v>11769135</v>
      </c>
      <c r="FS18" s="114">
        <v>12396315</v>
      </c>
      <c r="FT18" s="114">
        <v>8221719</v>
      </c>
      <c r="FU18" s="113">
        <v>51136622</v>
      </c>
      <c r="FV18" s="116">
        <v>61942821</v>
      </c>
      <c r="FW18" s="115">
        <v>2551225</v>
      </c>
      <c r="FX18" s="114">
        <v>5521878</v>
      </c>
      <c r="FY18" s="112">
        <v>8073103</v>
      </c>
      <c r="FZ18" s="111">
        <v>0</v>
      </c>
      <c r="GA18" s="114">
        <v>3536202</v>
      </c>
      <c r="GB18" s="114">
        <v>12781760</v>
      </c>
      <c r="GC18" s="114">
        <v>10880627</v>
      </c>
      <c r="GD18" s="114">
        <v>12014000</v>
      </c>
      <c r="GE18" s="114">
        <v>8221719</v>
      </c>
      <c r="GF18" s="113">
        <v>47434308</v>
      </c>
      <c r="GG18" s="318">
        <v>55507411</v>
      </c>
      <c r="GH18" s="115">
        <v>394199</v>
      </c>
      <c r="GI18" s="114">
        <v>402693</v>
      </c>
      <c r="GJ18" s="112">
        <v>796892</v>
      </c>
      <c r="GK18" s="111">
        <v>0</v>
      </c>
      <c r="GL18" s="114">
        <v>278779</v>
      </c>
      <c r="GM18" s="114">
        <v>318341</v>
      </c>
      <c r="GN18" s="114">
        <v>449626</v>
      </c>
      <c r="GO18" s="114">
        <v>336415</v>
      </c>
      <c r="GP18" s="114">
        <v>0</v>
      </c>
      <c r="GQ18" s="113">
        <v>1383161</v>
      </c>
      <c r="GR18" s="116">
        <v>2180053</v>
      </c>
      <c r="GS18" s="110">
        <v>1029196</v>
      </c>
      <c r="GT18" s="114">
        <v>907008</v>
      </c>
      <c r="GU18" s="113">
        <v>1936204</v>
      </c>
      <c r="GV18" s="110">
        <v>0</v>
      </c>
      <c r="GW18" s="114">
        <v>1029508</v>
      </c>
      <c r="GX18" s="114">
        <v>804863</v>
      </c>
      <c r="GY18" s="114">
        <v>438882</v>
      </c>
      <c r="GZ18" s="114">
        <v>45900</v>
      </c>
      <c r="HA18" s="114">
        <v>0</v>
      </c>
      <c r="HB18" s="112">
        <v>2319153</v>
      </c>
      <c r="HC18" s="116">
        <v>4255357</v>
      </c>
      <c r="HD18" s="110">
        <v>2821585</v>
      </c>
      <c r="HE18" s="114">
        <v>4603945</v>
      </c>
      <c r="HF18" s="112">
        <v>7425530</v>
      </c>
      <c r="HG18" s="111">
        <v>0</v>
      </c>
      <c r="HH18" s="114">
        <v>18988086</v>
      </c>
      <c r="HI18" s="114">
        <v>20986342</v>
      </c>
      <c r="HJ18" s="114">
        <v>20825292</v>
      </c>
      <c r="HK18" s="114">
        <v>32445296</v>
      </c>
      <c r="HL18" s="114">
        <v>22112176</v>
      </c>
      <c r="HM18" s="113">
        <v>115357192</v>
      </c>
      <c r="HN18" s="109">
        <v>122782722</v>
      </c>
      <c r="HO18" s="115">
        <v>3628373</v>
      </c>
      <c r="HP18" s="114">
        <v>5059086</v>
      </c>
      <c r="HQ18" s="113">
        <v>8687459</v>
      </c>
      <c r="HR18" s="110">
        <v>0</v>
      </c>
      <c r="HS18" s="114">
        <v>21184672</v>
      </c>
      <c r="HT18" s="114">
        <v>18333591</v>
      </c>
      <c r="HU18" s="114">
        <v>13841731</v>
      </c>
      <c r="HV18" s="114">
        <v>11509762</v>
      </c>
      <c r="HW18" s="114">
        <v>6389101</v>
      </c>
      <c r="HX18" s="112">
        <v>71258857</v>
      </c>
      <c r="HY18" s="116">
        <v>79946316</v>
      </c>
      <c r="HZ18" s="150">
        <v>0</v>
      </c>
      <c r="IA18" s="135">
        <v>89109</v>
      </c>
      <c r="IB18" s="150">
        <v>89109</v>
      </c>
      <c r="IC18" s="134">
        <v>0</v>
      </c>
      <c r="ID18" s="135">
        <v>31507859</v>
      </c>
      <c r="IE18" s="136">
        <v>37701767</v>
      </c>
      <c r="IF18" s="137">
        <v>47630739</v>
      </c>
      <c r="IG18" s="135">
        <v>43417270</v>
      </c>
      <c r="IH18" s="137">
        <v>35363821</v>
      </c>
      <c r="II18" s="138">
        <v>195621456</v>
      </c>
      <c r="IJ18" s="150">
        <v>195710565</v>
      </c>
      <c r="IK18" s="232">
        <v>0</v>
      </c>
      <c r="IL18" s="236">
        <v>0</v>
      </c>
      <c r="IM18" s="237">
        <v>0</v>
      </c>
      <c r="IN18" s="140"/>
      <c r="IO18" s="119">
        <v>600970</v>
      </c>
      <c r="IP18" s="119">
        <v>925304</v>
      </c>
      <c r="IQ18" s="119">
        <v>1252270</v>
      </c>
      <c r="IR18" s="119">
        <v>1180360</v>
      </c>
      <c r="IS18" s="119">
        <v>2457426</v>
      </c>
      <c r="IT18" s="141">
        <v>6416330</v>
      </c>
      <c r="IU18" s="320">
        <v>6416330</v>
      </c>
      <c r="IV18" s="142">
        <v>0</v>
      </c>
      <c r="IW18" s="119">
        <v>0</v>
      </c>
      <c r="IX18" s="120">
        <v>0</v>
      </c>
      <c r="IY18" s="144"/>
      <c r="IZ18" s="119">
        <v>0</v>
      </c>
      <c r="JA18" s="119">
        <v>0</v>
      </c>
      <c r="JB18" s="119">
        <v>0</v>
      </c>
      <c r="JC18" s="119">
        <v>0</v>
      </c>
      <c r="JD18" s="119">
        <v>0</v>
      </c>
      <c r="JE18" s="120">
        <v>0</v>
      </c>
      <c r="JF18" s="121">
        <v>0</v>
      </c>
      <c r="JG18" s="142">
        <v>0</v>
      </c>
      <c r="JH18" s="119">
        <v>0</v>
      </c>
      <c r="JI18" s="141">
        <v>0</v>
      </c>
      <c r="JJ18" s="118">
        <v>0</v>
      </c>
      <c r="JK18" s="119">
        <v>16224452</v>
      </c>
      <c r="JL18" s="119">
        <v>15007424</v>
      </c>
      <c r="JM18" s="119">
        <v>12739741</v>
      </c>
      <c r="JN18" s="119">
        <v>6701504</v>
      </c>
      <c r="JO18" s="119">
        <v>3979766</v>
      </c>
      <c r="JP18" s="120">
        <v>54652887</v>
      </c>
      <c r="JQ18" s="320">
        <v>54652887</v>
      </c>
      <c r="JR18" s="142">
        <v>0</v>
      </c>
      <c r="JS18" s="119">
        <v>0</v>
      </c>
      <c r="JT18" s="141">
        <v>0</v>
      </c>
      <c r="JU18" s="118">
        <v>0</v>
      </c>
      <c r="JV18" s="119">
        <v>307672</v>
      </c>
      <c r="JW18" s="119">
        <v>227955</v>
      </c>
      <c r="JX18" s="119">
        <v>148406</v>
      </c>
      <c r="JY18" s="119">
        <v>96563</v>
      </c>
      <c r="JZ18" s="119">
        <v>197781</v>
      </c>
      <c r="KA18" s="120">
        <v>978377</v>
      </c>
      <c r="KB18" s="320">
        <v>978377</v>
      </c>
      <c r="KC18" s="234">
        <v>0</v>
      </c>
      <c r="KD18" s="230">
        <v>89109</v>
      </c>
      <c r="KE18" s="120">
        <v>89109</v>
      </c>
      <c r="KF18" s="118">
        <v>0</v>
      </c>
      <c r="KG18" s="119">
        <v>2982596</v>
      </c>
      <c r="KH18" s="119">
        <v>6381110</v>
      </c>
      <c r="KI18" s="119">
        <v>12175323</v>
      </c>
      <c r="KJ18" s="119">
        <v>13149845</v>
      </c>
      <c r="KK18" s="119">
        <v>7797667</v>
      </c>
      <c r="KL18" s="120">
        <v>42486541</v>
      </c>
      <c r="KM18" s="143">
        <v>42575650</v>
      </c>
      <c r="KN18" s="232">
        <v>0</v>
      </c>
      <c r="KO18" s="236">
        <v>0</v>
      </c>
      <c r="KP18" s="237">
        <v>0</v>
      </c>
      <c r="KQ18" s="140"/>
      <c r="KR18" s="119">
        <v>10316164</v>
      </c>
      <c r="KS18" s="119">
        <v>11997959</v>
      </c>
      <c r="KT18" s="119">
        <v>12718193</v>
      </c>
      <c r="KU18" s="119">
        <v>10201262</v>
      </c>
      <c r="KV18" s="119">
        <v>10622171</v>
      </c>
      <c r="KW18" s="120">
        <v>55855749</v>
      </c>
      <c r="KX18" s="320">
        <v>55855749</v>
      </c>
      <c r="KY18" s="142">
        <v>0</v>
      </c>
      <c r="KZ18" s="119">
        <v>0</v>
      </c>
      <c r="LA18" s="120">
        <v>0</v>
      </c>
      <c r="LB18" s="145"/>
      <c r="LC18" s="119">
        <v>0</v>
      </c>
      <c r="LD18" s="119">
        <v>1387879</v>
      </c>
      <c r="LE18" s="119">
        <v>855281</v>
      </c>
      <c r="LF18" s="119">
        <v>2741751</v>
      </c>
      <c r="LG18" s="119">
        <v>818262</v>
      </c>
      <c r="LH18" s="120">
        <v>5803173</v>
      </c>
      <c r="LI18" s="121">
        <v>5803173</v>
      </c>
      <c r="LJ18" s="142">
        <v>0</v>
      </c>
      <c r="LK18" s="119">
        <v>0</v>
      </c>
      <c r="LL18" s="120">
        <v>0</v>
      </c>
      <c r="LM18" s="145"/>
      <c r="LN18" s="119">
        <v>0</v>
      </c>
      <c r="LO18" s="119">
        <v>264590</v>
      </c>
      <c r="LP18" s="119">
        <v>3115878</v>
      </c>
      <c r="LQ18" s="119">
        <v>3118604</v>
      </c>
      <c r="LR18" s="119">
        <v>2227853</v>
      </c>
      <c r="LS18" s="120">
        <v>8726925</v>
      </c>
      <c r="LT18" s="320">
        <v>8726925</v>
      </c>
      <c r="LU18" s="142">
        <v>0</v>
      </c>
      <c r="LV18" s="119">
        <v>0</v>
      </c>
      <c r="LW18" s="120">
        <v>0</v>
      </c>
      <c r="LX18" s="145"/>
      <c r="LY18" s="119">
        <v>1076005</v>
      </c>
      <c r="LZ18" s="119">
        <v>1509546</v>
      </c>
      <c r="MA18" s="119">
        <v>4625647</v>
      </c>
      <c r="MB18" s="119">
        <v>6227381</v>
      </c>
      <c r="MC18" s="119">
        <v>7262895</v>
      </c>
      <c r="MD18" s="120">
        <v>20701474</v>
      </c>
      <c r="ME18" s="121">
        <v>20701474</v>
      </c>
      <c r="MF18" s="142">
        <v>0</v>
      </c>
      <c r="MG18" s="119">
        <v>0</v>
      </c>
      <c r="MH18" s="120">
        <v>0</v>
      </c>
      <c r="MI18" s="145"/>
      <c r="MJ18" s="119">
        <v>10472543</v>
      </c>
      <c r="MK18" s="119">
        <v>31371779</v>
      </c>
      <c r="ML18" s="119">
        <v>95917414</v>
      </c>
      <c r="MM18" s="119">
        <v>135765796</v>
      </c>
      <c r="MN18" s="119">
        <v>102110883</v>
      </c>
      <c r="MO18" s="120">
        <v>375638415</v>
      </c>
      <c r="MP18" s="143">
        <v>375638415</v>
      </c>
      <c r="MQ18" s="142">
        <v>0</v>
      </c>
      <c r="MR18" s="119">
        <v>0</v>
      </c>
      <c r="MS18" s="120">
        <v>0</v>
      </c>
      <c r="MT18" s="145"/>
      <c r="MU18" s="119">
        <v>244585</v>
      </c>
      <c r="MV18" s="119">
        <v>4895123</v>
      </c>
      <c r="MW18" s="119">
        <v>48362173</v>
      </c>
      <c r="MX18" s="119">
        <v>79526619</v>
      </c>
      <c r="MY18" s="119">
        <v>73983277</v>
      </c>
      <c r="MZ18" s="120">
        <v>207011777</v>
      </c>
      <c r="NA18" s="143">
        <v>207011777</v>
      </c>
      <c r="NB18" s="142">
        <v>0</v>
      </c>
      <c r="NC18" s="119">
        <v>0</v>
      </c>
      <c r="ND18" s="120">
        <v>0</v>
      </c>
      <c r="NE18" s="145"/>
      <c r="NF18" s="119">
        <v>10227958</v>
      </c>
      <c r="NG18" s="119">
        <v>25863691</v>
      </c>
      <c r="NH18" s="119">
        <v>47216620</v>
      </c>
      <c r="NI18" s="119">
        <v>50850683</v>
      </c>
      <c r="NJ18" s="119">
        <v>23645591</v>
      </c>
      <c r="NK18" s="120">
        <v>157804543</v>
      </c>
      <c r="NL18" s="320">
        <v>157804543</v>
      </c>
      <c r="NM18" s="142">
        <v>0</v>
      </c>
      <c r="NN18" s="119">
        <v>0</v>
      </c>
      <c r="NO18" s="120">
        <v>0</v>
      </c>
      <c r="NP18" s="145"/>
      <c r="NQ18" s="119">
        <v>0</v>
      </c>
      <c r="NR18" s="119">
        <v>0</v>
      </c>
      <c r="NS18" s="119">
        <v>0</v>
      </c>
      <c r="NT18" s="119">
        <v>0</v>
      </c>
      <c r="NU18" s="119">
        <v>396050</v>
      </c>
      <c r="NV18" s="120">
        <v>396050</v>
      </c>
      <c r="NW18" s="121">
        <v>396050</v>
      </c>
      <c r="NX18" s="142">
        <v>0</v>
      </c>
      <c r="NY18" s="119">
        <v>0</v>
      </c>
      <c r="NZ18" s="120">
        <v>0</v>
      </c>
      <c r="OA18" s="145"/>
      <c r="OB18" s="119">
        <v>0</v>
      </c>
      <c r="OC18" s="119">
        <v>612965</v>
      </c>
      <c r="OD18" s="119">
        <v>338621</v>
      </c>
      <c r="OE18" s="119">
        <v>5388494</v>
      </c>
      <c r="OF18" s="119">
        <v>4085965</v>
      </c>
      <c r="OG18" s="120">
        <v>10426045</v>
      </c>
      <c r="OH18" s="121">
        <v>10426045</v>
      </c>
      <c r="OI18" s="142">
        <v>17529920</v>
      </c>
      <c r="OJ18" s="119">
        <v>31355719</v>
      </c>
      <c r="OK18" s="141">
        <v>48885639</v>
      </c>
      <c r="OL18" s="118">
        <v>0</v>
      </c>
      <c r="OM18" s="119">
        <v>165252152</v>
      </c>
      <c r="ON18" s="119">
        <v>215220442</v>
      </c>
      <c r="OO18" s="119">
        <v>273925155</v>
      </c>
      <c r="OP18" s="119">
        <v>331756618</v>
      </c>
      <c r="OQ18" s="119">
        <v>250147928</v>
      </c>
      <c r="OR18" s="120">
        <v>1236302295</v>
      </c>
      <c r="OS18" s="143">
        <v>1285187934</v>
      </c>
    </row>
    <row r="19" spans="2:409" ht="21" customHeight="1" x14ac:dyDescent="0.2">
      <c r="B19" s="62" t="s">
        <v>13</v>
      </c>
      <c r="C19" s="110">
        <v>3674181</v>
      </c>
      <c r="D19" s="114">
        <v>5906243</v>
      </c>
      <c r="E19" s="113">
        <v>9580424</v>
      </c>
      <c r="F19" s="110">
        <v>0</v>
      </c>
      <c r="G19" s="170">
        <v>48106037</v>
      </c>
      <c r="H19" s="114">
        <v>61667792</v>
      </c>
      <c r="I19" s="114">
        <v>56529773</v>
      </c>
      <c r="J19" s="114">
        <v>60404471</v>
      </c>
      <c r="K19" s="114">
        <v>50169726</v>
      </c>
      <c r="L19" s="112">
        <v>276877799</v>
      </c>
      <c r="M19" s="116">
        <v>286458223</v>
      </c>
      <c r="N19" s="110">
        <v>799650</v>
      </c>
      <c r="O19" s="114">
        <v>1264921</v>
      </c>
      <c r="P19" s="113">
        <v>2064571</v>
      </c>
      <c r="Q19" s="110">
        <v>0</v>
      </c>
      <c r="R19" s="114">
        <v>14094744</v>
      </c>
      <c r="S19" s="114">
        <v>20462305</v>
      </c>
      <c r="T19" s="114">
        <v>17859298</v>
      </c>
      <c r="U19" s="114">
        <v>22015115</v>
      </c>
      <c r="V19" s="114">
        <v>26325004</v>
      </c>
      <c r="W19" s="113">
        <v>100756466</v>
      </c>
      <c r="X19" s="116">
        <v>102821037</v>
      </c>
      <c r="Y19" s="110">
        <v>0</v>
      </c>
      <c r="Z19" s="114">
        <v>0</v>
      </c>
      <c r="AA19" s="113">
        <v>0</v>
      </c>
      <c r="AB19" s="110">
        <v>0</v>
      </c>
      <c r="AC19" s="114">
        <v>6400817</v>
      </c>
      <c r="AD19" s="114">
        <v>10722010</v>
      </c>
      <c r="AE19" s="114">
        <v>11031746</v>
      </c>
      <c r="AF19" s="114">
        <v>13620766</v>
      </c>
      <c r="AG19" s="114">
        <v>17538124</v>
      </c>
      <c r="AH19" s="113">
        <v>59313463</v>
      </c>
      <c r="AI19" s="116">
        <v>59313463</v>
      </c>
      <c r="AJ19" s="110">
        <v>0</v>
      </c>
      <c r="AK19" s="114">
        <v>0</v>
      </c>
      <c r="AL19" s="113">
        <v>0</v>
      </c>
      <c r="AM19" s="110">
        <v>0</v>
      </c>
      <c r="AN19" s="114">
        <v>70080</v>
      </c>
      <c r="AO19" s="114">
        <v>52555</v>
      </c>
      <c r="AP19" s="114">
        <v>261621</v>
      </c>
      <c r="AQ19" s="114">
        <v>719209</v>
      </c>
      <c r="AR19" s="114">
        <v>2380805</v>
      </c>
      <c r="AS19" s="113">
        <v>3484270</v>
      </c>
      <c r="AT19" s="116">
        <v>3484270</v>
      </c>
      <c r="AU19" s="110">
        <v>183717</v>
      </c>
      <c r="AV19" s="114">
        <v>656855</v>
      </c>
      <c r="AW19" s="113">
        <v>840572</v>
      </c>
      <c r="AX19" s="110">
        <v>0</v>
      </c>
      <c r="AY19" s="114">
        <v>4622244</v>
      </c>
      <c r="AZ19" s="114">
        <v>6126294</v>
      </c>
      <c r="BA19" s="114">
        <v>3890430</v>
      </c>
      <c r="BB19" s="114">
        <v>4602761</v>
      </c>
      <c r="BC19" s="114">
        <v>3948343</v>
      </c>
      <c r="BD19" s="113">
        <v>23190072</v>
      </c>
      <c r="BE19" s="116">
        <v>24030644</v>
      </c>
      <c r="BF19" s="110">
        <v>145346</v>
      </c>
      <c r="BG19" s="114">
        <v>198170</v>
      </c>
      <c r="BH19" s="112">
        <v>343516</v>
      </c>
      <c r="BI19" s="111">
        <v>0</v>
      </c>
      <c r="BJ19" s="114">
        <v>589558</v>
      </c>
      <c r="BK19" s="114">
        <v>824542</v>
      </c>
      <c r="BL19" s="114">
        <v>236066</v>
      </c>
      <c r="BM19" s="114">
        <v>413326</v>
      </c>
      <c r="BN19" s="114">
        <v>198094</v>
      </c>
      <c r="BO19" s="113">
        <v>2261586</v>
      </c>
      <c r="BP19" s="116">
        <v>2605102</v>
      </c>
      <c r="BQ19" s="110">
        <v>470587</v>
      </c>
      <c r="BR19" s="114">
        <v>409896</v>
      </c>
      <c r="BS19" s="113">
        <v>880483</v>
      </c>
      <c r="BT19" s="110">
        <v>0</v>
      </c>
      <c r="BU19" s="114">
        <v>2412045</v>
      </c>
      <c r="BV19" s="114">
        <v>2736904</v>
      </c>
      <c r="BW19" s="114">
        <v>2439435</v>
      </c>
      <c r="BX19" s="114">
        <v>2659053</v>
      </c>
      <c r="BY19" s="114">
        <v>2259638</v>
      </c>
      <c r="BZ19" s="113">
        <v>12507075</v>
      </c>
      <c r="CA19" s="116">
        <v>13387558</v>
      </c>
      <c r="CB19" s="110">
        <v>288261</v>
      </c>
      <c r="CC19" s="114">
        <v>966143</v>
      </c>
      <c r="CD19" s="113">
        <v>1254404</v>
      </c>
      <c r="CE19" s="110">
        <v>0</v>
      </c>
      <c r="CF19" s="114">
        <v>9702527</v>
      </c>
      <c r="CG19" s="114">
        <v>12397361</v>
      </c>
      <c r="CH19" s="114">
        <v>10479418</v>
      </c>
      <c r="CI19" s="114">
        <v>9251443</v>
      </c>
      <c r="CJ19" s="114">
        <v>4075329</v>
      </c>
      <c r="CK19" s="113">
        <v>45906078</v>
      </c>
      <c r="CL19" s="116">
        <v>47160482</v>
      </c>
      <c r="CM19" s="110">
        <v>0</v>
      </c>
      <c r="CN19" s="114">
        <v>0</v>
      </c>
      <c r="CO19" s="113">
        <v>0</v>
      </c>
      <c r="CP19" s="111">
        <v>0</v>
      </c>
      <c r="CQ19" s="114">
        <v>8637171</v>
      </c>
      <c r="CR19" s="114">
        <v>10484687</v>
      </c>
      <c r="CS19" s="114">
        <v>9384557</v>
      </c>
      <c r="CT19" s="114">
        <v>6454755</v>
      </c>
      <c r="CU19" s="114">
        <v>3214444</v>
      </c>
      <c r="CV19" s="113">
        <v>38175614</v>
      </c>
      <c r="CW19" s="116">
        <v>38175614</v>
      </c>
      <c r="CX19" s="110">
        <v>288261</v>
      </c>
      <c r="CY19" s="114">
        <v>966143</v>
      </c>
      <c r="CZ19" s="113">
        <v>1254404</v>
      </c>
      <c r="DA19" s="110">
        <v>0</v>
      </c>
      <c r="DB19" s="114">
        <v>1065356</v>
      </c>
      <c r="DC19" s="114">
        <v>1912674</v>
      </c>
      <c r="DD19" s="114">
        <v>1094861</v>
      </c>
      <c r="DE19" s="114">
        <v>2796688</v>
      </c>
      <c r="DF19" s="114">
        <v>860885</v>
      </c>
      <c r="DG19" s="113">
        <v>7730464</v>
      </c>
      <c r="DH19" s="116">
        <v>8984868</v>
      </c>
      <c r="DI19" s="110">
        <v>0</v>
      </c>
      <c r="DJ19" s="114">
        <v>20225</v>
      </c>
      <c r="DK19" s="112">
        <v>20225</v>
      </c>
      <c r="DL19" s="111">
        <v>0</v>
      </c>
      <c r="DM19" s="114">
        <v>1259209</v>
      </c>
      <c r="DN19" s="114">
        <v>2660411</v>
      </c>
      <c r="DO19" s="114">
        <v>5222026</v>
      </c>
      <c r="DP19" s="114">
        <v>5232446</v>
      </c>
      <c r="DQ19" s="114">
        <v>3266132</v>
      </c>
      <c r="DR19" s="113">
        <v>17640224</v>
      </c>
      <c r="DS19" s="116">
        <v>17660449</v>
      </c>
      <c r="DT19" s="110">
        <v>0</v>
      </c>
      <c r="DU19" s="114">
        <v>20225</v>
      </c>
      <c r="DV19" s="113">
        <v>20225</v>
      </c>
      <c r="DW19" s="110">
        <v>0</v>
      </c>
      <c r="DX19" s="114">
        <v>1213418</v>
      </c>
      <c r="DY19" s="114">
        <v>2190230</v>
      </c>
      <c r="DZ19" s="114">
        <v>4537908</v>
      </c>
      <c r="EA19" s="114">
        <v>4830609</v>
      </c>
      <c r="EB19" s="114">
        <v>3100258</v>
      </c>
      <c r="EC19" s="113">
        <v>15872423</v>
      </c>
      <c r="ED19" s="116">
        <v>15892648</v>
      </c>
      <c r="EE19" s="110">
        <v>0</v>
      </c>
      <c r="EF19" s="112">
        <v>0</v>
      </c>
      <c r="EG19" s="113">
        <v>0</v>
      </c>
      <c r="EH19" s="110">
        <v>0</v>
      </c>
      <c r="EI19" s="114">
        <v>45791</v>
      </c>
      <c r="EJ19" s="114">
        <v>470181</v>
      </c>
      <c r="EK19" s="114">
        <v>684118</v>
      </c>
      <c r="EL19" s="114">
        <v>401837</v>
      </c>
      <c r="EM19" s="114">
        <v>165874</v>
      </c>
      <c r="EN19" s="112">
        <v>1767801</v>
      </c>
      <c r="EO19" s="116">
        <v>1767801</v>
      </c>
      <c r="EP19" s="110">
        <v>0</v>
      </c>
      <c r="EQ19" s="114">
        <v>0</v>
      </c>
      <c r="ER19" s="112">
        <v>0</v>
      </c>
      <c r="ES19" s="111">
        <v>0</v>
      </c>
      <c r="ET19" s="114">
        <v>0</v>
      </c>
      <c r="EU19" s="114">
        <v>0</v>
      </c>
      <c r="EV19" s="114">
        <v>0</v>
      </c>
      <c r="EW19" s="114">
        <v>0</v>
      </c>
      <c r="EX19" s="114">
        <v>0</v>
      </c>
      <c r="EY19" s="113">
        <v>0</v>
      </c>
      <c r="EZ19" s="116">
        <v>0</v>
      </c>
      <c r="FA19" s="110">
        <v>0</v>
      </c>
      <c r="FB19" s="114">
        <v>0</v>
      </c>
      <c r="FC19" s="112">
        <v>0</v>
      </c>
      <c r="FD19" s="347"/>
      <c r="FE19" s="114">
        <v>0</v>
      </c>
      <c r="FF19" s="114">
        <v>0</v>
      </c>
      <c r="FG19" s="114">
        <v>0</v>
      </c>
      <c r="FH19" s="114">
        <v>0</v>
      </c>
      <c r="FI19" s="114">
        <v>0</v>
      </c>
      <c r="FJ19" s="113">
        <v>0</v>
      </c>
      <c r="FK19" s="116">
        <v>0</v>
      </c>
      <c r="FL19" s="110">
        <v>606280</v>
      </c>
      <c r="FM19" s="114">
        <v>971575</v>
      </c>
      <c r="FN19" s="113">
        <v>1577855</v>
      </c>
      <c r="FO19" s="110">
        <v>0</v>
      </c>
      <c r="FP19" s="114">
        <v>1890817</v>
      </c>
      <c r="FQ19" s="114">
        <v>5240946</v>
      </c>
      <c r="FR19" s="114">
        <v>4350366</v>
      </c>
      <c r="FS19" s="114">
        <v>4011146</v>
      </c>
      <c r="FT19" s="114">
        <v>2679126</v>
      </c>
      <c r="FU19" s="113">
        <v>18172401</v>
      </c>
      <c r="FV19" s="116">
        <v>19750256</v>
      </c>
      <c r="FW19" s="115">
        <v>307480</v>
      </c>
      <c r="FX19" s="114">
        <v>837097</v>
      </c>
      <c r="FY19" s="112">
        <v>1144577</v>
      </c>
      <c r="FZ19" s="111">
        <v>0</v>
      </c>
      <c r="GA19" s="114">
        <v>1587897</v>
      </c>
      <c r="GB19" s="114">
        <v>5029198</v>
      </c>
      <c r="GC19" s="114">
        <v>3724317</v>
      </c>
      <c r="GD19" s="114">
        <v>3758288</v>
      </c>
      <c r="GE19" s="114">
        <v>2655726</v>
      </c>
      <c r="GF19" s="113">
        <v>16755426</v>
      </c>
      <c r="GG19" s="318">
        <v>17900003</v>
      </c>
      <c r="GH19" s="115">
        <v>0</v>
      </c>
      <c r="GI19" s="114">
        <v>112018</v>
      </c>
      <c r="GJ19" s="112">
        <v>112018</v>
      </c>
      <c r="GK19" s="111">
        <v>0</v>
      </c>
      <c r="GL19" s="114">
        <v>188620</v>
      </c>
      <c r="GM19" s="114">
        <v>28551</v>
      </c>
      <c r="GN19" s="114">
        <v>115749</v>
      </c>
      <c r="GO19" s="114">
        <v>122628</v>
      </c>
      <c r="GP19" s="114">
        <v>23400</v>
      </c>
      <c r="GQ19" s="113">
        <v>478948</v>
      </c>
      <c r="GR19" s="116">
        <v>590966</v>
      </c>
      <c r="GS19" s="110">
        <v>298800</v>
      </c>
      <c r="GT19" s="114">
        <v>22460</v>
      </c>
      <c r="GU19" s="113">
        <v>321260</v>
      </c>
      <c r="GV19" s="110">
        <v>0</v>
      </c>
      <c r="GW19" s="114">
        <v>114300</v>
      </c>
      <c r="GX19" s="114">
        <v>183197</v>
      </c>
      <c r="GY19" s="114">
        <v>510300</v>
      </c>
      <c r="GZ19" s="114">
        <v>130230</v>
      </c>
      <c r="HA19" s="114">
        <v>0</v>
      </c>
      <c r="HB19" s="112">
        <v>938027</v>
      </c>
      <c r="HC19" s="116">
        <v>1259287</v>
      </c>
      <c r="HD19" s="110">
        <v>1530891</v>
      </c>
      <c r="HE19" s="114">
        <v>1707683</v>
      </c>
      <c r="HF19" s="112">
        <v>3238574</v>
      </c>
      <c r="HG19" s="111">
        <v>0</v>
      </c>
      <c r="HH19" s="114">
        <v>12956212</v>
      </c>
      <c r="HI19" s="114">
        <v>12919451</v>
      </c>
      <c r="HJ19" s="114">
        <v>13041005</v>
      </c>
      <c r="HK19" s="114">
        <v>15624732</v>
      </c>
      <c r="HL19" s="114">
        <v>11176959</v>
      </c>
      <c r="HM19" s="113">
        <v>65718359</v>
      </c>
      <c r="HN19" s="109">
        <v>68956933</v>
      </c>
      <c r="HO19" s="115">
        <v>449099</v>
      </c>
      <c r="HP19" s="114">
        <v>975696</v>
      </c>
      <c r="HQ19" s="113">
        <v>1424795</v>
      </c>
      <c r="HR19" s="110">
        <v>0</v>
      </c>
      <c r="HS19" s="114">
        <v>8202528</v>
      </c>
      <c r="HT19" s="114">
        <v>7987318</v>
      </c>
      <c r="HU19" s="114">
        <v>5577660</v>
      </c>
      <c r="HV19" s="114">
        <v>4269589</v>
      </c>
      <c r="HW19" s="114">
        <v>2647176</v>
      </c>
      <c r="HX19" s="112">
        <v>28684271</v>
      </c>
      <c r="HY19" s="116">
        <v>30109066</v>
      </c>
      <c r="HZ19" s="131">
        <v>32984</v>
      </c>
      <c r="IA19" s="132">
        <v>199974</v>
      </c>
      <c r="IB19" s="133">
        <v>232958</v>
      </c>
      <c r="IC19" s="146">
        <v>0</v>
      </c>
      <c r="ID19" s="132">
        <v>11202641</v>
      </c>
      <c r="IE19" s="147">
        <v>13091934</v>
      </c>
      <c r="IF19" s="133">
        <v>16577922</v>
      </c>
      <c r="IG19" s="132">
        <v>10647002</v>
      </c>
      <c r="IH19" s="133">
        <v>6452530</v>
      </c>
      <c r="II19" s="148">
        <v>57972029</v>
      </c>
      <c r="IJ19" s="139">
        <v>58204987</v>
      </c>
      <c r="IK19" s="232">
        <v>0</v>
      </c>
      <c r="IL19" s="236">
        <v>0</v>
      </c>
      <c r="IM19" s="237">
        <v>0</v>
      </c>
      <c r="IN19" s="140"/>
      <c r="IO19" s="119">
        <v>160917</v>
      </c>
      <c r="IP19" s="119">
        <v>139182</v>
      </c>
      <c r="IQ19" s="119">
        <v>397116</v>
      </c>
      <c r="IR19" s="119">
        <v>260097</v>
      </c>
      <c r="IS19" s="119">
        <v>336488</v>
      </c>
      <c r="IT19" s="141">
        <v>1293800</v>
      </c>
      <c r="IU19" s="320">
        <v>1293800</v>
      </c>
      <c r="IV19" s="142">
        <v>0</v>
      </c>
      <c r="IW19" s="119">
        <v>0</v>
      </c>
      <c r="IX19" s="120">
        <v>0</v>
      </c>
      <c r="IY19" s="144"/>
      <c r="IZ19" s="119">
        <v>0</v>
      </c>
      <c r="JA19" s="119">
        <v>0</v>
      </c>
      <c r="JB19" s="119">
        <v>0</v>
      </c>
      <c r="JC19" s="119">
        <v>0</v>
      </c>
      <c r="JD19" s="119">
        <v>0</v>
      </c>
      <c r="JE19" s="120">
        <v>0</v>
      </c>
      <c r="JF19" s="121">
        <v>0</v>
      </c>
      <c r="JG19" s="142">
        <v>0</v>
      </c>
      <c r="JH19" s="119">
        <v>0</v>
      </c>
      <c r="JI19" s="141">
        <v>0</v>
      </c>
      <c r="JJ19" s="118">
        <v>0</v>
      </c>
      <c r="JK19" s="119">
        <v>6551881</v>
      </c>
      <c r="JL19" s="119">
        <v>7533143</v>
      </c>
      <c r="JM19" s="119">
        <v>5080962</v>
      </c>
      <c r="JN19" s="119">
        <v>3358814</v>
      </c>
      <c r="JO19" s="119">
        <v>1369029</v>
      </c>
      <c r="JP19" s="120">
        <v>23893829</v>
      </c>
      <c r="JQ19" s="320">
        <v>23893829</v>
      </c>
      <c r="JR19" s="142">
        <v>0</v>
      </c>
      <c r="JS19" s="119">
        <v>0</v>
      </c>
      <c r="JT19" s="141">
        <v>0</v>
      </c>
      <c r="JU19" s="118">
        <v>0</v>
      </c>
      <c r="JV19" s="119">
        <v>113957</v>
      </c>
      <c r="JW19" s="119">
        <v>257255</v>
      </c>
      <c r="JX19" s="119">
        <v>1212790</v>
      </c>
      <c r="JY19" s="119">
        <v>397923</v>
      </c>
      <c r="JZ19" s="119">
        <v>695718</v>
      </c>
      <c r="KA19" s="120">
        <v>2677643</v>
      </c>
      <c r="KB19" s="320">
        <v>2677643</v>
      </c>
      <c r="KC19" s="234">
        <v>32984</v>
      </c>
      <c r="KD19" s="230">
        <v>199974</v>
      </c>
      <c r="KE19" s="120">
        <v>232958</v>
      </c>
      <c r="KF19" s="118">
        <v>0</v>
      </c>
      <c r="KG19" s="119">
        <v>1532418</v>
      </c>
      <c r="KH19" s="119">
        <v>1482945</v>
      </c>
      <c r="KI19" s="119">
        <v>2083973</v>
      </c>
      <c r="KJ19" s="119">
        <v>541947</v>
      </c>
      <c r="KK19" s="119">
        <v>0</v>
      </c>
      <c r="KL19" s="120">
        <v>5641283</v>
      </c>
      <c r="KM19" s="143">
        <v>5874241</v>
      </c>
      <c r="KN19" s="232">
        <v>0</v>
      </c>
      <c r="KO19" s="236">
        <v>0</v>
      </c>
      <c r="KP19" s="237">
        <v>0</v>
      </c>
      <c r="KQ19" s="140"/>
      <c r="KR19" s="119">
        <v>2843468</v>
      </c>
      <c r="KS19" s="119">
        <v>3679409</v>
      </c>
      <c r="KT19" s="119">
        <v>7005787</v>
      </c>
      <c r="KU19" s="119">
        <v>4424751</v>
      </c>
      <c r="KV19" s="119">
        <v>3221663</v>
      </c>
      <c r="KW19" s="120">
        <v>21175078</v>
      </c>
      <c r="KX19" s="320">
        <v>21175078</v>
      </c>
      <c r="KY19" s="142">
        <v>0</v>
      </c>
      <c r="KZ19" s="119">
        <v>0</v>
      </c>
      <c r="LA19" s="120">
        <v>0</v>
      </c>
      <c r="LB19" s="145"/>
      <c r="LC19" s="119">
        <v>0</v>
      </c>
      <c r="LD19" s="119">
        <v>0</v>
      </c>
      <c r="LE19" s="119">
        <v>797294</v>
      </c>
      <c r="LF19" s="119">
        <v>1663470</v>
      </c>
      <c r="LG19" s="119">
        <v>829632</v>
      </c>
      <c r="LH19" s="120">
        <v>3290396</v>
      </c>
      <c r="LI19" s="121">
        <v>3290396</v>
      </c>
      <c r="LJ19" s="142">
        <v>0</v>
      </c>
      <c r="LK19" s="119">
        <v>0</v>
      </c>
      <c r="LL19" s="120">
        <v>0</v>
      </c>
      <c r="LM19" s="145"/>
      <c r="LN19" s="119">
        <v>0</v>
      </c>
      <c r="LO19" s="119">
        <v>0</v>
      </c>
      <c r="LP19" s="119">
        <v>0</v>
      </c>
      <c r="LQ19" s="119">
        <v>0</v>
      </c>
      <c r="LR19" s="119">
        <v>0</v>
      </c>
      <c r="LS19" s="120">
        <v>0</v>
      </c>
      <c r="LT19" s="320">
        <v>0</v>
      </c>
      <c r="LU19" s="142">
        <v>0</v>
      </c>
      <c r="LV19" s="119">
        <v>0</v>
      </c>
      <c r="LW19" s="120">
        <v>0</v>
      </c>
      <c r="LX19" s="145"/>
      <c r="LY19" s="119">
        <v>0</v>
      </c>
      <c r="LZ19" s="119">
        <v>0</v>
      </c>
      <c r="MA19" s="119">
        <v>0</v>
      </c>
      <c r="MB19" s="119">
        <v>0</v>
      </c>
      <c r="MC19" s="119">
        <v>0</v>
      </c>
      <c r="MD19" s="120">
        <v>0</v>
      </c>
      <c r="ME19" s="121">
        <v>0</v>
      </c>
      <c r="MF19" s="142">
        <v>0</v>
      </c>
      <c r="MG19" s="119">
        <v>0</v>
      </c>
      <c r="MH19" s="120">
        <v>0</v>
      </c>
      <c r="MI19" s="145"/>
      <c r="MJ19" s="119">
        <v>3158104</v>
      </c>
      <c r="MK19" s="119">
        <v>9798215</v>
      </c>
      <c r="ML19" s="119">
        <v>25824481</v>
      </c>
      <c r="MM19" s="119">
        <v>52417308</v>
      </c>
      <c r="MN19" s="119">
        <v>46153265</v>
      </c>
      <c r="MO19" s="120">
        <v>137351373</v>
      </c>
      <c r="MP19" s="143">
        <v>137351373</v>
      </c>
      <c r="MQ19" s="142">
        <v>0</v>
      </c>
      <c r="MR19" s="119">
        <v>0</v>
      </c>
      <c r="MS19" s="120">
        <v>0</v>
      </c>
      <c r="MT19" s="145"/>
      <c r="MU19" s="119">
        <v>811192</v>
      </c>
      <c r="MV19" s="119">
        <v>1266820</v>
      </c>
      <c r="MW19" s="119">
        <v>17030311</v>
      </c>
      <c r="MX19" s="119">
        <v>43114267</v>
      </c>
      <c r="MY19" s="119">
        <v>37805451</v>
      </c>
      <c r="MZ19" s="120">
        <v>100028041</v>
      </c>
      <c r="NA19" s="143">
        <v>100028041</v>
      </c>
      <c r="NB19" s="142">
        <v>0</v>
      </c>
      <c r="NC19" s="119">
        <v>0</v>
      </c>
      <c r="ND19" s="120">
        <v>0</v>
      </c>
      <c r="NE19" s="145"/>
      <c r="NF19" s="119">
        <v>2346912</v>
      </c>
      <c r="NG19" s="119">
        <v>8531395</v>
      </c>
      <c r="NH19" s="119">
        <v>8794170</v>
      </c>
      <c r="NI19" s="119">
        <v>9303041</v>
      </c>
      <c r="NJ19" s="119">
        <v>8347814</v>
      </c>
      <c r="NK19" s="120">
        <v>37323332</v>
      </c>
      <c r="NL19" s="320">
        <v>37323332</v>
      </c>
      <c r="NM19" s="142">
        <v>0</v>
      </c>
      <c r="NN19" s="119">
        <v>0</v>
      </c>
      <c r="NO19" s="120">
        <v>0</v>
      </c>
      <c r="NP19" s="145"/>
      <c r="NQ19" s="119">
        <v>0</v>
      </c>
      <c r="NR19" s="119">
        <v>0</v>
      </c>
      <c r="NS19" s="119">
        <v>0</v>
      </c>
      <c r="NT19" s="119">
        <v>0</v>
      </c>
      <c r="NU19" s="119">
        <v>0</v>
      </c>
      <c r="NV19" s="120">
        <v>0</v>
      </c>
      <c r="NW19" s="121">
        <v>0</v>
      </c>
      <c r="NX19" s="142">
        <v>0</v>
      </c>
      <c r="NY19" s="119">
        <v>0</v>
      </c>
      <c r="NZ19" s="120">
        <v>0</v>
      </c>
      <c r="OA19" s="145"/>
      <c r="OB19" s="119">
        <v>0</v>
      </c>
      <c r="OC19" s="119">
        <v>0</v>
      </c>
      <c r="OD19" s="119">
        <v>0</v>
      </c>
      <c r="OE19" s="119">
        <v>0</v>
      </c>
      <c r="OF19" s="119">
        <v>0</v>
      </c>
      <c r="OG19" s="120">
        <v>0</v>
      </c>
      <c r="OH19" s="121">
        <v>0</v>
      </c>
      <c r="OI19" s="142">
        <v>3707165</v>
      </c>
      <c r="OJ19" s="119">
        <v>6106217</v>
      </c>
      <c r="OK19" s="141">
        <v>9813382</v>
      </c>
      <c r="OL19" s="118">
        <v>0</v>
      </c>
      <c r="OM19" s="119">
        <v>62466782</v>
      </c>
      <c r="ON19" s="119">
        <v>84557941</v>
      </c>
      <c r="OO19" s="119">
        <v>98932176</v>
      </c>
      <c r="OP19" s="119">
        <v>123468781</v>
      </c>
      <c r="OQ19" s="119">
        <v>102775521</v>
      </c>
      <c r="OR19" s="120">
        <v>472201201</v>
      </c>
      <c r="OS19" s="143">
        <v>482014583</v>
      </c>
    </row>
    <row r="20" spans="2:409" ht="21" customHeight="1" x14ac:dyDescent="0.2">
      <c r="B20" s="62" t="s">
        <v>15</v>
      </c>
      <c r="C20" s="110">
        <v>2289810</v>
      </c>
      <c r="D20" s="114">
        <v>3568270</v>
      </c>
      <c r="E20" s="113">
        <v>5858080</v>
      </c>
      <c r="F20" s="109">
        <v>0</v>
      </c>
      <c r="G20" s="114">
        <v>31886375</v>
      </c>
      <c r="H20" s="114">
        <v>44125981</v>
      </c>
      <c r="I20" s="114">
        <v>35334684</v>
      </c>
      <c r="J20" s="114">
        <v>38505800</v>
      </c>
      <c r="K20" s="114">
        <v>26785379</v>
      </c>
      <c r="L20" s="109">
        <v>176638219</v>
      </c>
      <c r="M20" s="116">
        <v>182496299</v>
      </c>
      <c r="N20" s="110">
        <v>190281</v>
      </c>
      <c r="O20" s="114">
        <v>463038</v>
      </c>
      <c r="P20" s="113">
        <v>653319</v>
      </c>
      <c r="Q20" s="110">
        <v>0</v>
      </c>
      <c r="R20" s="114">
        <v>6584725</v>
      </c>
      <c r="S20" s="114">
        <v>10965021</v>
      </c>
      <c r="T20" s="114">
        <v>9074106</v>
      </c>
      <c r="U20" s="114">
        <v>9599606</v>
      </c>
      <c r="V20" s="114">
        <v>13698034</v>
      </c>
      <c r="W20" s="113">
        <v>49921492</v>
      </c>
      <c r="X20" s="116">
        <v>50574811</v>
      </c>
      <c r="Y20" s="110">
        <v>0</v>
      </c>
      <c r="Z20" s="114">
        <v>0</v>
      </c>
      <c r="AA20" s="113">
        <v>0</v>
      </c>
      <c r="AB20" s="110">
        <v>0</v>
      </c>
      <c r="AC20" s="114">
        <v>3506717</v>
      </c>
      <c r="AD20" s="114">
        <v>6336399</v>
      </c>
      <c r="AE20" s="114">
        <v>5299860</v>
      </c>
      <c r="AF20" s="114">
        <v>4952073</v>
      </c>
      <c r="AG20" s="114">
        <v>8014697</v>
      </c>
      <c r="AH20" s="113">
        <v>28109746</v>
      </c>
      <c r="AI20" s="116">
        <v>28109746</v>
      </c>
      <c r="AJ20" s="110">
        <v>0</v>
      </c>
      <c r="AK20" s="114">
        <v>0</v>
      </c>
      <c r="AL20" s="113">
        <v>0</v>
      </c>
      <c r="AM20" s="110">
        <v>0</v>
      </c>
      <c r="AN20" s="114">
        <v>0</v>
      </c>
      <c r="AO20" s="114">
        <v>15244</v>
      </c>
      <c r="AP20" s="114">
        <v>542809</v>
      </c>
      <c r="AQ20" s="114">
        <v>1061716</v>
      </c>
      <c r="AR20" s="114">
        <v>1508913</v>
      </c>
      <c r="AS20" s="113">
        <v>3128682</v>
      </c>
      <c r="AT20" s="116">
        <v>3128682</v>
      </c>
      <c r="AU20" s="110">
        <v>13823</v>
      </c>
      <c r="AV20" s="114">
        <v>284688</v>
      </c>
      <c r="AW20" s="113">
        <v>298511</v>
      </c>
      <c r="AX20" s="110">
        <v>0</v>
      </c>
      <c r="AY20" s="114">
        <v>1267961</v>
      </c>
      <c r="AZ20" s="114">
        <v>2852545</v>
      </c>
      <c r="BA20" s="114">
        <v>1770225</v>
      </c>
      <c r="BB20" s="114">
        <v>1759249</v>
      </c>
      <c r="BC20" s="114">
        <v>2987717</v>
      </c>
      <c r="BD20" s="113">
        <v>10637697</v>
      </c>
      <c r="BE20" s="116">
        <v>10936208</v>
      </c>
      <c r="BF20" s="110">
        <v>0</v>
      </c>
      <c r="BG20" s="114">
        <v>29244</v>
      </c>
      <c r="BH20" s="112">
        <v>29244</v>
      </c>
      <c r="BI20" s="111">
        <v>0</v>
      </c>
      <c r="BJ20" s="114">
        <v>225934</v>
      </c>
      <c r="BK20" s="114">
        <v>395656</v>
      </c>
      <c r="BL20" s="114">
        <v>136764</v>
      </c>
      <c r="BM20" s="114">
        <v>117427</v>
      </c>
      <c r="BN20" s="114">
        <v>187536</v>
      </c>
      <c r="BO20" s="113">
        <v>1063317</v>
      </c>
      <c r="BP20" s="116">
        <v>1092561</v>
      </c>
      <c r="BQ20" s="110">
        <v>176458</v>
      </c>
      <c r="BR20" s="114">
        <v>149106</v>
      </c>
      <c r="BS20" s="113">
        <v>325564</v>
      </c>
      <c r="BT20" s="110">
        <v>0</v>
      </c>
      <c r="BU20" s="114">
        <v>1584113</v>
      </c>
      <c r="BV20" s="114">
        <v>1365177</v>
      </c>
      <c r="BW20" s="114">
        <v>1324448</v>
      </c>
      <c r="BX20" s="114">
        <v>1709141</v>
      </c>
      <c r="BY20" s="114">
        <v>999171</v>
      </c>
      <c r="BZ20" s="113">
        <v>6982050</v>
      </c>
      <c r="CA20" s="116">
        <v>7307614</v>
      </c>
      <c r="CB20" s="110">
        <v>0</v>
      </c>
      <c r="CC20" s="114">
        <v>265143</v>
      </c>
      <c r="CD20" s="113">
        <v>265143</v>
      </c>
      <c r="CE20" s="110">
        <v>0</v>
      </c>
      <c r="CF20" s="114">
        <v>6886878</v>
      </c>
      <c r="CG20" s="114">
        <v>10930505</v>
      </c>
      <c r="CH20" s="114">
        <v>6242446</v>
      </c>
      <c r="CI20" s="114">
        <v>3793652</v>
      </c>
      <c r="CJ20" s="114">
        <v>1635593</v>
      </c>
      <c r="CK20" s="113">
        <v>29489074</v>
      </c>
      <c r="CL20" s="116">
        <v>29754217</v>
      </c>
      <c r="CM20" s="110">
        <v>0</v>
      </c>
      <c r="CN20" s="114">
        <v>0</v>
      </c>
      <c r="CO20" s="113">
        <v>0</v>
      </c>
      <c r="CP20" s="111">
        <v>0</v>
      </c>
      <c r="CQ20" s="114">
        <v>5051465</v>
      </c>
      <c r="CR20" s="114">
        <v>8589203</v>
      </c>
      <c r="CS20" s="114">
        <v>4413350</v>
      </c>
      <c r="CT20" s="114">
        <v>2463019</v>
      </c>
      <c r="CU20" s="114">
        <v>1304536</v>
      </c>
      <c r="CV20" s="113">
        <v>21821573</v>
      </c>
      <c r="CW20" s="116">
        <v>21821573</v>
      </c>
      <c r="CX20" s="110">
        <v>0</v>
      </c>
      <c r="CY20" s="114">
        <v>265143</v>
      </c>
      <c r="CZ20" s="113">
        <v>265143</v>
      </c>
      <c r="DA20" s="110">
        <v>0</v>
      </c>
      <c r="DB20" s="114">
        <v>1835413</v>
      </c>
      <c r="DC20" s="114">
        <v>2341302</v>
      </c>
      <c r="DD20" s="114">
        <v>1829096</v>
      </c>
      <c r="DE20" s="114">
        <v>1330633</v>
      </c>
      <c r="DF20" s="114">
        <v>331057</v>
      </c>
      <c r="DG20" s="113">
        <v>7667501</v>
      </c>
      <c r="DH20" s="116">
        <v>7932644</v>
      </c>
      <c r="DI20" s="110">
        <v>0</v>
      </c>
      <c r="DJ20" s="114">
        <v>18072</v>
      </c>
      <c r="DK20" s="112">
        <v>18072</v>
      </c>
      <c r="DL20" s="111">
        <v>0</v>
      </c>
      <c r="DM20" s="114">
        <v>693757</v>
      </c>
      <c r="DN20" s="114">
        <v>2288006</v>
      </c>
      <c r="DO20" s="114">
        <v>7151693</v>
      </c>
      <c r="DP20" s="114">
        <v>9658692</v>
      </c>
      <c r="DQ20" s="114">
        <v>3182790</v>
      </c>
      <c r="DR20" s="113">
        <v>22974938</v>
      </c>
      <c r="DS20" s="116">
        <v>22993010</v>
      </c>
      <c r="DT20" s="110">
        <v>0</v>
      </c>
      <c r="DU20" s="114">
        <v>18072</v>
      </c>
      <c r="DV20" s="113">
        <v>18072</v>
      </c>
      <c r="DW20" s="110">
        <v>0</v>
      </c>
      <c r="DX20" s="114">
        <v>526661</v>
      </c>
      <c r="DY20" s="114">
        <v>2168292</v>
      </c>
      <c r="DZ20" s="114">
        <v>6018497</v>
      </c>
      <c r="EA20" s="114">
        <v>9658692</v>
      </c>
      <c r="EB20" s="114">
        <v>3048879</v>
      </c>
      <c r="EC20" s="113">
        <v>21421021</v>
      </c>
      <c r="ED20" s="116">
        <v>21439093</v>
      </c>
      <c r="EE20" s="110">
        <v>0</v>
      </c>
      <c r="EF20" s="112">
        <v>0</v>
      </c>
      <c r="EG20" s="113">
        <v>0</v>
      </c>
      <c r="EH20" s="110">
        <v>0</v>
      </c>
      <c r="EI20" s="114">
        <v>167096</v>
      </c>
      <c r="EJ20" s="114">
        <v>119714</v>
      </c>
      <c r="EK20" s="114">
        <v>1133196</v>
      </c>
      <c r="EL20" s="114">
        <v>0</v>
      </c>
      <c r="EM20" s="114">
        <v>133911</v>
      </c>
      <c r="EN20" s="112">
        <v>1553917</v>
      </c>
      <c r="EO20" s="116">
        <v>1553917</v>
      </c>
      <c r="EP20" s="110">
        <v>0</v>
      </c>
      <c r="EQ20" s="114">
        <v>0</v>
      </c>
      <c r="ER20" s="112">
        <v>0</v>
      </c>
      <c r="ES20" s="111">
        <v>0</v>
      </c>
      <c r="ET20" s="114">
        <v>0</v>
      </c>
      <c r="EU20" s="114">
        <v>0</v>
      </c>
      <c r="EV20" s="114">
        <v>0</v>
      </c>
      <c r="EW20" s="114">
        <v>0</v>
      </c>
      <c r="EX20" s="114">
        <v>0</v>
      </c>
      <c r="EY20" s="113">
        <v>0</v>
      </c>
      <c r="EZ20" s="116">
        <v>0</v>
      </c>
      <c r="FA20" s="110">
        <v>0</v>
      </c>
      <c r="FB20" s="114">
        <v>0</v>
      </c>
      <c r="FC20" s="112">
        <v>0</v>
      </c>
      <c r="FD20" s="347"/>
      <c r="FE20" s="114">
        <v>0</v>
      </c>
      <c r="FF20" s="114">
        <v>0</v>
      </c>
      <c r="FG20" s="114">
        <v>0</v>
      </c>
      <c r="FH20" s="114">
        <v>0</v>
      </c>
      <c r="FI20" s="114">
        <v>0</v>
      </c>
      <c r="FJ20" s="113">
        <v>0</v>
      </c>
      <c r="FK20" s="116">
        <v>0</v>
      </c>
      <c r="FL20" s="110">
        <v>637687</v>
      </c>
      <c r="FM20" s="114">
        <v>1014351</v>
      </c>
      <c r="FN20" s="113">
        <v>1652038</v>
      </c>
      <c r="FO20" s="110">
        <v>0</v>
      </c>
      <c r="FP20" s="114">
        <v>1524511</v>
      </c>
      <c r="FQ20" s="114">
        <v>5095149</v>
      </c>
      <c r="FR20" s="114">
        <v>3229604</v>
      </c>
      <c r="FS20" s="114">
        <v>2474548</v>
      </c>
      <c r="FT20" s="114">
        <v>2111395</v>
      </c>
      <c r="FU20" s="113">
        <v>14435207</v>
      </c>
      <c r="FV20" s="116">
        <v>16087245</v>
      </c>
      <c r="FW20" s="115">
        <v>353937</v>
      </c>
      <c r="FX20" s="114">
        <v>824451</v>
      </c>
      <c r="FY20" s="112">
        <v>1178388</v>
      </c>
      <c r="FZ20" s="111">
        <v>0</v>
      </c>
      <c r="GA20" s="114">
        <v>1184509</v>
      </c>
      <c r="GB20" s="114">
        <v>4311552</v>
      </c>
      <c r="GC20" s="114">
        <v>2892944</v>
      </c>
      <c r="GD20" s="114">
        <v>2474548</v>
      </c>
      <c r="GE20" s="114">
        <v>1645555</v>
      </c>
      <c r="GF20" s="113">
        <v>12509108</v>
      </c>
      <c r="GG20" s="318">
        <v>13687496</v>
      </c>
      <c r="GH20" s="115">
        <v>58750</v>
      </c>
      <c r="GI20" s="114">
        <v>39600</v>
      </c>
      <c r="GJ20" s="112">
        <v>98350</v>
      </c>
      <c r="GK20" s="111">
        <v>0</v>
      </c>
      <c r="GL20" s="114">
        <v>88902</v>
      </c>
      <c r="GM20" s="114">
        <v>226947</v>
      </c>
      <c r="GN20" s="114">
        <v>111850</v>
      </c>
      <c r="GO20" s="114">
        <v>0</v>
      </c>
      <c r="GP20" s="114">
        <v>105840</v>
      </c>
      <c r="GQ20" s="113">
        <v>533539</v>
      </c>
      <c r="GR20" s="116">
        <v>631889</v>
      </c>
      <c r="GS20" s="110">
        <v>225000</v>
      </c>
      <c r="GT20" s="114">
        <v>150300</v>
      </c>
      <c r="GU20" s="113">
        <v>375300</v>
      </c>
      <c r="GV20" s="110">
        <v>0</v>
      </c>
      <c r="GW20" s="114">
        <v>251100</v>
      </c>
      <c r="GX20" s="114">
        <v>556650</v>
      </c>
      <c r="GY20" s="114">
        <v>224810</v>
      </c>
      <c r="GZ20" s="114">
        <v>0</v>
      </c>
      <c r="HA20" s="114">
        <v>360000</v>
      </c>
      <c r="HB20" s="112">
        <v>1392560</v>
      </c>
      <c r="HC20" s="116">
        <v>1767860</v>
      </c>
      <c r="HD20" s="110">
        <v>1172684</v>
      </c>
      <c r="HE20" s="114">
        <v>1045018</v>
      </c>
      <c r="HF20" s="112">
        <v>2217702</v>
      </c>
      <c r="HG20" s="111">
        <v>0</v>
      </c>
      <c r="HH20" s="114">
        <v>10241388</v>
      </c>
      <c r="HI20" s="114">
        <v>7480261</v>
      </c>
      <c r="HJ20" s="114">
        <v>5492284</v>
      </c>
      <c r="HK20" s="114">
        <v>10079565</v>
      </c>
      <c r="HL20" s="114">
        <v>4523906</v>
      </c>
      <c r="HM20" s="113">
        <v>37817404</v>
      </c>
      <c r="HN20" s="109">
        <v>40035106</v>
      </c>
      <c r="HO20" s="115">
        <v>289158</v>
      </c>
      <c r="HP20" s="114">
        <v>762648</v>
      </c>
      <c r="HQ20" s="113">
        <v>1051806</v>
      </c>
      <c r="HR20" s="110">
        <v>0</v>
      </c>
      <c r="HS20" s="114">
        <v>5955116</v>
      </c>
      <c r="HT20" s="114">
        <v>7367039</v>
      </c>
      <c r="HU20" s="114">
        <v>4144551</v>
      </c>
      <c r="HV20" s="114">
        <v>2899737</v>
      </c>
      <c r="HW20" s="114">
        <v>1633661</v>
      </c>
      <c r="HX20" s="112">
        <v>22000104</v>
      </c>
      <c r="HY20" s="116">
        <v>23051910</v>
      </c>
      <c r="HZ20" s="150">
        <v>138718</v>
      </c>
      <c r="IA20" s="135">
        <v>1914654</v>
      </c>
      <c r="IB20" s="150">
        <v>2053372</v>
      </c>
      <c r="IC20" s="134">
        <v>0</v>
      </c>
      <c r="ID20" s="135">
        <v>17796826</v>
      </c>
      <c r="IE20" s="136">
        <v>21931914</v>
      </c>
      <c r="IF20" s="137">
        <v>23949247</v>
      </c>
      <c r="IG20" s="135">
        <v>20398928</v>
      </c>
      <c r="IH20" s="137">
        <v>9611833</v>
      </c>
      <c r="II20" s="138">
        <v>93688748</v>
      </c>
      <c r="IJ20" s="150">
        <v>95742120</v>
      </c>
      <c r="IK20" s="232">
        <v>0</v>
      </c>
      <c r="IL20" s="236">
        <v>0</v>
      </c>
      <c r="IM20" s="237">
        <v>0</v>
      </c>
      <c r="IN20" s="140"/>
      <c r="IO20" s="119">
        <v>228915</v>
      </c>
      <c r="IP20" s="119">
        <v>757479</v>
      </c>
      <c r="IQ20" s="119">
        <v>639318</v>
      </c>
      <c r="IR20" s="119">
        <v>1372521</v>
      </c>
      <c r="IS20" s="119">
        <v>2020099</v>
      </c>
      <c r="IT20" s="141">
        <v>5018332</v>
      </c>
      <c r="IU20" s="320">
        <v>5018332</v>
      </c>
      <c r="IV20" s="142">
        <v>0</v>
      </c>
      <c r="IW20" s="119">
        <v>0</v>
      </c>
      <c r="IX20" s="120">
        <v>0</v>
      </c>
      <c r="IY20" s="144"/>
      <c r="IZ20" s="119">
        <v>0</v>
      </c>
      <c r="JA20" s="119">
        <v>0</v>
      </c>
      <c r="JB20" s="119">
        <v>0</v>
      </c>
      <c r="JC20" s="119">
        <v>0</v>
      </c>
      <c r="JD20" s="119">
        <v>0</v>
      </c>
      <c r="JE20" s="120">
        <v>0</v>
      </c>
      <c r="JF20" s="121">
        <v>0</v>
      </c>
      <c r="JG20" s="142">
        <v>0</v>
      </c>
      <c r="JH20" s="119">
        <v>0</v>
      </c>
      <c r="JI20" s="141">
        <v>0</v>
      </c>
      <c r="JJ20" s="118">
        <v>0</v>
      </c>
      <c r="JK20" s="119">
        <v>6207384</v>
      </c>
      <c r="JL20" s="119">
        <v>9049748</v>
      </c>
      <c r="JM20" s="119">
        <v>6596183</v>
      </c>
      <c r="JN20" s="119">
        <v>3776202</v>
      </c>
      <c r="JO20" s="119">
        <v>720160</v>
      </c>
      <c r="JP20" s="120">
        <v>26349677</v>
      </c>
      <c r="JQ20" s="320">
        <v>26349677</v>
      </c>
      <c r="JR20" s="142">
        <v>0</v>
      </c>
      <c r="JS20" s="119">
        <v>0</v>
      </c>
      <c r="JT20" s="141">
        <v>0</v>
      </c>
      <c r="JU20" s="118">
        <v>0</v>
      </c>
      <c r="JV20" s="119">
        <v>238001</v>
      </c>
      <c r="JW20" s="119">
        <v>557851</v>
      </c>
      <c r="JX20" s="119">
        <v>496146</v>
      </c>
      <c r="JY20" s="119">
        <v>0</v>
      </c>
      <c r="JZ20" s="119">
        <v>149447</v>
      </c>
      <c r="KA20" s="120">
        <v>1441445</v>
      </c>
      <c r="KB20" s="320">
        <v>1441445</v>
      </c>
      <c r="KC20" s="234">
        <v>138718</v>
      </c>
      <c r="KD20" s="230">
        <v>1163257</v>
      </c>
      <c r="KE20" s="120">
        <v>1301975</v>
      </c>
      <c r="KF20" s="118">
        <v>0</v>
      </c>
      <c r="KG20" s="119">
        <v>2469024</v>
      </c>
      <c r="KH20" s="119">
        <v>2917653</v>
      </c>
      <c r="KI20" s="119">
        <v>1732226</v>
      </c>
      <c r="KJ20" s="119">
        <v>2425802</v>
      </c>
      <c r="KK20" s="119">
        <v>1194781</v>
      </c>
      <c r="KL20" s="120">
        <v>10739486</v>
      </c>
      <c r="KM20" s="143">
        <v>12041461</v>
      </c>
      <c r="KN20" s="232">
        <v>0</v>
      </c>
      <c r="KO20" s="236">
        <v>751397</v>
      </c>
      <c r="KP20" s="237">
        <v>751397</v>
      </c>
      <c r="KQ20" s="140"/>
      <c r="KR20" s="119">
        <v>8653502</v>
      </c>
      <c r="KS20" s="119">
        <v>8649183</v>
      </c>
      <c r="KT20" s="119">
        <v>12236598</v>
      </c>
      <c r="KU20" s="119">
        <v>8525801</v>
      </c>
      <c r="KV20" s="119">
        <v>3670963</v>
      </c>
      <c r="KW20" s="120">
        <v>41736047</v>
      </c>
      <c r="KX20" s="320">
        <v>42487444</v>
      </c>
      <c r="KY20" s="142">
        <v>0</v>
      </c>
      <c r="KZ20" s="119">
        <v>0</v>
      </c>
      <c r="LA20" s="120">
        <v>0</v>
      </c>
      <c r="LB20" s="145"/>
      <c r="LC20" s="119">
        <v>0</v>
      </c>
      <c r="LD20" s="119">
        <v>0</v>
      </c>
      <c r="LE20" s="119">
        <v>0</v>
      </c>
      <c r="LF20" s="119">
        <v>0</v>
      </c>
      <c r="LG20" s="119">
        <v>0</v>
      </c>
      <c r="LH20" s="120">
        <v>0</v>
      </c>
      <c r="LI20" s="121">
        <v>0</v>
      </c>
      <c r="LJ20" s="142">
        <v>0</v>
      </c>
      <c r="LK20" s="119">
        <v>0</v>
      </c>
      <c r="LL20" s="120">
        <v>0</v>
      </c>
      <c r="LM20" s="145"/>
      <c r="LN20" s="119">
        <v>0</v>
      </c>
      <c r="LO20" s="119">
        <v>0</v>
      </c>
      <c r="LP20" s="119">
        <v>2248776</v>
      </c>
      <c r="LQ20" s="119">
        <v>4298602</v>
      </c>
      <c r="LR20" s="119">
        <v>1856383</v>
      </c>
      <c r="LS20" s="120">
        <v>8403761</v>
      </c>
      <c r="LT20" s="320">
        <v>8403761</v>
      </c>
      <c r="LU20" s="142">
        <v>0</v>
      </c>
      <c r="LV20" s="119">
        <v>0</v>
      </c>
      <c r="LW20" s="120">
        <v>0</v>
      </c>
      <c r="LX20" s="145"/>
      <c r="LY20" s="119">
        <v>0</v>
      </c>
      <c r="LZ20" s="119">
        <v>0</v>
      </c>
      <c r="MA20" s="119">
        <v>0</v>
      </c>
      <c r="MB20" s="119">
        <v>0</v>
      </c>
      <c r="MC20" s="119">
        <v>0</v>
      </c>
      <c r="MD20" s="120">
        <v>0</v>
      </c>
      <c r="ME20" s="121">
        <v>0</v>
      </c>
      <c r="MF20" s="142">
        <v>0</v>
      </c>
      <c r="MG20" s="119">
        <v>0</v>
      </c>
      <c r="MH20" s="120">
        <v>0</v>
      </c>
      <c r="MI20" s="145"/>
      <c r="MJ20" s="119">
        <v>6438194</v>
      </c>
      <c r="MK20" s="119">
        <v>8945352</v>
      </c>
      <c r="ML20" s="119">
        <v>37781115</v>
      </c>
      <c r="MM20" s="119">
        <v>53213401</v>
      </c>
      <c r="MN20" s="119">
        <v>36114898</v>
      </c>
      <c r="MO20" s="120">
        <v>142492960</v>
      </c>
      <c r="MP20" s="143">
        <v>142492960</v>
      </c>
      <c r="MQ20" s="142">
        <v>0</v>
      </c>
      <c r="MR20" s="119">
        <v>0</v>
      </c>
      <c r="MS20" s="120">
        <v>0</v>
      </c>
      <c r="MT20" s="145"/>
      <c r="MU20" s="119">
        <v>0</v>
      </c>
      <c r="MV20" s="119">
        <v>215592</v>
      </c>
      <c r="MW20" s="119">
        <v>22552222</v>
      </c>
      <c r="MX20" s="119">
        <v>37486485</v>
      </c>
      <c r="MY20" s="119">
        <v>27764357</v>
      </c>
      <c r="MZ20" s="120">
        <v>88018656</v>
      </c>
      <c r="NA20" s="143">
        <v>88018656</v>
      </c>
      <c r="NB20" s="142">
        <v>0</v>
      </c>
      <c r="NC20" s="119">
        <v>0</v>
      </c>
      <c r="ND20" s="120">
        <v>0</v>
      </c>
      <c r="NE20" s="145"/>
      <c r="NF20" s="119">
        <v>6438194</v>
      </c>
      <c r="NG20" s="119">
        <v>8729760</v>
      </c>
      <c r="NH20" s="119">
        <v>15228893</v>
      </c>
      <c r="NI20" s="119">
        <v>15726916</v>
      </c>
      <c r="NJ20" s="119">
        <v>8350541</v>
      </c>
      <c r="NK20" s="120">
        <v>54474304</v>
      </c>
      <c r="NL20" s="320">
        <v>54474304</v>
      </c>
      <c r="NM20" s="142">
        <v>0</v>
      </c>
      <c r="NN20" s="119">
        <v>0</v>
      </c>
      <c r="NO20" s="120">
        <v>0</v>
      </c>
      <c r="NP20" s="145"/>
      <c r="NQ20" s="119">
        <v>0</v>
      </c>
      <c r="NR20" s="119">
        <v>0</v>
      </c>
      <c r="NS20" s="119">
        <v>0</v>
      </c>
      <c r="NT20" s="119">
        <v>0</v>
      </c>
      <c r="NU20" s="119">
        <v>0</v>
      </c>
      <c r="NV20" s="120">
        <v>0</v>
      </c>
      <c r="NW20" s="121">
        <v>0</v>
      </c>
      <c r="NX20" s="142">
        <v>0</v>
      </c>
      <c r="NY20" s="119">
        <v>0</v>
      </c>
      <c r="NZ20" s="120">
        <v>0</v>
      </c>
      <c r="OA20" s="145"/>
      <c r="OB20" s="119">
        <v>0</v>
      </c>
      <c r="OC20" s="119">
        <v>0</v>
      </c>
      <c r="OD20" s="119">
        <v>0</v>
      </c>
      <c r="OE20" s="119">
        <v>0</v>
      </c>
      <c r="OF20" s="119">
        <v>0</v>
      </c>
      <c r="OG20" s="120">
        <v>0</v>
      </c>
      <c r="OH20" s="121">
        <v>0</v>
      </c>
      <c r="OI20" s="142">
        <v>2428528</v>
      </c>
      <c r="OJ20" s="119">
        <v>5482924</v>
      </c>
      <c r="OK20" s="141">
        <v>7911452</v>
      </c>
      <c r="OL20" s="118">
        <v>0</v>
      </c>
      <c r="OM20" s="119">
        <v>56121395</v>
      </c>
      <c r="ON20" s="119">
        <v>75003247</v>
      </c>
      <c r="OO20" s="119">
        <v>97065046</v>
      </c>
      <c r="OP20" s="119">
        <v>112118129</v>
      </c>
      <c r="OQ20" s="119">
        <v>72512110</v>
      </c>
      <c r="OR20" s="120">
        <v>412819927</v>
      </c>
      <c r="OS20" s="143">
        <v>420731379</v>
      </c>
    </row>
    <row r="21" spans="2:409" ht="21" customHeight="1" x14ac:dyDescent="0.2">
      <c r="B21" s="62" t="s">
        <v>16</v>
      </c>
      <c r="C21" s="110">
        <v>5570348</v>
      </c>
      <c r="D21" s="114">
        <v>12130376</v>
      </c>
      <c r="E21" s="113">
        <v>17700724</v>
      </c>
      <c r="F21" s="109">
        <v>0</v>
      </c>
      <c r="G21" s="114">
        <v>75518222</v>
      </c>
      <c r="H21" s="114">
        <v>127711060</v>
      </c>
      <c r="I21" s="114">
        <v>105599804</v>
      </c>
      <c r="J21" s="114">
        <v>99680832</v>
      </c>
      <c r="K21" s="114">
        <v>71202944</v>
      </c>
      <c r="L21" s="109">
        <v>479712862</v>
      </c>
      <c r="M21" s="116">
        <v>497413586</v>
      </c>
      <c r="N21" s="110">
        <v>1274763</v>
      </c>
      <c r="O21" s="114">
        <v>2135076</v>
      </c>
      <c r="P21" s="113">
        <v>3409839</v>
      </c>
      <c r="Q21" s="110">
        <v>0</v>
      </c>
      <c r="R21" s="114">
        <v>15836134</v>
      </c>
      <c r="S21" s="114">
        <v>29828758</v>
      </c>
      <c r="T21" s="114">
        <v>25787017</v>
      </c>
      <c r="U21" s="114">
        <v>29602872</v>
      </c>
      <c r="V21" s="114">
        <v>25425084</v>
      </c>
      <c r="W21" s="113">
        <v>126479865</v>
      </c>
      <c r="X21" s="116">
        <v>129889704</v>
      </c>
      <c r="Y21" s="110">
        <v>0</v>
      </c>
      <c r="Z21" s="114">
        <v>0</v>
      </c>
      <c r="AA21" s="113">
        <v>0</v>
      </c>
      <c r="AB21" s="110">
        <v>0</v>
      </c>
      <c r="AC21" s="114">
        <v>5773379</v>
      </c>
      <c r="AD21" s="114">
        <v>11736613</v>
      </c>
      <c r="AE21" s="114">
        <v>12494190</v>
      </c>
      <c r="AF21" s="114">
        <v>15497388</v>
      </c>
      <c r="AG21" s="114">
        <v>12356142</v>
      </c>
      <c r="AH21" s="113">
        <v>57857712</v>
      </c>
      <c r="AI21" s="116">
        <v>57857712</v>
      </c>
      <c r="AJ21" s="110">
        <v>0</v>
      </c>
      <c r="AK21" s="114">
        <v>0</v>
      </c>
      <c r="AL21" s="113">
        <v>0</v>
      </c>
      <c r="AM21" s="110">
        <v>0</v>
      </c>
      <c r="AN21" s="114">
        <v>140452</v>
      </c>
      <c r="AO21" s="114">
        <v>590867</v>
      </c>
      <c r="AP21" s="114">
        <v>865857</v>
      </c>
      <c r="AQ21" s="114">
        <v>1096500</v>
      </c>
      <c r="AR21" s="114">
        <v>2784981</v>
      </c>
      <c r="AS21" s="113">
        <v>5478657</v>
      </c>
      <c r="AT21" s="116">
        <v>5478657</v>
      </c>
      <c r="AU21" s="110">
        <v>618211</v>
      </c>
      <c r="AV21" s="114">
        <v>1359064</v>
      </c>
      <c r="AW21" s="113">
        <v>1977275</v>
      </c>
      <c r="AX21" s="110">
        <v>0</v>
      </c>
      <c r="AY21" s="114">
        <v>6780756</v>
      </c>
      <c r="AZ21" s="114">
        <v>12141952</v>
      </c>
      <c r="BA21" s="114">
        <v>8115928</v>
      </c>
      <c r="BB21" s="114">
        <v>8297412</v>
      </c>
      <c r="BC21" s="114">
        <v>6829518</v>
      </c>
      <c r="BD21" s="113">
        <v>42165566</v>
      </c>
      <c r="BE21" s="116">
        <v>44142841</v>
      </c>
      <c r="BF21" s="110">
        <v>56645</v>
      </c>
      <c r="BG21" s="114">
        <v>334847</v>
      </c>
      <c r="BH21" s="112">
        <v>391492</v>
      </c>
      <c r="BI21" s="111">
        <v>0</v>
      </c>
      <c r="BJ21" s="114">
        <v>426386</v>
      </c>
      <c r="BK21" s="114">
        <v>1517185</v>
      </c>
      <c r="BL21" s="114">
        <v>592365</v>
      </c>
      <c r="BM21" s="114">
        <v>300762</v>
      </c>
      <c r="BN21" s="114">
        <v>368910</v>
      </c>
      <c r="BO21" s="113">
        <v>3205608</v>
      </c>
      <c r="BP21" s="116">
        <v>3597100</v>
      </c>
      <c r="BQ21" s="110">
        <v>599907</v>
      </c>
      <c r="BR21" s="114">
        <v>441165</v>
      </c>
      <c r="BS21" s="113">
        <v>1041072</v>
      </c>
      <c r="BT21" s="110">
        <v>0</v>
      </c>
      <c r="BU21" s="114">
        <v>2715161</v>
      </c>
      <c r="BV21" s="114">
        <v>3842141</v>
      </c>
      <c r="BW21" s="114">
        <v>3718677</v>
      </c>
      <c r="BX21" s="114">
        <v>4410810</v>
      </c>
      <c r="BY21" s="114">
        <v>3085533</v>
      </c>
      <c r="BZ21" s="113">
        <v>17772322</v>
      </c>
      <c r="CA21" s="116">
        <v>18813394</v>
      </c>
      <c r="CB21" s="110">
        <v>762416</v>
      </c>
      <c r="CC21" s="114">
        <v>3503904</v>
      </c>
      <c r="CD21" s="113">
        <v>4266320</v>
      </c>
      <c r="CE21" s="110">
        <v>0</v>
      </c>
      <c r="CF21" s="114">
        <v>25818724</v>
      </c>
      <c r="CG21" s="114">
        <v>46942579</v>
      </c>
      <c r="CH21" s="114">
        <v>34161240</v>
      </c>
      <c r="CI21" s="114">
        <v>24695376</v>
      </c>
      <c r="CJ21" s="114">
        <v>14240661</v>
      </c>
      <c r="CK21" s="113">
        <v>145858580</v>
      </c>
      <c r="CL21" s="116">
        <v>150124900</v>
      </c>
      <c r="CM21" s="110">
        <v>0</v>
      </c>
      <c r="CN21" s="114">
        <v>0</v>
      </c>
      <c r="CO21" s="113">
        <v>0</v>
      </c>
      <c r="CP21" s="111">
        <v>0</v>
      </c>
      <c r="CQ21" s="114">
        <v>16495039</v>
      </c>
      <c r="CR21" s="114">
        <v>31196118</v>
      </c>
      <c r="CS21" s="114">
        <v>24687813</v>
      </c>
      <c r="CT21" s="114">
        <v>19213714</v>
      </c>
      <c r="CU21" s="114">
        <v>12428603</v>
      </c>
      <c r="CV21" s="113">
        <v>104021287</v>
      </c>
      <c r="CW21" s="116">
        <v>104021287</v>
      </c>
      <c r="CX21" s="110">
        <v>762416</v>
      </c>
      <c r="CY21" s="114">
        <v>3503904</v>
      </c>
      <c r="CZ21" s="113">
        <v>4266320</v>
      </c>
      <c r="DA21" s="110">
        <v>0</v>
      </c>
      <c r="DB21" s="114">
        <v>9323685</v>
      </c>
      <c r="DC21" s="114">
        <v>15746461</v>
      </c>
      <c r="DD21" s="114">
        <v>9473427</v>
      </c>
      <c r="DE21" s="114">
        <v>5481662</v>
      </c>
      <c r="DF21" s="114">
        <v>1812058</v>
      </c>
      <c r="DG21" s="113">
        <v>41837293</v>
      </c>
      <c r="DH21" s="116">
        <v>46103613</v>
      </c>
      <c r="DI21" s="110">
        <v>0</v>
      </c>
      <c r="DJ21" s="114">
        <v>0</v>
      </c>
      <c r="DK21" s="112">
        <v>0</v>
      </c>
      <c r="DL21" s="111">
        <v>0</v>
      </c>
      <c r="DM21" s="114">
        <v>2022922</v>
      </c>
      <c r="DN21" s="114">
        <v>6008306</v>
      </c>
      <c r="DO21" s="114">
        <v>8828075</v>
      </c>
      <c r="DP21" s="114">
        <v>4239855</v>
      </c>
      <c r="DQ21" s="114">
        <v>2199177</v>
      </c>
      <c r="DR21" s="113">
        <v>23298335</v>
      </c>
      <c r="DS21" s="116">
        <v>23298335</v>
      </c>
      <c r="DT21" s="110">
        <v>0</v>
      </c>
      <c r="DU21" s="114">
        <v>0</v>
      </c>
      <c r="DV21" s="113">
        <v>0</v>
      </c>
      <c r="DW21" s="110">
        <v>0</v>
      </c>
      <c r="DX21" s="114">
        <v>1921546</v>
      </c>
      <c r="DY21" s="114">
        <v>5820321</v>
      </c>
      <c r="DZ21" s="114">
        <v>8284991</v>
      </c>
      <c r="EA21" s="114">
        <v>3697540</v>
      </c>
      <c r="EB21" s="114">
        <v>1873027</v>
      </c>
      <c r="EC21" s="113">
        <v>21597425</v>
      </c>
      <c r="ED21" s="116">
        <v>21597425</v>
      </c>
      <c r="EE21" s="110">
        <v>0</v>
      </c>
      <c r="EF21" s="112">
        <v>0</v>
      </c>
      <c r="EG21" s="113">
        <v>0</v>
      </c>
      <c r="EH21" s="110">
        <v>0</v>
      </c>
      <c r="EI21" s="114">
        <v>101376</v>
      </c>
      <c r="EJ21" s="114">
        <v>187985</v>
      </c>
      <c r="EK21" s="114">
        <v>543084</v>
      </c>
      <c r="EL21" s="114">
        <v>542315</v>
      </c>
      <c r="EM21" s="114">
        <v>326150</v>
      </c>
      <c r="EN21" s="112">
        <v>1700910</v>
      </c>
      <c r="EO21" s="116">
        <v>1700910</v>
      </c>
      <c r="EP21" s="110">
        <v>0</v>
      </c>
      <c r="EQ21" s="114">
        <v>0</v>
      </c>
      <c r="ER21" s="112">
        <v>0</v>
      </c>
      <c r="ES21" s="111">
        <v>0</v>
      </c>
      <c r="ET21" s="114">
        <v>0</v>
      </c>
      <c r="EU21" s="114">
        <v>0</v>
      </c>
      <c r="EV21" s="114">
        <v>0</v>
      </c>
      <c r="EW21" s="114">
        <v>0</v>
      </c>
      <c r="EX21" s="114">
        <v>0</v>
      </c>
      <c r="EY21" s="113">
        <v>0</v>
      </c>
      <c r="EZ21" s="116">
        <v>0</v>
      </c>
      <c r="FA21" s="110">
        <v>0</v>
      </c>
      <c r="FB21" s="114">
        <v>0</v>
      </c>
      <c r="FC21" s="112">
        <v>0</v>
      </c>
      <c r="FD21" s="347"/>
      <c r="FE21" s="114">
        <v>0</v>
      </c>
      <c r="FF21" s="114">
        <v>0</v>
      </c>
      <c r="FG21" s="114">
        <v>0</v>
      </c>
      <c r="FH21" s="114">
        <v>0</v>
      </c>
      <c r="FI21" s="114">
        <v>0</v>
      </c>
      <c r="FJ21" s="113">
        <v>0</v>
      </c>
      <c r="FK21" s="116">
        <v>0</v>
      </c>
      <c r="FL21" s="110">
        <v>1021264</v>
      </c>
      <c r="FM21" s="114">
        <v>2584063</v>
      </c>
      <c r="FN21" s="113">
        <v>3605327</v>
      </c>
      <c r="FO21" s="110">
        <v>0</v>
      </c>
      <c r="FP21" s="114">
        <v>3338333</v>
      </c>
      <c r="FQ21" s="114">
        <v>11727425</v>
      </c>
      <c r="FR21" s="114">
        <v>8262721</v>
      </c>
      <c r="FS21" s="114">
        <v>7595182</v>
      </c>
      <c r="FT21" s="114">
        <v>4955006</v>
      </c>
      <c r="FU21" s="113">
        <v>35878667</v>
      </c>
      <c r="FV21" s="116">
        <v>39483994</v>
      </c>
      <c r="FW21" s="115">
        <v>814534</v>
      </c>
      <c r="FX21" s="114">
        <v>1966740</v>
      </c>
      <c r="FY21" s="112">
        <v>2781274</v>
      </c>
      <c r="FZ21" s="111">
        <v>0</v>
      </c>
      <c r="GA21" s="114">
        <v>2894089</v>
      </c>
      <c r="GB21" s="114">
        <v>11011217</v>
      </c>
      <c r="GC21" s="114">
        <v>7723912</v>
      </c>
      <c r="GD21" s="114">
        <v>7334092</v>
      </c>
      <c r="GE21" s="114">
        <v>4837151</v>
      </c>
      <c r="GF21" s="113">
        <v>33800461</v>
      </c>
      <c r="GG21" s="318">
        <v>36581735</v>
      </c>
      <c r="GH21" s="115">
        <v>48510</v>
      </c>
      <c r="GI21" s="114">
        <v>67910</v>
      </c>
      <c r="GJ21" s="112">
        <v>116420</v>
      </c>
      <c r="GK21" s="111">
        <v>0</v>
      </c>
      <c r="GL21" s="114">
        <v>166158</v>
      </c>
      <c r="GM21" s="114">
        <v>282759</v>
      </c>
      <c r="GN21" s="114">
        <v>96103</v>
      </c>
      <c r="GO21" s="114">
        <v>40590</v>
      </c>
      <c r="GP21" s="114">
        <v>117855</v>
      </c>
      <c r="GQ21" s="113">
        <v>703465</v>
      </c>
      <c r="GR21" s="116">
        <v>819885</v>
      </c>
      <c r="GS21" s="110">
        <v>158220</v>
      </c>
      <c r="GT21" s="114">
        <v>549413</v>
      </c>
      <c r="GU21" s="113">
        <v>707633</v>
      </c>
      <c r="GV21" s="110">
        <v>0</v>
      </c>
      <c r="GW21" s="114">
        <v>278086</v>
      </c>
      <c r="GX21" s="114">
        <v>433449</v>
      </c>
      <c r="GY21" s="114">
        <v>442706</v>
      </c>
      <c r="GZ21" s="114">
        <v>220500</v>
      </c>
      <c r="HA21" s="114">
        <v>0</v>
      </c>
      <c r="HB21" s="112">
        <v>1374741</v>
      </c>
      <c r="HC21" s="116">
        <v>2082374</v>
      </c>
      <c r="HD21" s="110">
        <v>1564612</v>
      </c>
      <c r="HE21" s="114">
        <v>2076382</v>
      </c>
      <c r="HF21" s="112">
        <v>3640994</v>
      </c>
      <c r="HG21" s="111">
        <v>0</v>
      </c>
      <c r="HH21" s="114">
        <v>16342305</v>
      </c>
      <c r="HI21" s="114">
        <v>16791956</v>
      </c>
      <c r="HJ21" s="114">
        <v>18110047</v>
      </c>
      <c r="HK21" s="114">
        <v>26787981</v>
      </c>
      <c r="HL21" s="114">
        <v>20375279</v>
      </c>
      <c r="HM21" s="113">
        <v>98407568</v>
      </c>
      <c r="HN21" s="109">
        <v>102048562</v>
      </c>
      <c r="HO21" s="115">
        <v>947293</v>
      </c>
      <c r="HP21" s="114">
        <v>1830951</v>
      </c>
      <c r="HQ21" s="113">
        <v>2778244</v>
      </c>
      <c r="HR21" s="110">
        <v>0</v>
      </c>
      <c r="HS21" s="114">
        <v>12159804</v>
      </c>
      <c r="HT21" s="114">
        <v>16412036</v>
      </c>
      <c r="HU21" s="114">
        <v>10450704</v>
      </c>
      <c r="HV21" s="114">
        <v>6759566</v>
      </c>
      <c r="HW21" s="114">
        <v>4007737</v>
      </c>
      <c r="HX21" s="112">
        <v>49789847</v>
      </c>
      <c r="HY21" s="116">
        <v>52568091</v>
      </c>
      <c r="HZ21" s="131">
        <v>46661</v>
      </c>
      <c r="IA21" s="132">
        <v>159377</v>
      </c>
      <c r="IB21" s="133">
        <v>206038</v>
      </c>
      <c r="IC21" s="146">
        <v>0</v>
      </c>
      <c r="ID21" s="132">
        <v>14196934</v>
      </c>
      <c r="IE21" s="147">
        <v>29024689</v>
      </c>
      <c r="IF21" s="133">
        <v>34336357</v>
      </c>
      <c r="IG21" s="132">
        <v>27775702</v>
      </c>
      <c r="IH21" s="133">
        <v>21159637</v>
      </c>
      <c r="II21" s="148">
        <v>126493319</v>
      </c>
      <c r="IJ21" s="139">
        <v>126699357</v>
      </c>
      <c r="IK21" s="232">
        <v>0</v>
      </c>
      <c r="IL21" s="236">
        <v>0</v>
      </c>
      <c r="IM21" s="237">
        <v>0</v>
      </c>
      <c r="IN21" s="140"/>
      <c r="IO21" s="119">
        <v>763624</v>
      </c>
      <c r="IP21" s="119">
        <v>1800315</v>
      </c>
      <c r="IQ21" s="119">
        <v>2771041</v>
      </c>
      <c r="IR21" s="119">
        <v>2197091</v>
      </c>
      <c r="IS21" s="119">
        <v>2065175</v>
      </c>
      <c r="IT21" s="141">
        <v>9597246</v>
      </c>
      <c r="IU21" s="320">
        <v>9597246</v>
      </c>
      <c r="IV21" s="142">
        <v>0</v>
      </c>
      <c r="IW21" s="119">
        <v>0</v>
      </c>
      <c r="IX21" s="120">
        <v>0</v>
      </c>
      <c r="IY21" s="144"/>
      <c r="IZ21" s="119">
        <v>18446</v>
      </c>
      <c r="JA21" s="119">
        <v>18446</v>
      </c>
      <c r="JB21" s="119">
        <v>55141</v>
      </c>
      <c r="JC21" s="119">
        <v>130878</v>
      </c>
      <c r="JD21" s="119">
        <v>71035</v>
      </c>
      <c r="JE21" s="120">
        <v>293946</v>
      </c>
      <c r="JF21" s="121">
        <v>293946</v>
      </c>
      <c r="JG21" s="142">
        <v>0</v>
      </c>
      <c r="JH21" s="119">
        <v>0</v>
      </c>
      <c r="JI21" s="141">
        <v>0</v>
      </c>
      <c r="JJ21" s="118">
        <v>0</v>
      </c>
      <c r="JK21" s="119">
        <v>7426141</v>
      </c>
      <c r="JL21" s="119">
        <v>9217033</v>
      </c>
      <c r="JM21" s="119">
        <v>9031683</v>
      </c>
      <c r="JN21" s="119">
        <v>4631563</v>
      </c>
      <c r="JO21" s="119">
        <v>2963731</v>
      </c>
      <c r="JP21" s="120">
        <v>33270151</v>
      </c>
      <c r="JQ21" s="320">
        <v>33270151</v>
      </c>
      <c r="JR21" s="142">
        <v>0</v>
      </c>
      <c r="JS21" s="119">
        <v>0</v>
      </c>
      <c r="JT21" s="141">
        <v>0</v>
      </c>
      <c r="JU21" s="118">
        <v>0</v>
      </c>
      <c r="JV21" s="119">
        <v>423397</v>
      </c>
      <c r="JW21" s="119">
        <v>709822</v>
      </c>
      <c r="JX21" s="119">
        <v>653317</v>
      </c>
      <c r="JY21" s="119">
        <v>416429</v>
      </c>
      <c r="JZ21" s="119">
        <v>222875</v>
      </c>
      <c r="KA21" s="120">
        <v>2425840</v>
      </c>
      <c r="KB21" s="320">
        <v>2425840</v>
      </c>
      <c r="KC21" s="234">
        <v>46661</v>
      </c>
      <c r="KD21" s="230">
        <v>159377</v>
      </c>
      <c r="KE21" s="120">
        <v>206038</v>
      </c>
      <c r="KF21" s="118">
        <v>0</v>
      </c>
      <c r="KG21" s="119">
        <v>1327436</v>
      </c>
      <c r="KH21" s="119">
        <v>5219864</v>
      </c>
      <c r="KI21" s="119">
        <v>3695636</v>
      </c>
      <c r="KJ21" s="119">
        <v>4524089</v>
      </c>
      <c r="KK21" s="119">
        <v>2020214</v>
      </c>
      <c r="KL21" s="120">
        <v>16787239</v>
      </c>
      <c r="KM21" s="143">
        <v>16993277</v>
      </c>
      <c r="KN21" s="232">
        <v>0</v>
      </c>
      <c r="KO21" s="236">
        <v>0</v>
      </c>
      <c r="KP21" s="237">
        <v>0</v>
      </c>
      <c r="KQ21" s="140"/>
      <c r="KR21" s="119">
        <v>3937775</v>
      </c>
      <c r="KS21" s="119">
        <v>10169463</v>
      </c>
      <c r="KT21" s="119">
        <v>14359432</v>
      </c>
      <c r="KU21" s="119">
        <v>11735046</v>
      </c>
      <c r="KV21" s="119">
        <v>8784252</v>
      </c>
      <c r="KW21" s="120">
        <v>48985968</v>
      </c>
      <c r="KX21" s="320">
        <v>48985968</v>
      </c>
      <c r="KY21" s="142">
        <v>0</v>
      </c>
      <c r="KZ21" s="119">
        <v>0</v>
      </c>
      <c r="LA21" s="120">
        <v>0</v>
      </c>
      <c r="LB21" s="145"/>
      <c r="LC21" s="119">
        <v>0</v>
      </c>
      <c r="LD21" s="119">
        <v>0</v>
      </c>
      <c r="LE21" s="119">
        <v>0</v>
      </c>
      <c r="LF21" s="119">
        <v>0</v>
      </c>
      <c r="LG21" s="119">
        <v>0</v>
      </c>
      <c r="LH21" s="120">
        <v>0</v>
      </c>
      <c r="LI21" s="121">
        <v>0</v>
      </c>
      <c r="LJ21" s="142">
        <v>0</v>
      </c>
      <c r="LK21" s="119">
        <v>0</v>
      </c>
      <c r="LL21" s="120">
        <v>0</v>
      </c>
      <c r="LM21" s="145"/>
      <c r="LN21" s="119">
        <v>0</v>
      </c>
      <c r="LO21" s="119">
        <v>755760</v>
      </c>
      <c r="LP21" s="119">
        <v>2485446</v>
      </c>
      <c r="LQ21" s="119">
        <v>2680953</v>
      </c>
      <c r="LR21" s="119">
        <v>3690967</v>
      </c>
      <c r="LS21" s="120">
        <v>9613126</v>
      </c>
      <c r="LT21" s="320">
        <v>9613126</v>
      </c>
      <c r="LU21" s="142">
        <v>0</v>
      </c>
      <c r="LV21" s="119">
        <v>0</v>
      </c>
      <c r="LW21" s="120">
        <v>0</v>
      </c>
      <c r="LX21" s="145"/>
      <c r="LY21" s="119">
        <v>300115</v>
      </c>
      <c r="LZ21" s="119">
        <v>1133986</v>
      </c>
      <c r="MA21" s="119">
        <v>1284661</v>
      </c>
      <c r="MB21" s="119">
        <v>1459653</v>
      </c>
      <c r="MC21" s="119">
        <v>1341388</v>
      </c>
      <c r="MD21" s="120">
        <v>5519803</v>
      </c>
      <c r="ME21" s="121">
        <v>5519803</v>
      </c>
      <c r="MF21" s="142">
        <v>0</v>
      </c>
      <c r="MG21" s="119">
        <v>0</v>
      </c>
      <c r="MH21" s="120">
        <v>0</v>
      </c>
      <c r="MI21" s="145"/>
      <c r="MJ21" s="119">
        <v>16262559</v>
      </c>
      <c r="MK21" s="119">
        <v>31502442</v>
      </c>
      <c r="ML21" s="119">
        <v>92336573</v>
      </c>
      <c r="MM21" s="119">
        <v>128104839</v>
      </c>
      <c r="MN21" s="119">
        <v>86846697</v>
      </c>
      <c r="MO21" s="120">
        <v>355053110</v>
      </c>
      <c r="MP21" s="143">
        <v>355053110</v>
      </c>
      <c r="MQ21" s="142">
        <v>0</v>
      </c>
      <c r="MR21" s="119">
        <v>0</v>
      </c>
      <c r="MS21" s="120">
        <v>0</v>
      </c>
      <c r="MT21" s="145"/>
      <c r="MU21" s="119">
        <v>1095998</v>
      </c>
      <c r="MV21" s="119">
        <v>4977024</v>
      </c>
      <c r="MW21" s="119">
        <v>50580506</v>
      </c>
      <c r="MX21" s="119">
        <v>83500790</v>
      </c>
      <c r="MY21" s="119">
        <v>60600861</v>
      </c>
      <c r="MZ21" s="120">
        <v>200755179</v>
      </c>
      <c r="NA21" s="143">
        <v>200755179</v>
      </c>
      <c r="NB21" s="142">
        <v>0</v>
      </c>
      <c r="NC21" s="119">
        <v>0</v>
      </c>
      <c r="ND21" s="120">
        <v>0</v>
      </c>
      <c r="NE21" s="145"/>
      <c r="NF21" s="119">
        <v>14942821</v>
      </c>
      <c r="NG21" s="119">
        <v>26525418</v>
      </c>
      <c r="NH21" s="119">
        <v>40427113</v>
      </c>
      <c r="NI21" s="119">
        <v>41230801</v>
      </c>
      <c r="NJ21" s="119">
        <v>19157530</v>
      </c>
      <c r="NK21" s="120">
        <v>142283683</v>
      </c>
      <c r="NL21" s="320">
        <v>142283683</v>
      </c>
      <c r="NM21" s="142">
        <v>0</v>
      </c>
      <c r="NN21" s="119">
        <v>0</v>
      </c>
      <c r="NO21" s="120">
        <v>0</v>
      </c>
      <c r="NP21" s="145"/>
      <c r="NQ21" s="119">
        <v>0</v>
      </c>
      <c r="NR21" s="119">
        <v>0</v>
      </c>
      <c r="NS21" s="119">
        <v>0</v>
      </c>
      <c r="NT21" s="119">
        <v>0</v>
      </c>
      <c r="NU21" s="119">
        <v>365543</v>
      </c>
      <c r="NV21" s="120">
        <v>365543</v>
      </c>
      <c r="NW21" s="121">
        <v>365543</v>
      </c>
      <c r="NX21" s="142">
        <v>0</v>
      </c>
      <c r="NY21" s="119">
        <v>0</v>
      </c>
      <c r="NZ21" s="120">
        <v>0</v>
      </c>
      <c r="OA21" s="145"/>
      <c r="OB21" s="119">
        <v>223740</v>
      </c>
      <c r="OC21" s="119">
        <v>0</v>
      </c>
      <c r="OD21" s="119">
        <v>1328954</v>
      </c>
      <c r="OE21" s="119">
        <v>3373248</v>
      </c>
      <c r="OF21" s="119">
        <v>6722763</v>
      </c>
      <c r="OG21" s="120">
        <v>11648705</v>
      </c>
      <c r="OH21" s="121">
        <v>11648705</v>
      </c>
      <c r="OI21" s="142">
        <v>5617009</v>
      </c>
      <c r="OJ21" s="119">
        <v>12289753</v>
      </c>
      <c r="OK21" s="141">
        <v>17906762</v>
      </c>
      <c r="OL21" s="118">
        <v>0</v>
      </c>
      <c r="OM21" s="119">
        <v>105977715</v>
      </c>
      <c r="ON21" s="119">
        <v>188238191</v>
      </c>
      <c r="OO21" s="119">
        <v>232272734</v>
      </c>
      <c r="OP21" s="119">
        <v>255561373</v>
      </c>
      <c r="OQ21" s="119">
        <v>179209278</v>
      </c>
      <c r="OR21" s="120">
        <v>961259291</v>
      </c>
      <c r="OS21" s="143">
        <v>979166053</v>
      </c>
    </row>
    <row r="22" spans="2:409" ht="21" customHeight="1" x14ac:dyDescent="0.2">
      <c r="B22" s="62" t="s">
        <v>17</v>
      </c>
      <c r="C22" s="110">
        <v>6885101</v>
      </c>
      <c r="D22" s="114">
        <v>16916516</v>
      </c>
      <c r="E22" s="113">
        <v>23801617</v>
      </c>
      <c r="F22" s="109">
        <v>0</v>
      </c>
      <c r="G22" s="114">
        <v>83117664</v>
      </c>
      <c r="H22" s="114">
        <v>166489123</v>
      </c>
      <c r="I22" s="114">
        <v>143128500</v>
      </c>
      <c r="J22" s="114">
        <v>123805324</v>
      </c>
      <c r="K22" s="114">
        <v>106573092</v>
      </c>
      <c r="L22" s="109">
        <v>623113703</v>
      </c>
      <c r="M22" s="116">
        <v>646915320</v>
      </c>
      <c r="N22" s="110">
        <v>1183223</v>
      </c>
      <c r="O22" s="114">
        <v>3987467</v>
      </c>
      <c r="P22" s="113">
        <v>5170690</v>
      </c>
      <c r="Q22" s="110">
        <v>0</v>
      </c>
      <c r="R22" s="114">
        <v>19726832</v>
      </c>
      <c r="S22" s="114">
        <v>45591998</v>
      </c>
      <c r="T22" s="114">
        <v>45230676</v>
      </c>
      <c r="U22" s="114">
        <v>48874536</v>
      </c>
      <c r="V22" s="114">
        <v>54521812</v>
      </c>
      <c r="W22" s="113">
        <v>213945854</v>
      </c>
      <c r="X22" s="116">
        <v>219116544</v>
      </c>
      <c r="Y22" s="110">
        <v>0</v>
      </c>
      <c r="Z22" s="114">
        <v>0</v>
      </c>
      <c r="AA22" s="113">
        <v>0</v>
      </c>
      <c r="AB22" s="110">
        <v>0</v>
      </c>
      <c r="AC22" s="114">
        <v>8862540</v>
      </c>
      <c r="AD22" s="114">
        <v>23890671</v>
      </c>
      <c r="AE22" s="114">
        <v>26290934</v>
      </c>
      <c r="AF22" s="114">
        <v>31083405</v>
      </c>
      <c r="AG22" s="114">
        <v>33180340</v>
      </c>
      <c r="AH22" s="113">
        <v>123307890</v>
      </c>
      <c r="AI22" s="116">
        <v>123307890</v>
      </c>
      <c r="AJ22" s="110">
        <v>0</v>
      </c>
      <c r="AK22" s="114">
        <v>36037</v>
      </c>
      <c r="AL22" s="113">
        <v>36037</v>
      </c>
      <c r="AM22" s="110">
        <v>0</v>
      </c>
      <c r="AN22" s="114">
        <v>116967</v>
      </c>
      <c r="AO22" s="114">
        <v>360939</v>
      </c>
      <c r="AP22" s="114">
        <v>1003566</v>
      </c>
      <c r="AQ22" s="114">
        <v>2404951</v>
      </c>
      <c r="AR22" s="114">
        <v>6080685</v>
      </c>
      <c r="AS22" s="113">
        <v>9967108</v>
      </c>
      <c r="AT22" s="116">
        <v>10003145</v>
      </c>
      <c r="AU22" s="110">
        <v>668382</v>
      </c>
      <c r="AV22" s="114">
        <v>2811779</v>
      </c>
      <c r="AW22" s="113">
        <v>3480161</v>
      </c>
      <c r="AX22" s="110">
        <v>0</v>
      </c>
      <c r="AY22" s="114">
        <v>6930344</v>
      </c>
      <c r="AZ22" s="114">
        <v>13624323</v>
      </c>
      <c r="BA22" s="114">
        <v>11231307</v>
      </c>
      <c r="BB22" s="114">
        <v>9102524</v>
      </c>
      <c r="BC22" s="114">
        <v>10123565</v>
      </c>
      <c r="BD22" s="113">
        <v>51012063</v>
      </c>
      <c r="BE22" s="116">
        <v>54492224</v>
      </c>
      <c r="BF22" s="110">
        <v>84905</v>
      </c>
      <c r="BG22" s="114">
        <v>409848</v>
      </c>
      <c r="BH22" s="112">
        <v>494753</v>
      </c>
      <c r="BI22" s="111">
        <v>0</v>
      </c>
      <c r="BJ22" s="114">
        <v>403139</v>
      </c>
      <c r="BK22" s="114">
        <v>1547394</v>
      </c>
      <c r="BL22" s="114">
        <v>1120354</v>
      </c>
      <c r="BM22" s="114">
        <v>756791</v>
      </c>
      <c r="BN22" s="114">
        <v>606951</v>
      </c>
      <c r="BO22" s="113">
        <v>4434629</v>
      </c>
      <c r="BP22" s="116">
        <v>4929382</v>
      </c>
      <c r="BQ22" s="110">
        <v>429936</v>
      </c>
      <c r="BR22" s="114">
        <v>729803</v>
      </c>
      <c r="BS22" s="113">
        <v>1159739</v>
      </c>
      <c r="BT22" s="110">
        <v>0</v>
      </c>
      <c r="BU22" s="114">
        <v>3413842</v>
      </c>
      <c r="BV22" s="114">
        <v>6168671</v>
      </c>
      <c r="BW22" s="114">
        <v>5584515</v>
      </c>
      <c r="BX22" s="114">
        <v>5526865</v>
      </c>
      <c r="BY22" s="114">
        <v>4530271</v>
      </c>
      <c r="BZ22" s="113">
        <v>25224164</v>
      </c>
      <c r="CA22" s="116">
        <v>26383903</v>
      </c>
      <c r="CB22" s="110">
        <v>860283</v>
      </c>
      <c r="CC22" s="114">
        <v>3186581</v>
      </c>
      <c r="CD22" s="113">
        <v>4046864</v>
      </c>
      <c r="CE22" s="110">
        <v>0</v>
      </c>
      <c r="CF22" s="114">
        <v>25841244</v>
      </c>
      <c r="CG22" s="114">
        <v>55691710</v>
      </c>
      <c r="CH22" s="114">
        <v>39838399</v>
      </c>
      <c r="CI22" s="114">
        <v>25311345</v>
      </c>
      <c r="CJ22" s="114">
        <v>14538573</v>
      </c>
      <c r="CK22" s="113">
        <v>161221271</v>
      </c>
      <c r="CL22" s="116">
        <v>165268135</v>
      </c>
      <c r="CM22" s="110">
        <v>0</v>
      </c>
      <c r="CN22" s="114">
        <v>0</v>
      </c>
      <c r="CO22" s="113">
        <v>0</v>
      </c>
      <c r="CP22" s="111">
        <v>0</v>
      </c>
      <c r="CQ22" s="114">
        <v>22007060</v>
      </c>
      <c r="CR22" s="114">
        <v>43696511</v>
      </c>
      <c r="CS22" s="114">
        <v>32128623</v>
      </c>
      <c r="CT22" s="114">
        <v>21698777</v>
      </c>
      <c r="CU22" s="114">
        <v>12412546</v>
      </c>
      <c r="CV22" s="113">
        <v>131943517</v>
      </c>
      <c r="CW22" s="116">
        <v>131943517</v>
      </c>
      <c r="CX22" s="110">
        <v>860283</v>
      </c>
      <c r="CY22" s="114">
        <v>3186581</v>
      </c>
      <c r="CZ22" s="113">
        <v>4046864</v>
      </c>
      <c r="DA22" s="110">
        <v>0</v>
      </c>
      <c r="DB22" s="114">
        <v>3834184</v>
      </c>
      <c r="DC22" s="114">
        <v>11995199</v>
      </c>
      <c r="DD22" s="114">
        <v>7709776</v>
      </c>
      <c r="DE22" s="114">
        <v>3612568</v>
      </c>
      <c r="DF22" s="114">
        <v>2126027</v>
      </c>
      <c r="DG22" s="113">
        <v>29277754</v>
      </c>
      <c r="DH22" s="116">
        <v>33324618</v>
      </c>
      <c r="DI22" s="110">
        <v>0</v>
      </c>
      <c r="DJ22" s="114">
        <v>147995</v>
      </c>
      <c r="DK22" s="112">
        <v>147995</v>
      </c>
      <c r="DL22" s="111">
        <v>0</v>
      </c>
      <c r="DM22" s="114">
        <v>2368376</v>
      </c>
      <c r="DN22" s="114">
        <v>5581844</v>
      </c>
      <c r="DO22" s="114">
        <v>13450304</v>
      </c>
      <c r="DP22" s="114">
        <v>9130642</v>
      </c>
      <c r="DQ22" s="114">
        <v>7207333</v>
      </c>
      <c r="DR22" s="113">
        <v>37738499</v>
      </c>
      <c r="DS22" s="116">
        <v>37886494</v>
      </c>
      <c r="DT22" s="110">
        <v>0</v>
      </c>
      <c r="DU22" s="114">
        <v>147995</v>
      </c>
      <c r="DV22" s="113">
        <v>147995</v>
      </c>
      <c r="DW22" s="110">
        <v>0</v>
      </c>
      <c r="DX22" s="114">
        <v>2159343</v>
      </c>
      <c r="DY22" s="114">
        <v>4280743</v>
      </c>
      <c r="DZ22" s="114">
        <v>12675877</v>
      </c>
      <c r="EA22" s="114">
        <v>8286379</v>
      </c>
      <c r="EB22" s="114">
        <v>5596330</v>
      </c>
      <c r="EC22" s="113">
        <v>32998672</v>
      </c>
      <c r="ED22" s="116">
        <v>33146667</v>
      </c>
      <c r="EE22" s="110">
        <v>0</v>
      </c>
      <c r="EF22" s="112">
        <v>0</v>
      </c>
      <c r="EG22" s="113">
        <v>0</v>
      </c>
      <c r="EH22" s="110">
        <v>0</v>
      </c>
      <c r="EI22" s="114">
        <v>209033</v>
      </c>
      <c r="EJ22" s="114">
        <v>1301101</v>
      </c>
      <c r="EK22" s="114">
        <v>774427</v>
      </c>
      <c r="EL22" s="114">
        <v>844263</v>
      </c>
      <c r="EM22" s="114">
        <v>1611003</v>
      </c>
      <c r="EN22" s="112">
        <v>4739827</v>
      </c>
      <c r="EO22" s="116">
        <v>4739827</v>
      </c>
      <c r="EP22" s="110">
        <v>0</v>
      </c>
      <c r="EQ22" s="114">
        <v>0</v>
      </c>
      <c r="ER22" s="112">
        <v>0</v>
      </c>
      <c r="ES22" s="111">
        <v>0</v>
      </c>
      <c r="ET22" s="114">
        <v>0</v>
      </c>
      <c r="EU22" s="114">
        <v>0</v>
      </c>
      <c r="EV22" s="114">
        <v>0</v>
      </c>
      <c r="EW22" s="114">
        <v>0</v>
      </c>
      <c r="EX22" s="114">
        <v>0</v>
      </c>
      <c r="EY22" s="113">
        <v>0</v>
      </c>
      <c r="EZ22" s="116">
        <v>0</v>
      </c>
      <c r="FA22" s="110">
        <v>0</v>
      </c>
      <c r="FB22" s="114">
        <v>0</v>
      </c>
      <c r="FC22" s="112">
        <v>0</v>
      </c>
      <c r="FD22" s="347"/>
      <c r="FE22" s="114">
        <v>0</v>
      </c>
      <c r="FF22" s="114">
        <v>0</v>
      </c>
      <c r="FG22" s="114">
        <v>0</v>
      </c>
      <c r="FH22" s="114">
        <v>0</v>
      </c>
      <c r="FI22" s="114">
        <v>0</v>
      </c>
      <c r="FJ22" s="113">
        <v>0</v>
      </c>
      <c r="FK22" s="116">
        <v>0</v>
      </c>
      <c r="FL22" s="110">
        <v>1990050</v>
      </c>
      <c r="FM22" s="114">
        <v>3883114</v>
      </c>
      <c r="FN22" s="113">
        <v>5873164</v>
      </c>
      <c r="FO22" s="110">
        <v>0</v>
      </c>
      <c r="FP22" s="114">
        <v>4962188</v>
      </c>
      <c r="FQ22" s="114">
        <v>17557678</v>
      </c>
      <c r="FR22" s="114">
        <v>12055170</v>
      </c>
      <c r="FS22" s="114">
        <v>10063487</v>
      </c>
      <c r="FT22" s="114">
        <v>9454871</v>
      </c>
      <c r="FU22" s="113">
        <v>54093394</v>
      </c>
      <c r="FV22" s="116">
        <v>59966558</v>
      </c>
      <c r="FW22" s="115">
        <v>999405</v>
      </c>
      <c r="FX22" s="114">
        <v>3130505</v>
      </c>
      <c r="FY22" s="112">
        <v>4129910</v>
      </c>
      <c r="FZ22" s="111">
        <v>0</v>
      </c>
      <c r="GA22" s="114">
        <v>3393500</v>
      </c>
      <c r="GB22" s="114">
        <v>15137242</v>
      </c>
      <c r="GC22" s="114">
        <v>11019554</v>
      </c>
      <c r="GD22" s="114">
        <v>9746804</v>
      </c>
      <c r="GE22" s="114">
        <v>8663381</v>
      </c>
      <c r="GF22" s="113">
        <v>47960481</v>
      </c>
      <c r="GG22" s="318">
        <v>52090391</v>
      </c>
      <c r="GH22" s="115">
        <v>305519</v>
      </c>
      <c r="GI22" s="114">
        <v>215037</v>
      </c>
      <c r="GJ22" s="112">
        <v>520556</v>
      </c>
      <c r="GK22" s="111">
        <v>0</v>
      </c>
      <c r="GL22" s="114">
        <v>391538</v>
      </c>
      <c r="GM22" s="114">
        <v>457768</v>
      </c>
      <c r="GN22" s="114">
        <v>247144</v>
      </c>
      <c r="GO22" s="114">
        <v>143233</v>
      </c>
      <c r="GP22" s="114">
        <v>53490</v>
      </c>
      <c r="GQ22" s="113">
        <v>1293173</v>
      </c>
      <c r="GR22" s="116">
        <v>1813729</v>
      </c>
      <c r="GS22" s="110">
        <v>685126</v>
      </c>
      <c r="GT22" s="114">
        <v>537572</v>
      </c>
      <c r="GU22" s="113">
        <v>1222698</v>
      </c>
      <c r="GV22" s="110">
        <v>0</v>
      </c>
      <c r="GW22" s="114">
        <v>1177150</v>
      </c>
      <c r="GX22" s="114">
        <v>1962668</v>
      </c>
      <c r="GY22" s="114">
        <v>788472</v>
      </c>
      <c r="GZ22" s="114">
        <v>173450</v>
      </c>
      <c r="HA22" s="114">
        <v>738000</v>
      </c>
      <c r="HB22" s="112">
        <v>4839740</v>
      </c>
      <c r="HC22" s="116">
        <v>6062438</v>
      </c>
      <c r="HD22" s="110">
        <v>1602679</v>
      </c>
      <c r="HE22" s="114">
        <v>2903804</v>
      </c>
      <c r="HF22" s="112">
        <v>4506483</v>
      </c>
      <c r="HG22" s="111">
        <v>0</v>
      </c>
      <c r="HH22" s="114">
        <v>16289562</v>
      </c>
      <c r="HI22" s="114">
        <v>20193299</v>
      </c>
      <c r="HJ22" s="114">
        <v>17242294</v>
      </c>
      <c r="HK22" s="114">
        <v>20920924</v>
      </c>
      <c r="HL22" s="114">
        <v>13962157</v>
      </c>
      <c r="HM22" s="113">
        <v>88608236</v>
      </c>
      <c r="HN22" s="109">
        <v>93114719</v>
      </c>
      <c r="HO22" s="115">
        <v>1248866</v>
      </c>
      <c r="HP22" s="114">
        <v>2807555</v>
      </c>
      <c r="HQ22" s="113">
        <v>4056421</v>
      </c>
      <c r="HR22" s="110">
        <v>0</v>
      </c>
      <c r="HS22" s="114">
        <v>13929462</v>
      </c>
      <c r="HT22" s="114">
        <v>21872594</v>
      </c>
      <c r="HU22" s="114">
        <v>15311657</v>
      </c>
      <c r="HV22" s="114">
        <v>9504390</v>
      </c>
      <c r="HW22" s="114">
        <v>6888346</v>
      </c>
      <c r="HX22" s="112">
        <v>67506449</v>
      </c>
      <c r="HY22" s="116">
        <v>71562870</v>
      </c>
      <c r="HZ22" s="150">
        <v>33530</v>
      </c>
      <c r="IA22" s="135">
        <v>283241</v>
      </c>
      <c r="IB22" s="150">
        <v>316771</v>
      </c>
      <c r="IC22" s="134">
        <v>0</v>
      </c>
      <c r="ID22" s="135">
        <v>24645562</v>
      </c>
      <c r="IE22" s="136">
        <v>43659874</v>
      </c>
      <c r="IF22" s="137">
        <v>48628168</v>
      </c>
      <c r="IG22" s="135">
        <v>48943142</v>
      </c>
      <c r="IH22" s="137">
        <v>35938114</v>
      </c>
      <c r="II22" s="138">
        <v>201814860</v>
      </c>
      <c r="IJ22" s="150">
        <v>202131631</v>
      </c>
      <c r="IK22" s="232">
        <v>0</v>
      </c>
      <c r="IL22" s="236">
        <v>0</v>
      </c>
      <c r="IM22" s="237">
        <v>0</v>
      </c>
      <c r="IN22" s="140"/>
      <c r="IO22" s="119">
        <v>267215</v>
      </c>
      <c r="IP22" s="119">
        <v>223873</v>
      </c>
      <c r="IQ22" s="119">
        <v>571093</v>
      </c>
      <c r="IR22" s="119">
        <v>900596</v>
      </c>
      <c r="IS22" s="119">
        <v>0</v>
      </c>
      <c r="IT22" s="141">
        <v>1962777</v>
      </c>
      <c r="IU22" s="320">
        <v>1962777</v>
      </c>
      <c r="IV22" s="142">
        <v>0</v>
      </c>
      <c r="IW22" s="119">
        <v>0</v>
      </c>
      <c r="IX22" s="120">
        <v>0</v>
      </c>
      <c r="IY22" s="144"/>
      <c r="IZ22" s="119">
        <v>0</v>
      </c>
      <c r="JA22" s="119">
        <v>0</v>
      </c>
      <c r="JB22" s="119">
        <v>0</v>
      </c>
      <c r="JC22" s="119">
        <v>0</v>
      </c>
      <c r="JD22" s="119">
        <v>0</v>
      </c>
      <c r="JE22" s="120">
        <v>0</v>
      </c>
      <c r="JF22" s="121">
        <v>0</v>
      </c>
      <c r="JG22" s="142">
        <v>0</v>
      </c>
      <c r="JH22" s="119">
        <v>0</v>
      </c>
      <c r="JI22" s="141">
        <v>0</v>
      </c>
      <c r="JJ22" s="118">
        <v>0</v>
      </c>
      <c r="JK22" s="119">
        <v>10863413</v>
      </c>
      <c r="JL22" s="119">
        <v>18328442</v>
      </c>
      <c r="JM22" s="119">
        <v>14265332</v>
      </c>
      <c r="JN22" s="119">
        <v>12410268</v>
      </c>
      <c r="JO22" s="119">
        <v>9482622</v>
      </c>
      <c r="JP22" s="120">
        <v>65350077</v>
      </c>
      <c r="JQ22" s="320">
        <v>65350077</v>
      </c>
      <c r="JR22" s="142">
        <v>33530</v>
      </c>
      <c r="JS22" s="119">
        <v>103125</v>
      </c>
      <c r="JT22" s="141">
        <v>136655</v>
      </c>
      <c r="JU22" s="118">
        <v>0</v>
      </c>
      <c r="JV22" s="119">
        <v>1608882</v>
      </c>
      <c r="JW22" s="119">
        <v>2236182</v>
      </c>
      <c r="JX22" s="119">
        <v>2037769</v>
      </c>
      <c r="JY22" s="119">
        <v>2427203</v>
      </c>
      <c r="JZ22" s="119">
        <v>371612</v>
      </c>
      <c r="KA22" s="120">
        <v>8681648</v>
      </c>
      <c r="KB22" s="320">
        <v>8818303</v>
      </c>
      <c r="KC22" s="234">
        <v>0</v>
      </c>
      <c r="KD22" s="230">
        <v>180116</v>
      </c>
      <c r="KE22" s="120">
        <v>180116</v>
      </c>
      <c r="KF22" s="118">
        <v>0</v>
      </c>
      <c r="KG22" s="119">
        <v>2463719</v>
      </c>
      <c r="KH22" s="119">
        <v>5017860</v>
      </c>
      <c r="KI22" s="119">
        <v>8587138</v>
      </c>
      <c r="KJ22" s="119">
        <v>6894154</v>
      </c>
      <c r="KK22" s="119">
        <v>4467587</v>
      </c>
      <c r="KL22" s="120">
        <v>27430458</v>
      </c>
      <c r="KM22" s="143">
        <v>27610574</v>
      </c>
      <c r="KN22" s="232">
        <v>0</v>
      </c>
      <c r="KO22" s="236">
        <v>0</v>
      </c>
      <c r="KP22" s="237">
        <v>0</v>
      </c>
      <c r="KQ22" s="140"/>
      <c r="KR22" s="119">
        <v>9254992</v>
      </c>
      <c r="KS22" s="119">
        <v>16431687</v>
      </c>
      <c r="KT22" s="119">
        <v>15073894</v>
      </c>
      <c r="KU22" s="119">
        <v>13799086</v>
      </c>
      <c r="KV22" s="119">
        <v>6059111</v>
      </c>
      <c r="KW22" s="120">
        <v>60618770</v>
      </c>
      <c r="KX22" s="320">
        <v>60618770</v>
      </c>
      <c r="KY22" s="142">
        <v>0</v>
      </c>
      <c r="KZ22" s="119">
        <v>0</v>
      </c>
      <c r="LA22" s="120">
        <v>0</v>
      </c>
      <c r="LB22" s="145"/>
      <c r="LC22" s="119">
        <v>0</v>
      </c>
      <c r="LD22" s="119">
        <v>0</v>
      </c>
      <c r="LE22" s="119">
        <v>0</v>
      </c>
      <c r="LF22" s="119">
        <v>0</v>
      </c>
      <c r="LG22" s="119">
        <v>0</v>
      </c>
      <c r="LH22" s="120">
        <v>0</v>
      </c>
      <c r="LI22" s="121">
        <v>0</v>
      </c>
      <c r="LJ22" s="142">
        <v>0</v>
      </c>
      <c r="LK22" s="119">
        <v>0</v>
      </c>
      <c r="LL22" s="120">
        <v>0</v>
      </c>
      <c r="LM22" s="145"/>
      <c r="LN22" s="119">
        <v>0</v>
      </c>
      <c r="LO22" s="119">
        <v>514404</v>
      </c>
      <c r="LP22" s="119">
        <v>7464604</v>
      </c>
      <c r="LQ22" s="119">
        <v>11144095</v>
      </c>
      <c r="LR22" s="119">
        <v>12010792</v>
      </c>
      <c r="LS22" s="120">
        <v>31133895</v>
      </c>
      <c r="LT22" s="320">
        <v>31133895</v>
      </c>
      <c r="LU22" s="142">
        <v>0</v>
      </c>
      <c r="LV22" s="119">
        <v>0</v>
      </c>
      <c r="LW22" s="120">
        <v>0</v>
      </c>
      <c r="LX22" s="145"/>
      <c r="LY22" s="119">
        <v>187341</v>
      </c>
      <c r="LZ22" s="119">
        <v>907426</v>
      </c>
      <c r="MA22" s="119">
        <v>628338</v>
      </c>
      <c r="MB22" s="119">
        <v>1367740</v>
      </c>
      <c r="MC22" s="119">
        <v>3546390</v>
      </c>
      <c r="MD22" s="120">
        <v>6637235</v>
      </c>
      <c r="ME22" s="121">
        <v>6637235</v>
      </c>
      <c r="MF22" s="142">
        <v>0</v>
      </c>
      <c r="MG22" s="119">
        <v>0</v>
      </c>
      <c r="MH22" s="120">
        <v>0</v>
      </c>
      <c r="MI22" s="145"/>
      <c r="MJ22" s="119">
        <v>11500932</v>
      </c>
      <c r="MK22" s="119">
        <v>33877187</v>
      </c>
      <c r="ML22" s="119">
        <v>93561928</v>
      </c>
      <c r="MM22" s="119">
        <v>118863553</v>
      </c>
      <c r="MN22" s="119">
        <v>97409194</v>
      </c>
      <c r="MO22" s="120">
        <v>355212794</v>
      </c>
      <c r="MP22" s="143">
        <v>355212794</v>
      </c>
      <c r="MQ22" s="142">
        <v>0</v>
      </c>
      <c r="MR22" s="119">
        <v>0</v>
      </c>
      <c r="MS22" s="120">
        <v>0</v>
      </c>
      <c r="MT22" s="145"/>
      <c r="MU22" s="119">
        <v>553468</v>
      </c>
      <c r="MV22" s="119">
        <v>3848595</v>
      </c>
      <c r="MW22" s="119">
        <v>50552164</v>
      </c>
      <c r="MX22" s="119">
        <v>76547861</v>
      </c>
      <c r="MY22" s="119">
        <v>63145908</v>
      </c>
      <c r="MZ22" s="120">
        <v>194647996</v>
      </c>
      <c r="NA22" s="143">
        <v>194647996</v>
      </c>
      <c r="NB22" s="142">
        <v>0</v>
      </c>
      <c r="NC22" s="119">
        <v>0</v>
      </c>
      <c r="ND22" s="120">
        <v>0</v>
      </c>
      <c r="NE22" s="145"/>
      <c r="NF22" s="119">
        <v>10947464</v>
      </c>
      <c r="NG22" s="119">
        <v>30028592</v>
      </c>
      <c r="NH22" s="119">
        <v>42636705</v>
      </c>
      <c r="NI22" s="119">
        <v>41163863</v>
      </c>
      <c r="NJ22" s="119">
        <v>28584593</v>
      </c>
      <c r="NK22" s="120">
        <v>153361217</v>
      </c>
      <c r="NL22" s="320">
        <v>153361217</v>
      </c>
      <c r="NM22" s="142">
        <v>0</v>
      </c>
      <c r="NN22" s="119">
        <v>0</v>
      </c>
      <c r="NO22" s="120">
        <v>0</v>
      </c>
      <c r="NP22" s="145"/>
      <c r="NQ22" s="119">
        <v>0</v>
      </c>
      <c r="NR22" s="119">
        <v>0</v>
      </c>
      <c r="NS22" s="119">
        <v>0</v>
      </c>
      <c r="NT22" s="119">
        <v>0</v>
      </c>
      <c r="NU22" s="119">
        <v>1400204</v>
      </c>
      <c r="NV22" s="120">
        <v>1400204</v>
      </c>
      <c r="NW22" s="121">
        <v>1400204</v>
      </c>
      <c r="NX22" s="142">
        <v>0</v>
      </c>
      <c r="NY22" s="119">
        <v>0</v>
      </c>
      <c r="NZ22" s="120">
        <v>0</v>
      </c>
      <c r="OA22" s="145"/>
      <c r="OB22" s="119">
        <v>0</v>
      </c>
      <c r="OC22" s="119">
        <v>0</v>
      </c>
      <c r="OD22" s="119">
        <v>373059</v>
      </c>
      <c r="OE22" s="119">
        <v>1151829</v>
      </c>
      <c r="OF22" s="119">
        <v>4278489</v>
      </c>
      <c r="OG22" s="120">
        <v>5803377</v>
      </c>
      <c r="OH22" s="121">
        <v>5803377</v>
      </c>
      <c r="OI22" s="142">
        <v>6918631</v>
      </c>
      <c r="OJ22" s="119">
        <v>17199757</v>
      </c>
      <c r="OK22" s="141">
        <v>24118388</v>
      </c>
      <c r="OL22" s="118">
        <v>0</v>
      </c>
      <c r="OM22" s="119">
        <v>119264158</v>
      </c>
      <c r="ON22" s="119">
        <v>244026184</v>
      </c>
      <c r="OO22" s="119">
        <v>285318596</v>
      </c>
      <c r="OP22" s="119">
        <v>291612019</v>
      </c>
      <c r="OQ22" s="119">
        <v>239920400</v>
      </c>
      <c r="OR22" s="120">
        <v>1180141357</v>
      </c>
      <c r="OS22" s="143">
        <v>1204259745</v>
      </c>
    </row>
    <row r="23" spans="2:409" ht="21" customHeight="1" x14ac:dyDescent="0.2">
      <c r="B23" s="62" t="s">
        <v>18</v>
      </c>
      <c r="C23" s="110">
        <v>7899195</v>
      </c>
      <c r="D23" s="114">
        <v>15963492</v>
      </c>
      <c r="E23" s="113">
        <v>23862687</v>
      </c>
      <c r="F23" s="109">
        <v>0</v>
      </c>
      <c r="G23" s="114">
        <v>137235006</v>
      </c>
      <c r="H23" s="114">
        <v>171561362</v>
      </c>
      <c r="I23" s="114">
        <v>152844377</v>
      </c>
      <c r="J23" s="114">
        <v>145976613</v>
      </c>
      <c r="K23" s="114">
        <v>112925745</v>
      </c>
      <c r="L23" s="109">
        <v>720543103</v>
      </c>
      <c r="M23" s="116">
        <v>744405790</v>
      </c>
      <c r="N23" s="110">
        <v>2078519</v>
      </c>
      <c r="O23" s="114">
        <v>4476757</v>
      </c>
      <c r="P23" s="113">
        <v>6555276</v>
      </c>
      <c r="Q23" s="110">
        <v>0</v>
      </c>
      <c r="R23" s="114">
        <v>38186772</v>
      </c>
      <c r="S23" s="114">
        <v>51187617</v>
      </c>
      <c r="T23" s="114">
        <v>47455439</v>
      </c>
      <c r="U23" s="114">
        <v>54765218</v>
      </c>
      <c r="V23" s="114">
        <v>53379824</v>
      </c>
      <c r="W23" s="113">
        <v>244974870</v>
      </c>
      <c r="X23" s="116">
        <v>251530146</v>
      </c>
      <c r="Y23" s="110">
        <v>0</v>
      </c>
      <c r="Z23" s="114">
        <v>0</v>
      </c>
      <c r="AA23" s="113">
        <v>0</v>
      </c>
      <c r="AB23" s="110">
        <v>0</v>
      </c>
      <c r="AC23" s="114">
        <v>17937443</v>
      </c>
      <c r="AD23" s="114">
        <v>25169766</v>
      </c>
      <c r="AE23" s="114">
        <v>27221949</v>
      </c>
      <c r="AF23" s="114">
        <v>35929417</v>
      </c>
      <c r="AG23" s="114">
        <v>32928465</v>
      </c>
      <c r="AH23" s="113">
        <v>139187040</v>
      </c>
      <c r="AI23" s="116">
        <v>139187040</v>
      </c>
      <c r="AJ23" s="110">
        <v>0</v>
      </c>
      <c r="AK23" s="114">
        <v>0</v>
      </c>
      <c r="AL23" s="113">
        <v>0</v>
      </c>
      <c r="AM23" s="110">
        <v>0</v>
      </c>
      <c r="AN23" s="114">
        <v>148478</v>
      </c>
      <c r="AO23" s="114">
        <v>649894</v>
      </c>
      <c r="AP23" s="114">
        <v>1385276</v>
      </c>
      <c r="AQ23" s="114">
        <v>2591739</v>
      </c>
      <c r="AR23" s="114">
        <v>5497942</v>
      </c>
      <c r="AS23" s="113">
        <v>10273329</v>
      </c>
      <c r="AT23" s="116">
        <v>10273329</v>
      </c>
      <c r="AU23" s="110">
        <v>1124391</v>
      </c>
      <c r="AV23" s="114">
        <v>3285216</v>
      </c>
      <c r="AW23" s="113">
        <v>4409607</v>
      </c>
      <c r="AX23" s="110">
        <v>0</v>
      </c>
      <c r="AY23" s="114">
        <v>12676504</v>
      </c>
      <c r="AZ23" s="114">
        <v>15460273</v>
      </c>
      <c r="BA23" s="114">
        <v>10273050</v>
      </c>
      <c r="BB23" s="114">
        <v>8594869</v>
      </c>
      <c r="BC23" s="114">
        <v>8276701</v>
      </c>
      <c r="BD23" s="113">
        <v>55281397</v>
      </c>
      <c r="BE23" s="116">
        <v>59691004</v>
      </c>
      <c r="BF23" s="110">
        <v>193401</v>
      </c>
      <c r="BG23" s="114">
        <v>415860</v>
      </c>
      <c r="BH23" s="112">
        <v>609261</v>
      </c>
      <c r="BI23" s="111">
        <v>0</v>
      </c>
      <c r="BJ23" s="114">
        <v>1407714</v>
      </c>
      <c r="BK23" s="114">
        <v>2679635</v>
      </c>
      <c r="BL23" s="114">
        <v>1801847</v>
      </c>
      <c r="BM23" s="114">
        <v>834342</v>
      </c>
      <c r="BN23" s="114">
        <v>1002534</v>
      </c>
      <c r="BO23" s="113">
        <v>7726072</v>
      </c>
      <c r="BP23" s="116">
        <v>8335333</v>
      </c>
      <c r="BQ23" s="110">
        <v>760727</v>
      </c>
      <c r="BR23" s="114">
        <v>775681</v>
      </c>
      <c r="BS23" s="113">
        <v>1536408</v>
      </c>
      <c r="BT23" s="110">
        <v>0</v>
      </c>
      <c r="BU23" s="114">
        <v>6016633</v>
      </c>
      <c r="BV23" s="114">
        <v>7228049</v>
      </c>
      <c r="BW23" s="114">
        <v>6773317</v>
      </c>
      <c r="BX23" s="114">
        <v>6814851</v>
      </c>
      <c r="BY23" s="114">
        <v>5674182</v>
      </c>
      <c r="BZ23" s="113">
        <v>32507032</v>
      </c>
      <c r="CA23" s="116">
        <v>34043440</v>
      </c>
      <c r="CB23" s="110">
        <v>1106008</v>
      </c>
      <c r="CC23" s="114">
        <v>3464347</v>
      </c>
      <c r="CD23" s="113">
        <v>4570355</v>
      </c>
      <c r="CE23" s="110">
        <v>0</v>
      </c>
      <c r="CF23" s="114">
        <v>44781939</v>
      </c>
      <c r="CG23" s="114">
        <v>53691047</v>
      </c>
      <c r="CH23" s="114">
        <v>42483461</v>
      </c>
      <c r="CI23" s="114">
        <v>30624317</v>
      </c>
      <c r="CJ23" s="114">
        <v>14467937</v>
      </c>
      <c r="CK23" s="113">
        <v>186048701</v>
      </c>
      <c r="CL23" s="116">
        <v>190619056</v>
      </c>
      <c r="CM23" s="110">
        <v>0</v>
      </c>
      <c r="CN23" s="114">
        <v>0</v>
      </c>
      <c r="CO23" s="113">
        <v>0</v>
      </c>
      <c r="CP23" s="111">
        <v>0</v>
      </c>
      <c r="CQ23" s="114">
        <v>36645336</v>
      </c>
      <c r="CR23" s="114">
        <v>43092044</v>
      </c>
      <c r="CS23" s="114">
        <v>35429488</v>
      </c>
      <c r="CT23" s="114">
        <v>24276287</v>
      </c>
      <c r="CU23" s="114">
        <v>12711174</v>
      </c>
      <c r="CV23" s="113">
        <v>152154329</v>
      </c>
      <c r="CW23" s="116">
        <v>152154329</v>
      </c>
      <c r="CX23" s="110">
        <v>1106008</v>
      </c>
      <c r="CY23" s="114">
        <v>3464347</v>
      </c>
      <c r="CZ23" s="113">
        <v>4570355</v>
      </c>
      <c r="DA23" s="110">
        <v>0</v>
      </c>
      <c r="DB23" s="114">
        <v>8136603</v>
      </c>
      <c r="DC23" s="114">
        <v>10599003</v>
      </c>
      <c r="DD23" s="114">
        <v>7053973</v>
      </c>
      <c r="DE23" s="114">
        <v>6348030</v>
      </c>
      <c r="DF23" s="114">
        <v>1756763</v>
      </c>
      <c r="DG23" s="113">
        <v>33894372</v>
      </c>
      <c r="DH23" s="116">
        <v>38464727</v>
      </c>
      <c r="DI23" s="110">
        <v>0</v>
      </c>
      <c r="DJ23" s="114">
        <v>97817</v>
      </c>
      <c r="DK23" s="112">
        <v>97817</v>
      </c>
      <c r="DL23" s="111">
        <v>0</v>
      </c>
      <c r="DM23" s="114">
        <v>3104806</v>
      </c>
      <c r="DN23" s="114">
        <v>7065020</v>
      </c>
      <c r="DO23" s="114">
        <v>17418137</v>
      </c>
      <c r="DP23" s="114">
        <v>15380526</v>
      </c>
      <c r="DQ23" s="114">
        <v>10175974</v>
      </c>
      <c r="DR23" s="113">
        <v>53144463</v>
      </c>
      <c r="DS23" s="116">
        <v>53242280</v>
      </c>
      <c r="DT23" s="110">
        <v>0</v>
      </c>
      <c r="DU23" s="114">
        <v>97817</v>
      </c>
      <c r="DV23" s="113">
        <v>97817</v>
      </c>
      <c r="DW23" s="110">
        <v>0</v>
      </c>
      <c r="DX23" s="114">
        <v>2948338</v>
      </c>
      <c r="DY23" s="114">
        <v>6907822</v>
      </c>
      <c r="DZ23" s="114">
        <v>17284346</v>
      </c>
      <c r="EA23" s="114">
        <v>15281205</v>
      </c>
      <c r="EB23" s="114">
        <v>10010146</v>
      </c>
      <c r="EC23" s="113">
        <v>52431857</v>
      </c>
      <c r="ED23" s="116">
        <v>52529674</v>
      </c>
      <c r="EE23" s="110">
        <v>0</v>
      </c>
      <c r="EF23" s="112">
        <v>0</v>
      </c>
      <c r="EG23" s="113">
        <v>0</v>
      </c>
      <c r="EH23" s="110">
        <v>0</v>
      </c>
      <c r="EI23" s="114">
        <v>156468</v>
      </c>
      <c r="EJ23" s="114">
        <v>157198</v>
      </c>
      <c r="EK23" s="114">
        <v>133791</v>
      </c>
      <c r="EL23" s="114">
        <v>99321</v>
      </c>
      <c r="EM23" s="114">
        <v>165828</v>
      </c>
      <c r="EN23" s="112">
        <v>712606</v>
      </c>
      <c r="EO23" s="116">
        <v>712606</v>
      </c>
      <c r="EP23" s="110">
        <v>0</v>
      </c>
      <c r="EQ23" s="114">
        <v>0</v>
      </c>
      <c r="ER23" s="112">
        <v>0</v>
      </c>
      <c r="ES23" s="111">
        <v>0</v>
      </c>
      <c r="ET23" s="114">
        <v>0</v>
      </c>
      <c r="EU23" s="114">
        <v>0</v>
      </c>
      <c r="EV23" s="114">
        <v>0</v>
      </c>
      <c r="EW23" s="114">
        <v>0</v>
      </c>
      <c r="EX23" s="114">
        <v>0</v>
      </c>
      <c r="EY23" s="113">
        <v>0</v>
      </c>
      <c r="EZ23" s="116">
        <v>0</v>
      </c>
      <c r="FA23" s="110">
        <v>0</v>
      </c>
      <c r="FB23" s="114">
        <v>0</v>
      </c>
      <c r="FC23" s="112">
        <v>0</v>
      </c>
      <c r="FD23" s="347"/>
      <c r="FE23" s="114">
        <v>0</v>
      </c>
      <c r="FF23" s="114">
        <v>0</v>
      </c>
      <c r="FG23" s="114">
        <v>0</v>
      </c>
      <c r="FH23" s="114">
        <v>0</v>
      </c>
      <c r="FI23" s="114">
        <v>0</v>
      </c>
      <c r="FJ23" s="113">
        <v>0</v>
      </c>
      <c r="FK23" s="116">
        <v>0</v>
      </c>
      <c r="FL23" s="110">
        <v>1755994</v>
      </c>
      <c r="FM23" s="114">
        <v>3634810</v>
      </c>
      <c r="FN23" s="113">
        <v>5390804</v>
      </c>
      <c r="FO23" s="110">
        <v>0</v>
      </c>
      <c r="FP23" s="114">
        <v>7110897</v>
      </c>
      <c r="FQ23" s="114">
        <v>16329588</v>
      </c>
      <c r="FR23" s="114">
        <v>11409919</v>
      </c>
      <c r="FS23" s="114">
        <v>10991706</v>
      </c>
      <c r="FT23" s="114">
        <v>8104359</v>
      </c>
      <c r="FU23" s="113">
        <v>53946469</v>
      </c>
      <c r="FV23" s="116">
        <v>59337273</v>
      </c>
      <c r="FW23" s="115">
        <v>1075359</v>
      </c>
      <c r="FX23" s="114">
        <v>2762665</v>
      </c>
      <c r="FY23" s="112">
        <v>3838024</v>
      </c>
      <c r="FZ23" s="111">
        <v>0</v>
      </c>
      <c r="GA23" s="114">
        <v>6130675</v>
      </c>
      <c r="GB23" s="114">
        <v>13934573</v>
      </c>
      <c r="GC23" s="114">
        <v>10559217</v>
      </c>
      <c r="GD23" s="114">
        <v>10520232</v>
      </c>
      <c r="GE23" s="114">
        <v>7820239</v>
      </c>
      <c r="GF23" s="113">
        <v>48964936</v>
      </c>
      <c r="GG23" s="318">
        <v>52802960</v>
      </c>
      <c r="GH23" s="115">
        <v>108315</v>
      </c>
      <c r="GI23" s="114">
        <v>125370</v>
      </c>
      <c r="GJ23" s="112">
        <v>233685</v>
      </c>
      <c r="GK23" s="111">
        <v>0</v>
      </c>
      <c r="GL23" s="114">
        <v>208962</v>
      </c>
      <c r="GM23" s="114">
        <v>556987</v>
      </c>
      <c r="GN23" s="114">
        <v>479042</v>
      </c>
      <c r="GO23" s="114">
        <v>228474</v>
      </c>
      <c r="GP23" s="114">
        <v>73610</v>
      </c>
      <c r="GQ23" s="113">
        <v>1547075</v>
      </c>
      <c r="GR23" s="116">
        <v>1780760</v>
      </c>
      <c r="GS23" s="110">
        <v>572320</v>
      </c>
      <c r="GT23" s="114">
        <v>746775</v>
      </c>
      <c r="GU23" s="113">
        <v>1319095</v>
      </c>
      <c r="GV23" s="110">
        <v>0</v>
      </c>
      <c r="GW23" s="114">
        <v>771260</v>
      </c>
      <c r="GX23" s="114">
        <v>1838028</v>
      </c>
      <c r="GY23" s="114">
        <v>371660</v>
      </c>
      <c r="GZ23" s="114">
        <v>243000</v>
      </c>
      <c r="HA23" s="114">
        <v>210510</v>
      </c>
      <c r="HB23" s="112">
        <v>3434458</v>
      </c>
      <c r="HC23" s="116">
        <v>4753553</v>
      </c>
      <c r="HD23" s="110">
        <v>1463724</v>
      </c>
      <c r="HE23" s="114">
        <v>1298573</v>
      </c>
      <c r="HF23" s="112">
        <v>2762297</v>
      </c>
      <c r="HG23" s="111">
        <v>0</v>
      </c>
      <c r="HH23" s="114">
        <v>20393590</v>
      </c>
      <c r="HI23" s="114">
        <v>21578750</v>
      </c>
      <c r="HJ23" s="114">
        <v>18373137</v>
      </c>
      <c r="HK23" s="114">
        <v>23960030</v>
      </c>
      <c r="HL23" s="114">
        <v>20536282</v>
      </c>
      <c r="HM23" s="113">
        <v>104841789</v>
      </c>
      <c r="HN23" s="109">
        <v>107604086</v>
      </c>
      <c r="HO23" s="115">
        <v>1494950</v>
      </c>
      <c r="HP23" s="114">
        <v>2991188</v>
      </c>
      <c r="HQ23" s="113">
        <v>4486138</v>
      </c>
      <c r="HR23" s="110">
        <v>0</v>
      </c>
      <c r="HS23" s="114">
        <v>23657002</v>
      </c>
      <c r="HT23" s="114">
        <v>21709340</v>
      </c>
      <c r="HU23" s="114">
        <v>15704284</v>
      </c>
      <c r="HV23" s="114">
        <v>10254816</v>
      </c>
      <c r="HW23" s="114">
        <v>6261369</v>
      </c>
      <c r="HX23" s="112">
        <v>77586811</v>
      </c>
      <c r="HY23" s="116">
        <v>82072949</v>
      </c>
      <c r="HZ23" s="131">
        <v>739192</v>
      </c>
      <c r="IA23" s="132">
        <v>2269135</v>
      </c>
      <c r="IB23" s="133">
        <v>3008327</v>
      </c>
      <c r="IC23" s="146">
        <v>0</v>
      </c>
      <c r="ID23" s="132">
        <v>33025020</v>
      </c>
      <c r="IE23" s="147">
        <v>47343846</v>
      </c>
      <c r="IF23" s="133">
        <v>61489039</v>
      </c>
      <c r="IG23" s="132">
        <v>40989355</v>
      </c>
      <c r="IH23" s="133">
        <v>23924332</v>
      </c>
      <c r="II23" s="148">
        <v>206771592</v>
      </c>
      <c r="IJ23" s="139">
        <v>209779919</v>
      </c>
      <c r="IK23" s="232">
        <v>0</v>
      </c>
      <c r="IL23" s="236">
        <v>0</v>
      </c>
      <c r="IM23" s="237">
        <v>0</v>
      </c>
      <c r="IN23" s="140"/>
      <c r="IO23" s="119">
        <v>138325</v>
      </c>
      <c r="IP23" s="119">
        <v>398566</v>
      </c>
      <c r="IQ23" s="119">
        <v>422647</v>
      </c>
      <c r="IR23" s="119">
        <v>0</v>
      </c>
      <c r="IS23" s="119">
        <v>459970</v>
      </c>
      <c r="IT23" s="141">
        <v>1419508</v>
      </c>
      <c r="IU23" s="320">
        <v>1419508</v>
      </c>
      <c r="IV23" s="142">
        <v>0</v>
      </c>
      <c r="IW23" s="119">
        <v>0</v>
      </c>
      <c r="IX23" s="120">
        <v>0</v>
      </c>
      <c r="IY23" s="144"/>
      <c r="IZ23" s="119">
        <v>0</v>
      </c>
      <c r="JA23" s="119">
        <v>0</v>
      </c>
      <c r="JB23" s="119">
        <v>0</v>
      </c>
      <c r="JC23" s="119">
        <v>0</v>
      </c>
      <c r="JD23" s="119">
        <v>0</v>
      </c>
      <c r="JE23" s="120">
        <v>0</v>
      </c>
      <c r="JF23" s="121">
        <v>0</v>
      </c>
      <c r="JG23" s="142">
        <v>0</v>
      </c>
      <c r="JH23" s="119">
        <v>0</v>
      </c>
      <c r="JI23" s="141">
        <v>0</v>
      </c>
      <c r="JJ23" s="118">
        <v>0</v>
      </c>
      <c r="JK23" s="119">
        <v>11505436</v>
      </c>
      <c r="JL23" s="119">
        <v>12054239</v>
      </c>
      <c r="JM23" s="119">
        <v>11478686</v>
      </c>
      <c r="JN23" s="119">
        <v>4253456</v>
      </c>
      <c r="JO23" s="119">
        <v>1681941</v>
      </c>
      <c r="JP23" s="120">
        <v>40973758</v>
      </c>
      <c r="JQ23" s="320">
        <v>40973758</v>
      </c>
      <c r="JR23" s="142">
        <v>0</v>
      </c>
      <c r="JS23" s="119">
        <v>0</v>
      </c>
      <c r="JT23" s="141">
        <v>0</v>
      </c>
      <c r="JU23" s="118">
        <v>0</v>
      </c>
      <c r="JV23" s="119">
        <v>1210064</v>
      </c>
      <c r="JW23" s="119">
        <v>384875</v>
      </c>
      <c r="JX23" s="119">
        <v>2960111</v>
      </c>
      <c r="JY23" s="119">
        <v>1288493</v>
      </c>
      <c r="JZ23" s="119">
        <v>1887169</v>
      </c>
      <c r="KA23" s="120">
        <v>7730712</v>
      </c>
      <c r="KB23" s="320">
        <v>7730712</v>
      </c>
      <c r="KC23" s="234">
        <v>739192</v>
      </c>
      <c r="KD23" s="230">
        <v>1255449</v>
      </c>
      <c r="KE23" s="120">
        <v>1994641</v>
      </c>
      <c r="KF23" s="118">
        <v>0</v>
      </c>
      <c r="KG23" s="119">
        <v>5560745</v>
      </c>
      <c r="KH23" s="119">
        <v>10538696</v>
      </c>
      <c r="KI23" s="119">
        <v>12415518</v>
      </c>
      <c r="KJ23" s="119">
        <v>7005133</v>
      </c>
      <c r="KK23" s="119">
        <v>3249742</v>
      </c>
      <c r="KL23" s="120">
        <v>38769834</v>
      </c>
      <c r="KM23" s="143">
        <v>40764475</v>
      </c>
      <c r="KN23" s="232">
        <v>0</v>
      </c>
      <c r="KO23" s="236">
        <v>1013686</v>
      </c>
      <c r="KP23" s="237">
        <v>1013686</v>
      </c>
      <c r="KQ23" s="140"/>
      <c r="KR23" s="119">
        <v>13556783</v>
      </c>
      <c r="KS23" s="119">
        <v>20652102</v>
      </c>
      <c r="KT23" s="119">
        <v>28490974</v>
      </c>
      <c r="KU23" s="119">
        <v>17168655</v>
      </c>
      <c r="KV23" s="119">
        <v>7502860</v>
      </c>
      <c r="KW23" s="120">
        <v>87371374</v>
      </c>
      <c r="KX23" s="320">
        <v>88385060</v>
      </c>
      <c r="KY23" s="142">
        <v>0</v>
      </c>
      <c r="KZ23" s="119">
        <v>0</v>
      </c>
      <c r="LA23" s="120">
        <v>0</v>
      </c>
      <c r="LB23" s="145"/>
      <c r="LC23" s="119">
        <v>0</v>
      </c>
      <c r="LD23" s="119">
        <v>0</v>
      </c>
      <c r="LE23" s="119">
        <v>0</v>
      </c>
      <c r="LF23" s="119">
        <v>0</v>
      </c>
      <c r="LG23" s="119">
        <v>0</v>
      </c>
      <c r="LH23" s="120">
        <v>0</v>
      </c>
      <c r="LI23" s="121">
        <v>0</v>
      </c>
      <c r="LJ23" s="142">
        <v>0</v>
      </c>
      <c r="LK23" s="119">
        <v>0</v>
      </c>
      <c r="LL23" s="120">
        <v>0</v>
      </c>
      <c r="LM23" s="145"/>
      <c r="LN23" s="119">
        <v>0</v>
      </c>
      <c r="LO23" s="119">
        <v>548272</v>
      </c>
      <c r="LP23" s="119">
        <v>1439848</v>
      </c>
      <c r="LQ23" s="119">
        <v>4559999</v>
      </c>
      <c r="LR23" s="119">
        <v>1507091</v>
      </c>
      <c r="LS23" s="120">
        <v>8055210</v>
      </c>
      <c r="LT23" s="320">
        <v>8055210</v>
      </c>
      <c r="LU23" s="142">
        <v>0</v>
      </c>
      <c r="LV23" s="119">
        <v>0</v>
      </c>
      <c r="LW23" s="120">
        <v>0</v>
      </c>
      <c r="LX23" s="145"/>
      <c r="LY23" s="119">
        <v>1053667</v>
      </c>
      <c r="LZ23" s="119">
        <v>2767096</v>
      </c>
      <c r="MA23" s="119">
        <v>4281255</v>
      </c>
      <c r="MB23" s="119">
        <v>6713619</v>
      </c>
      <c r="MC23" s="119">
        <v>7635559</v>
      </c>
      <c r="MD23" s="120">
        <v>22451196</v>
      </c>
      <c r="ME23" s="121">
        <v>22451196</v>
      </c>
      <c r="MF23" s="142">
        <v>0</v>
      </c>
      <c r="MG23" s="119">
        <v>0</v>
      </c>
      <c r="MH23" s="120">
        <v>0</v>
      </c>
      <c r="MI23" s="145"/>
      <c r="MJ23" s="119">
        <v>10254011</v>
      </c>
      <c r="MK23" s="119">
        <v>21177222</v>
      </c>
      <c r="ML23" s="119">
        <v>80701586</v>
      </c>
      <c r="MM23" s="119">
        <v>150689081</v>
      </c>
      <c r="MN23" s="119">
        <v>115193370</v>
      </c>
      <c r="MO23" s="120">
        <v>378015270</v>
      </c>
      <c r="MP23" s="143">
        <v>378015270</v>
      </c>
      <c r="MQ23" s="142">
        <v>0</v>
      </c>
      <c r="MR23" s="119">
        <v>0</v>
      </c>
      <c r="MS23" s="120">
        <v>0</v>
      </c>
      <c r="MT23" s="145"/>
      <c r="MU23" s="119">
        <v>1029524</v>
      </c>
      <c r="MV23" s="119">
        <v>3996363</v>
      </c>
      <c r="MW23" s="119">
        <v>47643331</v>
      </c>
      <c r="MX23" s="119">
        <v>110604184</v>
      </c>
      <c r="MY23" s="119">
        <v>78636631</v>
      </c>
      <c r="MZ23" s="120">
        <v>241910033</v>
      </c>
      <c r="NA23" s="143">
        <v>241910033</v>
      </c>
      <c r="NB23" s="142">
        <v>0</v>
      </c>
      <c r="NC23" s="119">
        <v>0</v>
      </c>
      <c r="ND23" s="120">
        <v>0</v>
      </c>
      <c r="NE23" s="145"/>
      <c r="NF23" s="119">
        <v>9224487</v>
      </c>
      <c r="NG23" s="119">
        <v>17180859</v>
      </c>
      <c r="NH23" s="119">
        <v>32625085</v>
      </c>
      <c r="NI23" s="119">
        <v>36838406</v>
      </c>
      <c r="NJ23" s="119">
        <v>26553207</v>
      </c>
      <c r="NK23" s="120">
        <v>122422044</v>
      </c>
      <c r="NL23" s="320">
        <v>122422044</v>
      </c>
      <c r="NM23" s="142">
        <v>0</v>
      </c>
      <c r="NN23" s="119">
        <v>0</v>
      </c>
      <c r="NO23" s="120">
        <v>0</v>
      </c>
      <c r="NP23" s="145"/>
      <c r="NQ23" s="119">
        <v>0</v>
      </c>
      <c r="NR23" s="119">
        <v>0</v>
      </c>
      <c r="NS23" s="119">
        <v>0</v>
      </c>
      <c r="NT23" s="119">
        <v>380019</v>
      </c>
      <c r="NU23" s="119">
        <v>1898184</v>
      </c>
      <c r="NV23" s="120">
        <v>2278203</v>
      </c>
      <c r="NW23" s="121">
        <v>2278203</v>
      </c>
      <c r="NX23" s="142">
        <v>0</v>
      </c>
      <c r="NY23" s="119">
        <v>0</v>
      </c>
      <c r="NZ23" s="120">
        <v>0</v>
      </c>
      <c r="OA23" s="145"/>
      <c r="OB23" s="119">
        <v>0</v>
      </c>
      <c r="OC23" s="119">
        <v>0</v>
      </c>
      <c r="OD23" s="119">
        <v>433170</v>
      </c>
      <c r="OE23" s="119">
        <v>2866472</v>
      </c>
      <c r="OF23" s="119">
        <v>8105348</v>
      </c>
      <c r="OG23" s="120">
        <v>11404990</v>
      </c>
      <c r="OH23" s="121">
        <v>11404990</v>
      </c>
      <c r="OI23" s="142">
        <v>8638387</v>
      </c>
      <c r="OJ23" s="119">
        <v>18232627</v>
      </c>
      <c r="OK23" s="141">
        <v>26871014</v>
      </c>
      <c r="OL23" s="118">
        <v>0</v>
      </c>
      <c r="OM23" s="119">
        <v>180514037</v>
      </c>
      <c r="ON23" s="119">
        <v>240082430</v>
      </c>
      <c r="OO23" s="119">
        <v>295035002</v>
      </c>
      <c r="OP23" s="119">
        <v>337655049</v>
      </c>
      <c r="OQ23" s="119">
        <v>252043447</v>
      </c>
      <c r="OR23" s="120">
        <v>1305329965</v>
      </c>
      <c r="OS23" s="143">
        <v>1332200979</v>
      </c>
    </row>
    <row r="24" spans="2:409" ht="21" customHeight="1" x14ac:dyDescent="0.2">
      <c r="B24" s="62" t="s">
        <v>19</v>
      </c>
      <c r="C24" s="110">
        <v>5236954</v>
      </c>
      <c r="D24" s="114">
        <v>9697280</v>
      </c>
      <c r="E24" s="113">
        <v>14934234</v>
      </c>
      <c r="F24" s="109">
        <v>0</v>
      </c>
      <c r="G24" s="114">
        <v>61689980</v>
      </c>
      <c r="H24" s="114">
        <v>69595540</v>
      </c>
      <c r="I24" s="114">
        <v>61283069</v>
      </c>
      <c r="J24" s="114">
        <v>49934306</v>
      </c>
      <c r="K24" s="114">
        <v>39304703</v>
      </c>
      <c r="L24" s="109">
        <v>281807598</v>
      </c>
      <c r="M24" s="116">
        <v>296741832</v>
      </c>
      <c r="N24" s="110">
        <v>1288290</v>
      </c>
      <c r="O24" s="114">
        <v>2108326</v>
      </c>
      <c r="P24" s="113">
        <v>3396616</v>
      </c>
      <c r="Q24" s="110">
        <v>0</v>
      </c>
      <c r="R24" s="114">
        <v>14957547</v>
      </c>
      <c r="S24" s="114">
        <v>16891963</v>
      </c>
      <c r="T24" s="114">
        <v>16350534</v>
      </c>
      <c r="U24" s="114">
        <v>17632458</v>
      </c>
      <c r="V24" s="114">
        <v>17730435</v>
      </c>
      <c r="W24" s="113">
        <v>83562937</v>
      </c>
      <c r="X24" s="116">
        <v>86959553</v>
      </c>
      <c r="Y24" s="110">
        <v>0</v>
      </c>
      <c r="Z24" s="114">
        <v>0</v>
      </c>
      <c r="AA24" s="113">
        <v>0</v>
      </c>
      <c r="AB24" s="110">
        <v>0</v>
      </c>
      <c r="AC24" s="114">
        <v>6308660</v>
      </c>
      <c r="AD24" s="114">
        <v>6990793</v>
      </c>
      <c r="AE24" s="114">
        <v>8326100</v>
      </c>
      <c r="AF24" s="114">
        <v>10127077</v>
      </c>
      <c r="AG24" s="114">
        <v>9595561</v>
      </c>
      <c r="AH24" s="113">
        <v>41348191</v>
      </c>
      <c r="AI24" s="116">
        <v>41348191</v>
      </c>
      <c r="AJ24" s="110">
        <v>0</v>
      </c>
      <c r="AK24" s="114">
        <v>0</v>
      </c>
      <c r="AL24" s="113">
        <v>0</v>
      </c>
      <c r="AM24" s="110">
        <v>0</v>
      </c>
      <c r="AN24" s="114">
        <v>185896</v>
      </c>
      <c r="AO24" s="114">
        <v>350808</v>
      </c>
      <c r="AP24" s="114">
        <v>743379</v>
      </c>
      <c r="AQ24" s="114">
        <v>1470997</v>
      </c>
      <c r="AR24" s="114">
        <v>2027386</v>
      </c>
      <c r="AS24" s="113">
        <v>4778466</v>
      </c>
      <c r="AT24" s="116">
        <v>4778466</v>
      </c>
      <c r="AU24" s="110">
        <v>698021</v>
      </c>
      <c r="AV24" s="114">
        <v>1548141</v>
      </c>
      <c r="AW24" s="113">
        <v>2246162</v>
      </c>
      <c r="AX24" s="110">
        <v>0</v>
      </c>
      <c r="AY24" s="114">
        <v>5616909</v>
      </c>
      <c r="AZ24" s="114">
        <v>6222866</v>
      </c>
      <c r="BA24" s="114">
        <v>4531948</v>
      </c>
      <c r="BB24" s="114">
        <v>3344103</v>
      </c>
      <c r="BC24" s="114">
        <v>3981600</v>
      </c>
      <c r="BD24" s="113">
        <v>23697426</v>
      </c>
      <c r="BE24" s="116">
        <v>25943588</v>
      </c>
      <c r="BF24" s="110">
        <v>81699</v>
      </c>
      <c r="BG24" s="114">
        <v>114390</v>
      </c>
      <c r="BH24" s="112">
        <v>196089</v>
      </c>
      <c r="BI24" s="111">
        <v>0</v>
      </c>
      <c r="BJ24" s="114">
        <v>668232</v>
      </c>
      <c r="BK24" s="114">
        <v>509741</v>
      </c>
      <c r="BL24" s="114">
        <v>187261</v>
      </c>
      <c r="BM24" s="114">
        <v>347998</v>
      </c>
      <c r="BN24" s="114">
        <v>199371</v>
      </c>
      <c r="BO24" s="113">
        <v>1912603</v>
      </c>
      <c r="BP24" s="116">
        <v>2108692</v>
      </c>
      <c r="BQ24" s="110">
        <v>508570</v>
      </c>
      <c r="BR24" s="114">
        <v>445795</v>
      </c>
      <c r="BS24" s="113">
        <v>954365</v>
      </c>
      <c r="BT24" s="110">
        <v>0</v>
      </c>
      <c r="BU24" s="114">
        <v>2177850</v>
      </c>
      <c r="BV24" s="114">
        <v>2817755</v>
      </c>
      <c r="BW24" s="114">
        <v>2561846</v>
      </c>
      <c r="BX24" s="114">
        <v>2342283</v>
      </c>
      <c r="BY24" s="114">
        <v>1926517</v>
      </c>
      <c r="BZ24" s="113">
        <v>11826251</v>
      </c>
      <c r="CA24" s="116">
        <v>12780616</v>
      </c>
      <c r="CB24" s="110">
        <v>807306</v>
      </c>
      <c r="CC24" s="114">
        <v>2789453</v>
      </c>
      <c r="CD24" s="113">
        <v>3596759</v>
      </c>
      <c r="CE24" s="110">
        <v>0</v>
      </c>
      <c r="CF24" s="114">
        <v>19329570</v>
      </c>
      <c r="CG24" s="114">
        <v>23419122</v>
      </c>
      <c r="CH24" s="114">
        <v>17645939</v>
      </c>
      <c r="CI24" s="114">
        <v>9639123</v>
      </c>
      <c r="CJ24" s="114">
        <v>5923467</v>
      </c>
      <c r="CK24" s="113">
        <v>75957221</v>
      </c>
      <c r="CL24" s="116">
        <v>79553980</v>
      </c>
      <c r="CM24" s="110">
        <v>0</v>
      </c>
      <c r="CN24" s="114">
        <v>0</v>
      </c>
      <c r="CO24" s="113">
        <v>0</v>
      </c>
      <c r="CP24" s="111">
        <v>0</v>
      </c>
      <c r="CQ24" s="114">
        <v>14391496</v>
      </c>
      <c r="CR24" s="114">
        <v>17702058</v>
      </c>
      <c r="CS24" s="114">
        <v>12880341</v>
      </c>
      <c r="CT24" s="114">
        <v>6823508</v>
      </c>
      <c r="CU24" s="114">
        <v>4555737</v>
      </c>
      <c r="CV24" s="113">
        <v>56353140</v>
      </c>
      <c r="CW24" s="116">
        <v>56353140</v>
      </c>
      <c r="CX24" s="110">
        <v>807306</v>
      </c>
      <c r="CY24" s="114">
        <v>2789453</v>
      </c>
      <c r="CZ24" s="113">
        <v>3596759</v>
      </c>
      <c r="DA24" s="110">
        <v>0</v>
      </c>
      <c r="DB24" s="114">
        <v>4938074</v>
      </c>
      <c r="DC24" s="114">
        <v>5717064</v>
      </c>
      <c r="DD24" s="114">
        <v>4765598</v>
      </c>
      <c r="DE24" s="114">
        <v>2815615</v>
      </c>
      <c r="DF24" s="114">
        <v>1367730</v>
      </c>
      <c r="DG24" s="113">
        <v>19604081</v>
      </c>
      <c r="DH24" s="116">
        <v>23200840</v>
      </c>
      <c r="DI24" s="110">
        <v>0</v>
      </c>
      <c r="DJ24" s="114">
        <v>35688</v>
      </c>
      <c r="DK24" s="112">
        <v>35688</v>
      </c>
      <c r="DL24" s="111">
        <v>0</v>
      </c>
      <c r="DM24" s="114">
        <v>1140992</v>
      </c>
      <c r="DN24" s="114">
        <v>2957060</v>
      </c>
      <c r="DO24" s="114">
        <v>5879555</v>
      </c>
      <c r="DP24" s="114">
        <v>2833609</v>
      </c>
      <c r="DQ24" s="114">
        <v>1833384</v>
      </c>
      <c r="DR24" s="113">
        <v>14644600</v>
      </c>
      <c r="DS24" s="116">
        <v>14680288</v>
      </c>
      <c r="DT24" s="110">
        <v>0</v>
      </c>
      <c r="DU24" s="114">
        <v>14772</v>
      </c>
      <c r="DV24" s="113">
        <v>14772</v>
      </c>
      <c r="DW24" s="110">
        <v>0</v>
      </c>
      <c r="DX24" s="114">
        <v>942175</v>
      </c>
      <c r="DY24" s="114">
        <v>2097338</v>
      </c>
      <c r="DZ24" s="114">
        <v>5304179</v>
      </c>
      <c r="EA24" s="114">
        <v>1443101</v>
      </c>
      <c r="EB24" s="114">
        <v>1581464</v>
      </c>
      <c r="EC24" s="113">
        <v>11368257</v>
      </c>
      <c r="ED24" s="116">
        <v>11383029</v>
      </c>
      <c r="EE24" s="110">
        <v>0</v>
      </c>
      <c r="EF24" s="112">
        <v>20916</v>
      </c>
      <c r="EG24" s="113">
        <v>20916</v>
      </c>
      <c r="EH24" s="110">
        <v>0</v>
      </c>
      <c r="EI24" s="114">
        <v>198817</v>
      </c>
      <c r="EJ24" s="114">
        <v>859722</v>
      </c>
      <c r="EK24" s="114">
        <v>575376</v>
      </c>
      <c r="EL24" s="114">
        <v>1390508</v>
      </c>
      <c r="EM24" s="114">
        <v>251920</v>
      </c>
      <c r="EN24" s="112">
        <v>3276343</v>
      </c>
      <c r="EO24" s="116">
        <v>3297259</v>
      </c>
      <c r="EP24" s="110">
        <v>0</v>
      </c>
      <c r="EQ24" s="114">
        <v>0</v>
      </c>
      <c r="ER24" s="112">
        <v>0</v>
      </c>
      <c r="ES24" s="111">
        <v>0</v>
      </c>
      <c r="ET24" s="114">
        <v>0</v>
      </c>
      <c r="EU24" s="114">
        <v>0</v>
      </c>
      <c r="EV24" s="114">
        <v>0</v>
      </c>
      <c r="EW24" s="114">
        <v>0</v>
      </c>
      <c r="EX24" s="114">
        <v>0</v>
      </c>
      <c r="EY24" s="113">
        <v>0</v>
      </c>
      <c r="EZ24" s="116">
        <v>0</v>
      </c>
      <c r="FA24" s="110">
        <v>0</v>
      </c>
      <c r="FB24" s="114">
        <v>0</v>
      </c>
      <c r="FC24" s="112">
        <v>0</v>
      </c>
      <c r="FD24" s="347"/>
      <c r="FE24" s="114">
        <v>0</v>
      </c>
      <c r="FF24" s="114">
        <v>0</v>
      </c>
      <c r="FG24" s="114">
        <v>0</v>
      </c>
      <c r="FH24" s="114">
        <v>0</v>
      </c>
      <c r="FI24" s="114">
        <v>0</v>
      </c>
      <c r="FJ24" s="113">
        <v>0</v>
      </c>
      <c r="FK24" s="116">
        <v>0</v>
      </c>
      <c r="FL24" s="110">
        <v>1436552</v>
      </c>
      <c r="FM24" s="114">
        <v>2101734</v>
      </c>
      <c r="FN24" s="113">
        <v>3538286</v>
      </c>
      <c r="FO24" s="110">
        <v>0</v>
      </c>
      <c r="FP24" s="114">
        <v>3856708</v>
      </c>
      <c r="FQ24" s="114">
        <v>6504092</v>
      </c>
      <c r="FR24" s="114">
        <v>4523804</v>
      </c>
      <c r="FS24" s="114">
        <v>4146460</v>
      </c>
      <c r="FT24" s="114">
        <v>3890244</v>
      </c>
      <c r="FU24" s="113">
        <v>22921308</v>
      </c>
      <c r="FV24" s="116">
        <v>26459594</v>
      </c>
      <c r="FW24" s="115">
        <v>757825</v>
      </c>
      <c r="FX24" s="114">
        <v>1400023</v>
      </c>
      <c r="FY24" s="112">
        <v>2157848</v>
      </c>
      <c r="FZ24" s="111">
        <v>0</v>
      </c>
      <c r="GA24" s="114">
        <v>3529435</v>
      </c>
      <c r="GB24" s="114">
        <v>5905014</v>
      </c>
      <c r="GC24" s="114">
        <v>4443796</v>
      </c>
      <c r="GD24" s="114">
        <v>3602929</v>
      </c>
      <c r="GE24" s="114">
        <v>3514237</v>
      </c>
      <c r="GF24" s="113">
        <v>20995411</v>
      </c>
      <c r="GG24" s="318">
        <v>23153259</v>
      </c>
      <c r="GH24" s="115">
        <v>111276</v>
      </c>
      <c r="GI24" s="114">
        <v>211602</v>
      </c>
      <c r="GJ24" s="112">
        <v>322878</v>
      </c>
      <c r="GK24" s="111">
        <v>0</v>
      </c>
      <c r="GL24" s="114">
        <v>161134</v>
      </c>
      <c r="GM24" s="114">
        <v>215358</v>
      </c>
      <c r="GN24" s="114">
        <v>22880</v>
      </c>
      <c r="GO24" s="114">
        <v>179443</v>
      </c>
      <c r="GP24" s="114">
        <v>78606</v>
      </c>
      <c r="GQ24" s="113">
        <v>657421</v>
      </c>
      <c r="GR24" s="116">
        <v>980299</v>
      </c>
      <c r="GS24" s="110">
        <v>567451</v>
      </c>
      <c r="GT24" s="114">
        <v>490109</v>
      </c>
      <c r="GU24" s="113">
        <v>1057560</v>
      </c>
      <c r="GV24" s="110">
        <v>0</v>
      </c>
      <c r="GW24" s="114">
        <v>166139</v>
      </c>
      <c r="GX24" s="114">
        <v>383720</v>
      </c>
      <c r="GY24" s="114">
        <v>57128</v>
      </c>
      <c r="GZ24" s="114">
        <v>364088</v>
      </c>
      <c r="HA24" s="114">
        <v>297401</v>
      </c>
      <c r="HB24" s="112">
        <v>1268476</v>
      </c>
      <c r="HC24" s="116">
        <v>2326036</v>
      </c>
      <c r="HD24" s="110">
        <v>874242</v>
      </c>
      <c r="HE24" s="114">
        <v>1263247</v>
      </c>
      <c r="HF24" s="112">
        <v>2137489</v>
      </c>
      <c r="HG24" s="111">
        <v>0</v>
      </c>
      <c r="HH24" s="114">
        <v>11596935</v>
      </c>
      <c r="HI24" s="114">
        <v>11513276</v>
      </c>
      <c r="HJ24" s="114">
        <v>11097784</v>
      </c>
      <c r="HK24" s="114">
        <v>12046092</v>
      </c>
      <c r="HL24" s="114">
        <v>7539663</v>
      </c>
      <c r="HM24" s="113">
        <v>53793750</v>
      </c>
      <c r="HN24" s="109">
        <v>55931239</v>
      </c>
      <c r="HO24" s="115">
        <v>830564</v>
      </c>
      <c r="HP24" s="114">
        <v>1398832</v>
      </c>
      <c r="HQ24" s="113">
        <v>2229396</v>
      </c>
      <c r="HR24" s="110">
        <v>0</v>
      </c>
      <c r="HS24" s="114">
        <v>10808228</v>
      </c>
      <c r="HT24" s="114">
        <v>8310027</v>
      </c>
      <c r="HU24" s="114">
        <v>5785453</v>
      </c>
      <c r="HV24" s="114">
        <v>3636564</v>
      </c>
      <c r="HW24" s="114">
        <v>2387510</v>
      </c>
      <c r="HX24" s="112">
        <v>30927782</v>
      </c>
      <c r="HY24" s="116">
        <v>33157178</v>
      </c>
      <c r="HZ24" s="150">
        <v>50864</v>
      </c>
      <c r="IA24" s="135">
        <v>433296</v>
      </c>
      <c r="IB24" s="150">
        <v>484160</v>
      </c>
      <c r="IC24" s="134">
        <v>0</v>
      </c>
      <c r="ID24" s="135">
        <v>15011736</v>
      </c>
      <c r="IE24" s="136">
        <v>24533168</v>
      </c>
      <c r="IF24" s="137">
        <v>22713515</v>
      </c>
      <c r="IG24" s="135">
        <v>15547750</v>
      </c>
      <c r="IH24" s="137">
        <v>15151603</v>
      </c>
      <c r="II24" s="138">
        <v>92957772</v>
      </c>
      <c r="IJ24" s="150">
        <v>93441932</v>
      </c>
      <c r="IK24" s="232">
        <v>0</v>
      </c>
      <c r="IL24" s="236">
        <v>0</v>
      </c>
      <c r="IM24" s="237">
        <v>0</v>
      </c>
      <c r="IN24" s="140"/>
      <c r="IO24" s="119">
        <v>1131770</v>
      </c>
      <c r="IP24" s="119">
        <v>1183999</v>
      </c>
      <c r="IQ24" s="119">
        <v>543745</v>
      </c>
      <c r="IR24" s="119">
        <v>870598</v>
      </c>
      <c r="IS24" s="119">
        <v>1566677</v>
      </c>
      <c r="IT24" s="141">
        <v>5296789</v>
      </c>
      <c r="IU24" s="320">
        <v>5296789</v>
      </c>
      <c r="IV24" s="142">
        <v>0</v>
      </c>
      <c r="IW24" s="119">
        <v>0</v>
      </c>
      <c r="IX24" s="120">
        <v>0</v>
      </c>
      <c r="IY24" s="144"/>
      <c r="IZ24" s="119">
        <v>11459</v>
      </c>
      <c r="JA24" s="119">
        <v>38180</v>
      </c>
      <c r="JB24" s="119">
        <v>29495</v>
      </c>
      <c r="JC24" s="119">
        <v>76476</v>
      </c>
      <c r="JD24" s="119">
        <v>67563</v>
      </c>
      <c r="JE24" s="120">
        <v>223173</v>
      </c>
      <c r="JF24" s="121">
        <v>223173</v>
      </c>
      <c r="JG24" s="142">
        <v>0</v>
      </c>
      <c r="JH24" s="119">
        <v>0</v>
      </c>
      <c r="JI24" s="141">
        <v>0</v>
      </c>
      <c r="JJ24" s="118">
        <v>0</v>
      </c>
      <c r="JK24" s="119">
        <v>6502863</v>
      </c>
      <c r="JL24" s="119">
        <v>6057837</v>
      </c>
      <c r="JM24" s="119">
        <v>4205682</v>
      </c>
      <c r="JN24" s="119">
        <v>3113185</v>
      </c>
      <c r="JO24" s="119">
        <v>1335454</v>
      </c>
      <c r="JP24" s="120">
        <v>21215021</v>
      </c>
      <c r="JQ24" s="320">
        <v>21215021</v>
      </c>
      <c r="JR24" s="142">
        <v>0</v>
      </c>
      <c r="JS24" s="119">
        <v>0</v>
      </c>
      <c r="JT24" s="141">
        <v>0</v>
      </c>
      <c r="JU24" s="118">
        <v>0</v>
      </c>
      <c r="JV24" s="119">
        <v>917314</v>
      </c>
      <c r="JW24" s="119">
        <v>2103630</v>
      </c>
      <c r="JX24" s="119">
        <v>2140778</v>
      </c>
      <c r="JY24" s="119">
        <v>517796</v>
      </c>
      <c r="JZ24" s="119">
        <v>237486</v>
      </c>
      <c r="KA24" s="120">
        <v>5917004</v>
      </c>
      <c r="KB24" s="320">
        <v>5917004</v>
      </c>
      <c r="KC24" s="234">
        <v>50864</v>
      </c>
      <c r="KD24" s="230">
        <v>177716</v>
      </c>
      <c r="KE24" s="120">
        <v>228580</v>
      </c>
      <c r="KF24" s="118">
        <v>0</v>
      </c>
      <c r="KG24" s="119">
        <v>2961321</v>
      </c>
      <c r="KH24" s="119">
        <v>7586991</v>
      </c>
      <c r="KI24" s="119">
        <v>6228518</v>
      </c>
      <c r="KJ24" s="119">
        <v>4603126</v>
      </c>
      <c r="KK24" s="119">
        <v>3867472</v>
      </c>
      <c r="KL24" s="120">
        <v>25247428</v>
      </c>
      <c r="KM24" s="143">
        <v>25476008</v>
      </c>
      <c r="KN24" s="232">
        <v>0</v>
      </c>
      <c r="KO24" s="236">
        <v>255580</v>
      </c>
      <c r="KP24" s="237">
        <v>255580</v>
      </c>
      <c r="KQ24" s="140"/>
      <c r="KR24" s="119">
        <v>3289836</v>
      </c>
      <c r="KS24" s="119">
        <v>7091030</v>
      </c>
      <c r="KT24" s="119">
        <v>8904200</v>
      </c>
      <c r="KU24" s="119">
        <v>5981358</v>
      </c>
      <c r="KV24" s="119">
        <v>3881618</v>
      </c>
      <c r="KW24" s="120">
        <v>29148042</v>
      </c>
      <c r="KX24" s="320">
        <v>29403622</v>
      </c>
      <c r="KY24" s="142">
        <v>0</v>
      </c>
      <c r="KZ24" s="119">
        <v>0</v>
      </c>
      <c r="LA24" s="120">
        <v>0</v>
      </c>
      <c r="LB24" s="145"/>
      <c r="LC24" s="119">
        <v>0</v>
      </c>
      <c r="LD24" s="119">
        <v>0</v>
      </c>
      <c r="LE24" s="119">
        <v>0</v>
      </c>
      <c r="LF24" s="119">
        <v>0</v>
      </c>
      <c r="LG24" s="119">
        <v>0</v>
      </c>
      <c r="LH24" s="120">
        <v>0</v>
      </c>
      <c r="LI24" s="121">
        <v>0</v>
      </c>
      <c r="LJ24" s="142">
        <v>0</v>
      </c>
      <c r="LK24" s="119">
        <v>0</v>
      </c>
      <c r="LL24" s="120">
        <v>0</v>
      </c>
      <c r="LM24" s="145"/>
      <c r="LN24" s="119">
        <v>0</v>
      </c>
      <c r="LO24" s="119">
        <v>0</v>
      </c>
      <c r="LP24" s="119">
        <v>0</v>
      </c>
      <c r="LQ24" s="119">
        <v>0</v>
      </c>
      <c r="LR24" s="119">
        <v>0</v>
      </c>
      <c r="LS24" s="120">
        <v>0</v>
      </c>
      <c r="LT24" s="320">
        <v>0</v>
      </c>
      <c r="LU24" s="142">
        <v>0</v>
      </c>
      <c r="LV24" s="119">
        <v>0</v>
      </c>
      <c r="LW24" s="120">
        <v>0</v>
      </c>
      <c r="LX24" s="145"/>
      <c r="LY24" s="119">
        <v>197173</v>
      </c>
      <c r="LZ24" s="119">
        <v>471501</v>
      </c>
      <c r="MA24" s="119">
        <v>661097</v>
      </c>
      <c r="MB24" s="119">
        <v>385211</v>
      </c>
      <c r="MC24" s="119">
        <v>4195333</v>
      </c>
      <c r="MD24" s="120">
        <v>5910315</v>
      </c>
      <c r="ME24" s="121">
        <v>5910315</v>
      </c>
      <c r="MF24" s="142">
        <v>0</v>
      </c>
      <c r="MG24" s="119">
        <v>0</v>
      </c>
      <c r="MH24" s="120">
        <v>0</v>
      </c>
      <c r="MI24" s="145"/>
      <c r="MJ24" s="119">
        <v>3925669</v>
      </c>
      <c r="MK24" s="119">
        <v>14350763</v>
      </c>
      <c r="ML24" s="119">
        <v>55633639</v>
      </c>
      <c r="MM24" s="119">
        <v>58053734</v>
      </c>
      <c r="MN24" s="119">
        <v>40855339</v>
      </c>
      <c r="MO24" s="120">
        <v>172819144</v>
      </c>
      <c r="MP24" s="143">
        <v>172819144</v>
      </c>
      <c r="MQ24" s="142">
        <v>0</v>
      </c>
      <c r="MR24" s="119">
        <v>0</v>
      </c>
      <c r="MS24" s="120">
        <v>0</v>
      </c>
      <c r="MT24" s="145"/>
      <c r="MU24" s="119">
        <v>0</v>
      </c>
      <c r="MV24" s="119">
        <v>1694352</v>
      </c>
      <c r="MW24" s="119">
        <v>29408308</v>
      </c>
      <c r="MX24" s="119">
        <v>41374510</v>
      </c>
      <c r="MY24" s="119">
        <v>27803236</v>
      </c>
      <c r="MZ24" s="120">
        <v>100280406</v>
      </c>
      <c r="NA24" s="143">
        <v>100280406</v>
      </c>
      <c r="NB24" s="142">
        <v>0</v>
      </c>
      <c r="NC24" s="119">
        <v>0</v>
      </c>
      <c r="ND24" s="120">
        <v>0</v>
      </c>
      <c r="NE24" s="145"/>
      <c r="NF24" s="119">
        <v>3925669</v>
      </c>
      <c r="NG24" s="119">
        <v>12656411</v>
      </c>
      <c r="NH24" s="119">
        <v>26225331</v>
      </c>
      <c r="NI24" s="119">
        <v>14848564</v>
      </c>
      <c r="NJ24" s="119">
        <v>10836010</v>
      </c>
      <c r="NK24" s="120">
        <v>68491985</v>
      </c>
      <c r="NL24" s="320">
        <v>68491985</v>
      </c>
      <c r="NM24" s="142">
        <v>0</v>
      </c>
      <c r="NN24" s="119">
        <v>0</v>
      </c>
      <c r="NO24" s="120">
        <v>0</v>
      </c>
      <c r="NP24" s="145"/>
      <c r="NQ24" s="119">
        <v>0</v>
      </c>
      <c r="NR24" s="119">
        <v>0</v>
      </c>
      <c r="NS24" s="119">
        <v>0</v>
      </c>
      <c r="NT24" s="119">
        <v>0</v>
      </c>
      <c r="NU24" s="119">
        <v>0</v>
      </c>
      <c r="NV24" s="120">
        <v>0</v>
      </c>
      <c r="NW24" s="121">
        <v>0</v>
      </c>
      <c r="NX24" s="142">
        <v>0</v>
      </c>
      <c r="NY24" s="119">
        <v>0</v>
      </c>
      <c r="NZ24" s="120">
        <v>0</v>
      </c>
      <c r="OA24" s="145"/>
      <c r="OB24" s="119">
        <v>0</v>
      </c>
      <c r="OC24" s="119">
        <v>0</v>
      </c>
      <c r="OD24" s="119">
        <v>0</v>
      </c>
      <c r="OE24" s="119">
        <v>1830660</v>
      </c>
      <c r="OF24" s="119">
        <v>2216093</v>
      </c>
      <c r="OG24" s="120">
        <v>4046753</v>
      </c>
      <c r="OH24" s="121">
        <v>4046753</v>
      </c>
      <c r="OI24" s="142">
        <v>5287818</v>
      </c>
      <c r="OJ24" s="119">
        <v>10130576</v>
      </c>
      <c r="OK24" s="141">
        <v>15418394</v>
      </c>
      <c r="OL24" s="118">
        <v>0</v>
      </c>
      <c r="OM24" s="119">
        <v>80627385</v>
      </c>
      <c r="ON24" s="119">
        <v>108479471</v>
      </c>
      <c r="OO24" s="119">
        <v>139630223</v>
      </c>
      <c r="OP24" s="119">
        <v>123535790</v>
      </c>
      <c r="OQ24" s="119">
        <v>95311645</v>
      </c>
      <c r="OR24" s="120">
        <v>547584514</v>
      </c>
      <c r="OS24" s="143">
        <v>563002908</v>
      </c>
    </row>
    <row r="25" spans="2:409" ht="21" customHeight="1" x14ac:dyDescent="0.2">
      <c r="B25" s="62" t="s">
        <v>20</v>
      </c>
      <c r="C25" s="110">
        <v>4717900</v>
      </c>
      <c r="D25" s="114">
        <v>11269130</v>
      </c>
      <c r="E25" s="113">
        <v>15987030</v>
      </c>
      <c r="F25" s="110">
        <v>0</v>
      </c>
      <c r="G25" s="114">
        <v>81801454</v>
      </c>
      <c r="H25" s="114">
        <v>75545252</v>
      </c>
      <c r="I25" s="114">
        <v>76358537</v>
      </c>
      <c r="J25" s="114">
        <v>62617936</v>
      </c>
      <c r="K25" s="114">
        <v>39884252</v>
      </c>
      <c r="L25" s="173">
        <v>336207431</v>
      </c>
      <c r="M25" s="116">
        <v>352194461</v>
      </c>
      <c r="N25" s="110">
        <v>1630007</v>
      </c>
      <c r="O25" s="114">
        <v>3880988</v>
      </c>
      <c r="P25" s="113">
        <v>5510995</v>
      </c>
      <c r="Q25" s="110">
        <v>0</v>
      </c>
      <c r="R25" s="114">
        <v>23497605</v>
      </c>
      <c r="S25" s="114">
        <v>22534398</v>
      </c>
      <c r="T25" s="114">
        <v>23866027</v>
      </c>
      <c r="U25" s="114">
        <v>21545337</v>
      </c>
      <c r="V25" s="114">
        <v>17720154</v>
      </c>
      <c r="W25" s="113">
        <v>109163521</v>
      </c>
      <c r="X25" s="116">
        <v>114674516</v>
      </c>
      <c r="Y25" s="110">
        <v>0</v>
      </c>
      <c r="Z25" s="114">
        <v>0</v>
      </c>
      <c r="AA25" s="113">
        <v>0</v>
      </c>
      <c r="AB25" s="110">
        <v>0</v>
      </c>
      <c r="AC25" s="114">
        <v>9181941</v>
      </c>
      <c r="AD25" s="114">
        <v>9184249</v>
      </c>
      <c r="AE25" s="114">
        <v>13546750</v>
      </c>
      <c r="AF25" s="114">
        <v>11780740</v>
      </c>
      <c r="AG25" s="114">
        <v>9083698</v>
      </c>
      <c r="AH25" s="113">
        <v>52777378</v>
      </c>
      <c r="AI25" s="116">
        <v>52777378</v>
      </c>
      <c r="AJ25" s="110">
        <v>0</v>
      </c>
      <c r="AK25" s="114">
        <v>0</v>
      </c>
      <c r="AL25" s="113">
        <v>0</v>
      </c>
      <c r="AM25" s="110">
        <v>0</v>
      </c>
      <c r="AN25" s="114">
        <v>13727</v>
      </c>
      <c r="AO25" s="114">
        <v>365482</v>
      </c>
      <c r="AP25" s="114">
        <v>684938</v>
      </c>
      <c r="AQ25" s="114">
        <v>1457631</v>
      </c>
      <c r="AR25" s="114">
        <v>2937581</v>
      </c>
      <c r="AS25" s="113">
        <v>5459359</v>
      </c>
      <c r="AT25" s="116">
        <v>5459359</v>
      </c>
      <c r="AU25" s="110">
        <v>935446</v>
      </c>
      <c r="AV25" s="114">
        <v>2235101</v>
      </c>
      <c r="AW25" s="113">
        <v>3170547</v>
      </c>
      <c r="AX25" s="110">
        <v>0</v>
      </c>
      <c r="AY25" s="114">
        <v>8844562</v>
      </c>
      <c r="AZ25" s="114">
        <v>7849976</v>
      </c>
      <c r="BA25" s="114">
        <v>4988530</v>
      </c>
      <c r="BB25" s="114">
        <v>4232943</v>
      </c>
      <c r="BC25" s="114">
        <v>3383423</v>
      </c>
      <c r="BD25" s="113">
        <v>29299434</v>
      </c>
      <c r="BE25" s="116">
        <v>32469981</v>
      </c>
      <c r="BF25" s="110">
        <v>249873</v>
      </c>
      <c r="BG25" s="114">
        <v>1166097</v>
      </c>
      <c r="BH25" s="112">
        <v>1415970</v>
      </c>
      <c r="BI25" s="111">
        <v>0</v>
      </c>
      <c r="BJ25" s="114">
        <v>2124123</v>
      </c>
      <c r="BK25" s="114">
        <v>1939898</v>
      </c>
      <c r="BL25" s="114">
        <v>1278565</v>
      </c>
      <c r="BM25" s="114">
        <v>1193030</v>
      </c>
      <c r="BN25" s="114">
        <v>386269</v>
      </c>
      <c r="BO25" s="113">
        <v>6921885</v>
      </c>
      <c r="BP25" s="116">
        <v>8337855</v>
      </c>
      <c r="BQ25" s="110">
        <v>444688</v>
      </c>
      <c r="BR25" s="114">
        <v>479790</v>
      </c>
      <c r="BS25" s="113">
        <v>924478</v>
      </c>
      <c r="BT25" s="110">
        <v>0</v>
      </c>
      <c r="BU25" s="114">
        <v>3333252</v>
      </c>
      <c r="BV25" s="114">
        <v>3194793</v>
      </c>
      <c r="BW25" s="114">
        <v>3367244</v>
      </c>
      <c r="BX25" s="114">
        <v>2880993</v>
      </c>
      <c r="BY25" s="114">
        <v>1929183</v>
      </c>
      <c r="BZ25" s="113">
        <v>14705465</v>
      </c>
      <c r="CA25" s="116">
        <v>15629943</v>
      </c>
      <c r="CB25" s="110">
        <v>332989</v>
      </c>
      <c r="CC25" s="114">
        <v>1266677</v>
      </c>
      <c r="CD25" s="113">
        <v>1599666</v>
      </c>
      <c r="CE25" s="110">
        <v>0</v>
      </c>
      <c r="CF25" s="114">
        <v>23507331</v>
      </c>
      <c r="CG25" s="114">
        <v>20922409</v>
      </c>
      <c r="CH25" s="114">
        <v>18202638</v>
      </c>
      <c r="CI25" s="114">
        <v>10318839</v>
      </c>
      <c r="CJ25" s="114">
        <v>5831194</v>
      </c>
      <c r="CK25" s="113">
        <v>78782411</v>
      </c>
      <c r="CL25" s="116">
        <v>80382077</v>
      </c>
      <c r="CM25" s="110">
        <v>0</v>
      </c>
      <c r="CN25" s="114">
        <v>0</v>
      </c>
      <c r="CO25" s="113">
        <v>0</v>
      </c>
      <c r="CP25" s="111">
        <v>0</v>
      </c>
      <c r="CQ25" s="114">
        <v>15893627</v>
      </c>
      <c r="CR25" s="114">
        <v>14137463</v>
      </c>
      <c r="CS25" s="114">
        <v>13533158</v>
      </c>
      <c r="CT25" s="114">
        <v>7273216</v>
      </c>
      <c r="CU25" s="114">
        <v>3694680</v>
      </c>
      <c r="CV25" s="113">
        <v>54532144</v>
      </c>
      <c r="CW25" s="116">
        <v>54532144</v>
      </c>
      <c r="CX25" s="110">
        <v>332989</v>
      </c>
      <c r="CY25" s="114">
        <v>1266677</v>
      </c>
      <c r="CZ25" s="113">
        <v>1599666</v>
      </c>
      <c r="DA25" s="110">
        <v>0</v>
      </c>
      <c r="DB25" s="114">
        <v>7613704</v>
      </c>
      <c r="DC25" s="114">
        <v>6784946</v>
      </c>
      <c r="DD25" s="114">
        <v>4669480</v>
      </c>
      <c r="DE25" s="114">
        <v>3045623</v>
      </c>
      <c r="DF25" s="114">
        <v>2136514</v>
      </c>
      <c r="DG25" s="113">
        <v>24250267</v>
      </c>
      <c r="DH25" s="116">
        <v>25849933</v>
      </c>
      <c r="DI25" s="110">
        <v>26273</v>
      </c>
      <c r="DJ25" s="114">
        <v>221619</v>
      </c>
      <c r="DK25" s="112">
        <v>247892</v>
      </c>
      <c r="DL25" s="111">
        <v>0</v>
      </c>
      <c r="DM25" s="114">
        <v>2774017</v>
      </c>
      <c r="DN25" s="114">
        <v>6016448</v>
      </c>
      <c r="DO25" s="114">
        <v>10368600</v>
      </c>
      <c r="DP25" s="114">
        <v>7634445</v>
      </c>
      <c r="DQ25" s="114">
        <v>3007686</v>
      </c>
      <c r="DR25" s="113">
        <v>29801196</v>
      </c>
      <c r="DS25" s="116">
        <v>30049088</v>
      </c>
      <c r="DT25" s="110">
        <v>26273</v>
      </c>
      <c r="DU25" s="114">
        <v>221619</v>
      </c>
      <c r="DV25" s="113">
        <v>247892</v>
      </c>
      <c r="DW25" s="110">
        <v>0</v>
      </c>
      <c r="DX25" s="114">
        <v>2700995</v>
      </c>
      <c r="DY25" s="114">
        <v>5787331</v>
      </c>
      <c r="DZ25" s="114">
        <v>9511773</v>
      </c>
      <c r="EA25" s="114">
        <v>7301620</v>
      </c>
      <c r="EB25" s="114">
        <v>2585582</v>
      </c>
      <c r="EC25" s="113">
        <v>27887301</v>
      </c>
      <c r="ED25" s="116">
        <v>28135193</v>
      </c>
      <c r="EE25" s="110">
        <v>0</v>
      </c>
      <c r="EF25" s="112">
        <v>0</v>
      </c>
      <c r="EG25" s="113">
        <v>0</v>
      </c>
      <c r="EH25" s="110">
        <v>0</v>
      </c>
      <c r="EI25" s="114">
        <v>73022</v>
      </c>
      <c r="EJ25" s="114">
        <v>229117</v>
      </c>
      <c r="EK25" s="114">
        <v>856827</v>
      </c>
      <c r="EL25" s="114">
        <v>332825</v>
      </c>
      <c r="EM25" s="114">
        <v>422104</v>
      </c>
      <c r="EN25" s="112">
        <v>1913895</v>
      </c>
      <c r="EO25" s="116">
        <v>1913895</v>
      </c>
      <c r="EP25" s="110">
        <v>0</v>
      </c>
      <c r="EQ25" s="114">
        <v>0</v>
      </c>
      <c r="ER25" s="112">
        <v>0</v>
      </c>
      <c r="ES25" s="111">
        <v>0</v>
      </c>
      <c r="ET25" s="114">
        <v>0</v>
      </c>
      <c r="EU25" s="114">
        <v>0</v>
      </c>
      <c r="EV25" s="114">
        <v>0</v>
      </c>
      <c r="EW25" s="114">
        <v>0</v>
      </c>
      <c r="EX25" s="114">
        <v>0</v>
      </c>
      <c r="EY25" s="113">
        <v>0</v>
      </c>
      <c r="EZ25" s="116">
        <v>0</v>
      </c>
      <c r="FA25" s="110">
        <v>0</v>
      </c>
      <c r="FB25" s="114">
        <v>0</v>
      </c>
      <c r="FC25" s="112">
        <v>0</v>
      </c>
      <c r="FD25" s="347"/>
      <c r="FE25" s="114">
        <v>0</v>
      </c>
      <c r="FF25" s="114">
        <v>0</v>
      </c>
      <c r="FG25" s="114">
        <v>0</v>
      </c>
      <c r="FH25" s="114">
        <v>0</v>
      </c>
      <c r="FI25" s="114">
        <v>0</v>
      </c>
      <c r="FJ25" s="113">
        <v>0</v>
      </c>
      <c r="FK25" s="116">
        <v>0</v>
      </c>
      <c r="FL25" s="110">
        <v>990325</v>
      </c>
      <c r="FM25" s="114">
        <v>2411883</v>
      </c>
      <c r="FN25" s="113">
        <v>3402208</v>
      </c>
      <c r="FO25" s="110">
        <v>0</v>
      </c>
      <c r="FP25" s="114">
        <v>6431553</v>
      </c>
      <c r="FQ25" s="114">
        <v>7562432</v>
      </c>
      <c r="FR25" s="114">
        <v>5761962</v>
      </c>
      <c r="FS25" s="114">
        <v>4864975</v>
      </c>
      <c r="FT25" s="114">
        <v>2941964</v>
      </c>
      <c r="FU25" s="113">
        <v>27562886</v>
      </c>
      <c r="FV25" s="116">
        <v>30965094</v>
      </c>
      <c r="FW25" s="115">
        <v>604342</v>
      </c>
      <c r="FX25" s="114">
        <v>2071887</v>
      </c>
      <c r="FY25" s="112">
        <v>2676229</v>
      </c>
      <c r="FZ25" s="111">
        <v>0</v>
      </c>
      <c r="GA25" s="114">
        <v>4593217</v>
      </c>
      <c r="GB25" s="114">
        <v>6546192</v>
      </c>
      <c r="GC25" s="114">
        <v>5305743</v>
      </c>
      <c r="GD25" s="114">
        <v>4726971</v>
      </c>
      <c r="GE25" s="114">
        <v>2906594</v>
      </c>
      <c r="GF25" s="113">
        <v>24078717</v>
      </c>
      <c r="GG25" s="318">
        <v>26754946</v>
      </c>
      <c r="GH25" s="115">
        <v>68013</v>
      </c>
      <c r="GI25" s="114">
        <v>37800</v>
      </c>
      <c r="GJ25" s="112">
        <v>105813</v>
      </c>
      <c r="GK25" s="111">
        <v>0</v>
      </c>
      <c r="GL25" s="114">
        <v>332149</v>
      </c>
      <c r="GM25" s="114">
        <v>173350</v>
      </c>
      <c r="GN25" s="114">
        <v>187029</v>
      </c>
      <c r="GO25" s="114">
        <v>138004</v>
      </c>
      <c r="GP25" s="114">
        <v>35370</v>
      </c>
      <c r="GQ25" s="113">
        <v>865902</v>
      </c>
      <c r="GR25" s="116">
        <v>971715</v>
      </c>
      <c r="GS25" s="110">
        <v>317970</v>
      </c>
      <c r="GT25" s="114">
        <v>302196</v>
      </c>
      <c r="GU25" s="113">
        <v>620166</v>
      </c>
      <c r="GV25" s="110">
        <v>0</v>
      </c>
      <c r="GW25" s="114">
        <v>1506187</v>
      </c>
      <c r="GX25" s="114">
        <v>842890</v>
      </c>
      <c r="GY25" s="114">
        <v>269190</v>
      </c>
      <c r="GZ25" s="114">
        <v>0</v>
      </c>
      <c r="HA25" s="114">
        <v>0</v>
      </c>
      <c r="HB25" s="112">
        <v>2618267</v>
      </c>
      <c r="HC25" s="116">
        <v>3238433</v>
      </c>
      <c r="HD25" s="110">
        <v>886250</v>
      </c>
      <c r="HE25" s="114">
        <v>1419549</v>
      </c>
      <c r="HF25" s="112">
        <v>2305799</v>
      </c>
      <c r="HG25" s="111">
        <v>0</v>
      </c>
      <c r="HH25" s="114">
        <v>12006961</v>
      </c>
      <c r="HI25" s="114">
        <v>9908874</v>
      </c>
      <c r="HJ25" s="114">
        <v>10919828</v>
      </c>
      <c r="HK25" s="114">
        <v>13925001</v>
      </c>
      <c r="HL25" s="114">
        <v>8179087</v>
      </c>
      <c r="HM25" s="113">
        <v>54939751</v>
      </c>
      <c r="HN25" s="109">
        <v>57245550</v>
      </c>
      <c r="HO25" s="115">
        <v>852056</v>
      </c>
      <c r="HP25" s="114">
        <v>2068414</v>
      </c>
      <c r="HQ25" s="113">
        <v>2920470</v>
      </c>
      <c r="HR25" s="110">
        <v>0</v>
      </c>
      <c r="HS25" s="114">
        <v>13583987</v>
      </c>
      <c r="HT25" s="114">
        <v>8600691</v>
      </c>
      <c r="HU25" s="114">
        <v>7239482</v>
      </c>
      <c r="HV25" s="114">
        <v>4329339</v>
      </c>
      <c r="HW25" s="114">
        <v>2204167</v>
      </c>
      <c r="HX25" s="112">
        <v>35957666</v>
      </c>
      <c r="HY25" s="116">
        <v>38878136</v>
      </c>
      <c r="HZ25" s="131">
        <v>41234</v>
      </c>
      <c r="IA25" s="132">
        <v>324004</v>
      </c>
      <c r="IB25" s="133">
        <v>365238</v>
      </c>
      <c r="IC25" s="146">
        <v>0</v>
      </c>
      <c r="ID25" s="132">
        <v>13839381</v>
      </c>
      <c r="IE25" s="147">
        <v>14883680</v>
      </c>
      <c r="IF25" s="133">
        <v>17787396</v>
      </c>
      <c r="IG25" s="132">
        <v>9236462</v>
      </c>
      <c r="IH25" s="133">
        <v>4460586</v>
      </c>
      <c r="II25" s="148">
        <v>60207505</v>
      </c>
      <c r="IJ25" s="139">
        <v>60572743</v>
      </c>
      <c r="IK25" s="232">
        <v>0</v>
      </c>
      <c r="IL25" s="236">
        <v>0</v>
      </c>
      <c r="IM25" s="237">
        <v>0</v>
      </c>
      <c r="IN25" s="140"/>
      <c r="IO25" s="119">
        <v>88369</v>
      </c>
      <c r="IP25" s="119">
        <v>0</v>
      </c>
      <c r="IQ25" s="119">
        <v>0</v>
      </c>
      <c r="IR25" s="119">
        <v>0</v>
      </c>
      <c r="IS25" s="119">
        <v>0</v>
      </c>
      <c r="IT25" s="141">
        <v>88369</v>
      </c>
      <c r="IU25" s="320">
        <v>88369</v>
      </c>
      <c r="IV25" s="142">
        <v>0</v>
      </c>
      <c r="IW25" s="119">
        <v>0</v>
      </c>
      <c r="IX25" s="120">
        <v>0</v>
      </c>
      <c r="IY25" s="144"/>
      <c r="IZ25" s="119">
        <v>0</v>
      </c>
      <c r="JA25" s="119">
        <v>0</v>
      </c>
      <c r="JB25" s="119">
        <v>0</v>
      </c>
      <c r="JC25" s="119">
        <v>0</v>
      </c>
      <c r="JD25" s="119">
        <v>0</v>
      </c>
      <c r="JE25" s="120">
        <v>0</v>
      </c>
      <c r="JF25" s="121">
        <v>0</v>
      </c>
      <c r="JG25" s="142">
        <v>0</v>
      </c>
      <c r="JH25" s="119">
        <v>0</v>
      </c>
      <c r="JI25" s="141">
        <v>0</v>
      </c>
      <c r="JJ25" s="118">
        <v>0</v>
      </c>
      <c r="JK25" s="119">
        <v>6698407</v>
      </c>
      <c r="JL25" s="119">
        <v>4843958</v>
      </c>
      <c r="JM25" s="119">
        <v>4643449</v>
      </c>
      <c r="JN25" s="119">
        <v>2040896</v>
      </c>
      <c r="JO25" s="119">
        <v>197195</v>
      </c>
      <c r="JP25" s="120">
        <v>18423905</v>
      </c>
      <c r="JQ25" s="320">
        <v>18423905</v>
      </c>
      <c r="JR25" s="142">
        <v>0</v>
      </c>
      <c r="JS25" s="119">
        <v>0</v>
      </c>
      <c r="JT25" s="141">
        <v>0</v>
      </c>
      <c r="JU25" s="118">
        <v>0</v>
      </c>
      <c r="JV25" s="119">
        <v>64642</v>
      </c>
      <c r="JW25" s="119">
        <v>243167</v>
      </c>
      <c r="JX25" s="119">
        <v>206066</v>
      </c>
      <c r="JY25" s="119">
        <v>0</v>
      </c>
      <c r="JZ25" s="119">
        <v>315604</v>
      </c>
      <c r="KA25" s="120">
        <v>829479</v>
      </c>
      <c r="KB25" s="320">
        <v>829479</v>
      </c>
      <c r="KC25" s="234">
        <v>41234</v>
      </c>
      <c r="KD25" s="230">
        <v>65426</v>
      </c>
      <c r="KE25" s="120">
        <v>106660</v>
      </c>
      <c r="KF25" s="118">
        <v>0</v>
      </c>
      <c r="KG25" s="119">
        <v>1419105</v>
      </c>
      <c r="KH25" s="119">
        <v>2606845</v>
      </c>
      <c r="KI25" s="119">
        <v>2526096</v>
      </c>
      <c r="KJ25" s="119">
        <v>1154989</v>
      </c>
      <c r="KK25" s="119">
        <v>305530</v>
      </c>
      <c r="KL25" s="120">
        <v>8012565</v>
      </c>
      <c r="KM25" s="143">
        <v>8119225</v>
      </c>
      <c r="KN25" s="232">
        <v>0</v>
      </c>
      <c r="KO25" s="236">
        <v>258578</v>
      </c>
      <c r="KP25" s="237">
        <v>258578</v>
      </c>
      <c r="KQ25" s="140"/>
      <c r="KR25" s="119">
        <v>5568858</v>
      </c>
      <c r="KS25" s="119">
        <v>7189710</v>
      </c>
      <c r="KT25" s="119">
        <v>10411785</v>
      </c>
      <c r="KU25" s="119">
        <v>6040577</v>
      </c>
      <c r="KV25" s="119">
        <v>3642257</v>
      </c>
      <c r="KW25" s="120">
        <v>32853187</v>
      </c>
      <c r="KX25" s="320">
        <v>33111765</v>
      </c>
      <c r="KY25" s="142">
        <v>0</v>
      </c>
      <c r="KZ25" s="119">
        <v>0</v>
      </c>
      <c r="LA25" s="120">
        <v>0</v>
      </c>
      <c r="LB25" s="145"/>
      <c r="LC25" s="119">
        <v>0</v>
      </c>
      <c r="LD25" s="119">
        <v>0</v>
      </c>
      <c r="LE25" s="119">
        <v>0</v>
      </c>
      <c r="LF25" s="119">
        <v>0</v>
      </c>
      <c r="LG25" s="119">
        <v>0</v>
      </c>
      <c r="LH25" s="120">
        <v>0</v>
      </c>
      <c r="LI25" s="121">
        <v>0</v>
      </c>
      <c r="LJ25" s="142">
        <v>0</v>
      </c>
      <c r="LK25" s="119">
        <v>0</v>
      </c>
      <c r="LL25" s="120">
        <v>0</v>
      </c>
      <c r="LM25" s="145"/>
      <c r="LN25" s="119">
        <v>0</v>
      </c>
      <c r="LO25" s="119">
        <v>0</v>
      </c>
      <c r="LP25" s="119">
        <v>0</v>
      </c>
      <c r="LQ25" s="119">
        <v>0</v>
      </c>
      <c r="LR25" s="119">
        <v>0</v>
      </c>
      <c r="LS25" s="120">
        <v>0</v>
      </c>
      <c r="LT25" s="320">
        <v>0</v>
      </c>
      <c r="LU25" s="142">
        <v>0</v>
      </c>
      <c r="LV25" s="119">
        <v>0</v>
      </c>
      <c r="LW25" s="120">
        <v>0</v>
      </c>
      <c r="LX25" s="145"/>
      <c r="LY25" s="119">
        <v>0</v>
      </c>
      <c r="LZ25" s="119">
        <v>0</v>
      </c>
      <c r="MA25" s="119">
        <v>0</v>
      </c>
      <c r="MB25" s="119">
        <v>0</v>
      </c>
      <c r="MC25" s="119">
        <v>0</v>
      </c>
      <c r="MD25" s="120">
        <v>0</v>
      </c>
      <c r="ME25" s="121">
        <v>0</v>
      </c>
      <c r="MF25" s="142">
        <v>0</v>
      </c>
      <c r="MG25" s="119">
        <v>0</v>
      </c>
      <c r="MH25" s="120">
        <v>0</v>
      </c>
      <c r="MI25" s="145"/>
      <c r="MJ25" s="119">
        <v>4509796</v>
      </c>
      <c r="MK25" s="119">
        <v>19317830</v>
      </c>
      <c r="ML25" s="119">
        <v>48176600</v>
      </c>
      <c r="MM25" s="119">
        <v>74008065</v>
      </c>
      <c r="MN25" s="119">
        <v>41906937</v>
      </c>
      <c r="MO25" s="120">
        <v>187919228</v>
      </c>
      <c r="MP25" s="143">
        <v>187919228</v>
      </c>
      <c r="MQ25" s="142">
        <v>0</v>
      </c>
      <c r="MR25" s="119">
        <v>0</v>
      </c>
      <c r="MS25" s="120">
        <v>0</v>
      </c>
      <c r="MT25" s="145"/>
      <c r="MU25" s="119">
        <v>687234</v>
      </c>
      <c r="MV25" s="119">
        <v>7161093</v>
      </c>
      <c r="MW25" s="119">
        <v>34704945</v>
      </c>
      <c r="MX25" s="119">
        <v>58014088</v>
      </c>
      <c r="MY25" s="119">
        <v>32896306</v>
      </c>
      <c r="MZ25" s="120">
        <v>133463666</v>
      </c>
      <c r="NA25" s="143">
        <v>133463666</v>
      </c>
      <c r="NB25" s="142">
        <v>0</v>
      </c>
      <c r="NC25" s="119">
        <v>0</v>
      </c>
      <c r="ND25" s="120">
        <v>0</v>
      </c>
      <c r="NE25" s="145"/>
      <c r="NF25" s="119">
        <v>3822562</v>
      </c>
      <c r="NG25" s="119">
        <v>12156737</v>
      </c>
      <c r="NH25" s="119">
        <v>13471655</v>
      </c>
      <c r="NI25" s="119">
        <v>15232145</v>
      </c>
      <c r="NJ25" s="119">
        <v>6941256</v>
      </c>
      <c r="NK25" s="120">
        <v>51624355</v>
      </c>
      <c r="NL25" s="320">
        <v>51624355</v>
      </c>
      <c r="NM25" s="142">
        <v>0</v>
      </c>
      <c r="NN25" s="119">
        <v>0</v>
      </c>
      <c r="NO25" s="120">
        <v>0</v>
      </c>
      <c r="NP25" s="145"/>
      <c r="NQ25" s="119">
        <v>0</v>
      </c>
      <c r="NR25" s="119">
        <v>0</v>
      </c>
      <c r="NS25" s="119">
        <v>0</v>
      </c>
      <c r="NT25" s="119">
        <v>326232</v>
      </c>
      <c r="NU25" s="119">
        <v>0</v>
      </c>
      <c r="NV25" s="120">
        <v>326232</v>
      </c>
      <c r="NW25" s="121">
        <v>326232</v>
      </c>
      <c r="NX25" s="142">
        <v>0</v>
      </c>
      <c r="NY25" s="119">
        <v>0</v>
      </c>
      <c r="NZ25" s="120">
        <v>0</v>
      </c>
      <c r="OA25" s="145"/>
      <c r="OB25" s="119">
        <v>0</v>
      </c>
      <c r="OC25" s="119">
        <v>0</v>
      </c>
      <c r="OD25" s="119">
        <v>0</v>
      </c>
      <c r="OE25" s="119">
        <v>435600</v>
      </c>
      <c r="OF25" s="119">
        <v>2069375</v>
      </c>
      <c r="OG25" s="120">
        <v>2504975</v>
      </c>
      <c r="OH25" s="121">
        <v>2504975</v>
      </c>
      <c r="OI25" s="142">
        <v>4759134</v>
      </c>
      <c r="OJ25" s="119">
        <v>11593134</v>
      </c>
      <c r="OK25" s="141">
        <v>16352268</v>
      </c>
      <c r="OL25" s="118">
        <v>0</v>
      </c>
      <c r="OM25" s="119">
        <v>100150631</v>
      </c>
      <c r="ON25" s="119">
        <v>109746762</v>
      </c>
      <c r="OO25" s="119">
        <v>142322533</v>
      </c>
      <c r="OP25" s="119">
        <v>145862463</v>
      </c>
      <c r="OQ25" s="119">
        <v>86251775</v>
      </c>
      <c r="OR25" s="120">
        <v>584334164</v>
      </c>
      <c r="OS25" s="143">
        <v>600686432</v>
      </c>
    </row>
    <row r="26" spans="2:409" ht="21" customHeight="1" x14ac:dyDescent="0.2">
      <c r="B26" s="62" t="s">
        <v>21</v>
      </c>
      <c r="C26" s="110">
        <v>5470353</v>
      </c>
      <c r="D26" s="114">
        <v>11472369</v>
      </c>
      <c r="E26" s="113">
        <v>16942722</v>
      </c>
      <c r="F26" s="109">
        <v>0</v>
      </c>
      <c r="G26" s="114">
        <v>67919199</v>
      </c>
      <c r="H26" s="114">
        <v>103173840</v>
      </c>
      <c r="I26" s="114">
        <v>94136471</v>
      </c>
      <c r="J26" s="114">
        <v>76187168</v>
      </c>
      <c r="K26" s="114">
        <v>55680938</v>
      </c>
      <c r="L26" s="173">
        <v>397097616</v>
      </c>
      <c r="M26" s="116">
        <v>414040338</v>
      </c>
      <c r="N26" s="110">
        <v>1979518</v>
      </c>
      <c r="O26" s="114">
        <v>3784533</v>
      </c>
      <c r="P26" s="113">
        <v>5764051</v>
      </c>
      <c r="Q26" s="110">
        <v>0</v>
      </c>
      <c r="R26" s="114">
        <v>19450081</v>
      </c>
      <c r="S26" s="114">
        <v>36364746</v>
      </c>
      <c r="T26" s="114">
        <v>31160666</v>
      </c>
      <c r="U26" s="114">
        <v>33417435</v>
      </c>
      <c r="V26" s="114">
        <v>28111410</v>
      </c>
      <c r="W26" s="113">
        <v>148504338</v>
      </c>
      <c r="X26" s="116">
        <v>154268389</v>
      </c>
      <c r="Y26" s="110">
        <v>0</v>
      </c>
      <c r="Z26" s="114">
        <v>0</v>
      </c>
      <c r="AA26" s="113">
        <v>0</v>
      </c>
      <c r="AB26" s="110">
        <v>0</v>
      </c>
      <c r="AC26" s="114">
        <v>8524688</v>
      </c>
      <c r="AD26" s="114">
        <v>18312558</v>
      </c>
      <c r="AE26" s="114">
        <v>18401439</v>
      </c>
      <c r="AF26" s="114">
        <v>20689971</v>
      </c>
      <c r="AG26" s="114">
        <v>17269615</v>
      </c>
      <c r="AH26" s="113">
        <v>83198271</v>
      </c>
      <c r="AI26" s="116">
        <v>83198271</v>
      </c>
      <c r="AJ26" s="110">
        <v>0</v>
      </c>
      <c r="AK26" s="114">
        <v>0</v>
      </c>
      <c r="AL26" s="113">
        <v>0</v>
      </c>
      <c r="AM26" s="110">
        <v>0</v>
      </c>
      <c r="AN26" s="114">
        <v>0</v>
      </c>
      <c r="AO26" s="114">
        <v>290534</v>
      </c>
      <c r="AP26" s="114">
        <v>965018</v>
      </c>
      <c r="AQ26" s="114">
        <v>2107950</v>
      </c>
      <c r="AR26" s="114">
        <v>2532555</v>
      </c>
      <c r="AS26" s="113">
        <v>5896057</v>
      </c>
      <c r="AT26" s="116">
        <v>5896057</v>
      </c>
      <c r="AU26" s="110">
        <v>1163812</v>
      </c>
      <c r="AV26" s="114">
        <v>2455083</v>
      </c>
      <c r="AW26" s="113">
        <v>3618895</v>
      </c>
      <c r="AX26" s="110">
        <v>0</v>
      </c>
      <c r="AY26" s="114">
        <v>7042706</v>
      </c>
      <c r="AZ26" s="114">
        <v>11823112</v>
      </c>
      <c r="BA26" s="114">
        <v>6933463</v>
      </c>
      <c r="BB26" s="114">
        <v>6737513</v>
      </c>
      <c r="BC26" s="114">
        <v>5061009</v>
      </c>
      <c r="BD26" s="113">
        <v>37597803</v>
      </c>
      <c r="BE26" s="116">
        <v>41216698</v>
      </c>
      <c r="BF26" s="110">
        <v>328855</v>
      </c>
      <c r="BG26" s="114">
        <v>840610</v>
      </c>
      <c r="BH26" s="112">
        <v>1169465</v>
      </c>
      <c r="BI26" s="111">
        <v>0</v>
      </c>
      <c r="BJ26" s="114">
        <v>580398</v>
      </c>
      <c r="BK26" s="114">
        <v>1327996</v>
      </c>
      <c r="BL26" s="114">
        <v>542305</v>
      </c>
      <c r="BM26" s="114">
        <v>538641</v>
      </c>
      <c r="BN26" s="114">
        <v>367812</v>
      </c>
      <c r="BO26" s="113">
        <v>3357152</v>
      </c>
      <c r="BP26" s="116">
        <v>4526617</v>
      </c>
      <c r="BQ26" s="110">
        <v>486851</v>
      </c>
      <c r="BR26" s="114">
        <v>488840</v>
      </c>
      <c r="BS26" s="113">
        <v>975691</v>
      </c>
      <c r="BT26" s="110">
        <v>0</v>
      </c>
      <c r="BU26" s="114">
        <v>3302289</v>
      </c>
      <c r="BV26" s="114">
        <v>4610546</v>
      </c>
      <c r="BW26" s="114">
        <v>4318441</v>
      </c>
      <c r="BX26" s="114">
        <v>3343360</v>
      </c>
      <c r="BY26" s="114">
        <v>2880419</v>
      </c>
      <c r="BZ26" s="113">
        <v>18455055</v>
      </c>
      <c r="CA26" s="116">
        <v>19430746</v>
      </c>
      <c r="CB26" s="110">
        <v>614848</v>
      </c>
      <c r="CC26" s="114">
        <v>1702013</v>
      </c>
      <c r="CD26" s="113">
        <v>2316861</v>
      </c>
      <c r="CE26" s="110">
        <v>0</v>
      </c>
      <c r="CF26" s="114">
        <v>18661900</v>
      </c>
      <c r="CG26" s="114">
        <v>28084417</v>
      </c>
      <c r="CH26" s="114">
        <v>22548090</v>
      </c>
      <c r="CI26" s="114">
        <v>11224313</v>
      </c>
      <c r="CJ26" s="114">
        <v>5059165</v>
      </c>
      <c r="CK26" s="113">
        <v>85577885</v>
      </c>
      <c r="CL26" s="116">
        <v>87894746</v>
      </c>
      <c r="CM26" s="110">
        <v>0</v>
      </c>
      <c r="CN26" s="114">
        <v>0</v>
      </c>
      <c r="CO26" s="113">
        <v>0</v>
      </c>
      <c r="CP26" s="111">
        <v>0</v>
      </c>
      <c r="CQ26" s="114">
        <v>16059829</v>
      </c>
      <c r="CR26" s="114">
        <v>23595050</v>
      </c>
      <c r="CS26" s="114">
        <v>19680896</v>
      </c>
      <c r="CT26" s="114">
        <v>9950927</v>
      </c>
      <c r="CU26" s="114">
        <v>4029008</v>
      </c>
      <c r="CV26" s="113">
        <v>73315710</v>
      </c>
      <c r="CW26" s="116">
        <v>73315710</v>
      </c>
      <c r="CX26" s="110">
        <v>614848</v>
      </c>
      <c r="CY26" s="114">
        <v>1702013</v>
      </c>
      <c r="CZ26" s="113">
        <v>2316861</v>
      </c>
      <c r="DA26" s="110">
        <v>0</v>
      </c>
      <c r="DB26" s="114">
        <v>2602071</v>
      </c>
      <c r="DC26" s="114">
        <v>4489367</v>
      </c>
      <c r="DD26" s="114">
        <v>2867194</v>
      </c>
      <c r="DE26" s="114">
        <v>1273386</v>
      </c>
      <c r="DF26" s="114">
        <v>1030157</v>
      </c>
      <c r="DG26" s="113">
        <v>12262175</v>
      </c>
      <c r="DH26" s="116">
        <v>14579036</v>
      </c>
      <c r="DI26" s="110">
        <v>8598</v>
      </c>
      <c r="DJ26" s="114">
        <v>190955</v>
      </c>
      <c r="DK26" s="112">
        <v>199553</v>
      </c>
      <c r="DL26" s="111">
        <v>0</v>
      </c>
      <c r="DM26" s="114">
        <v>1871359</v>
      </c>
      <c r="DN26" s="114">
        <v>3690250</v>
      </c>
      <c r="DO26" s="114">
        <v>9875866</v>
      </c>
      <c r="DP26" s="114">
        <v>8353454</v>
      </c>
      <c r="DQ26" s="114">
        <v>5748550</v>
      </c>
      <c r="DR26" s="113">
        <v>29539479</v>
      </c>
      <c r="DS26" s="116">
        <v>29739032</v>
      </c>
      <c r="DT26" s="110">
        <v>8598</v>
      </c>
      <c r="DU26" s="114">
        <v>190955</v>
      </c>
      <c r="DV26" s="113">
        <v>199553</v>
      </c>
      <c r="DW26" s="110">
        <v>0</v>
      </c>
      <c r="DX26" s="114">
        <v>1871359</v>
      </c>
      <c r="DY26" s="114">
        <v>3348671</v>
      </c>
      <c r="DZ26" s="114">
        <v>9638072</v>
      </c>
      <c r="EA26" s="114">
        <v>8160664</v>
      </c>
      <c r="EB26" s="114">
        <v>5395720</v>
      </c>
      <c r="EC26" s="113">
        <v>28414486</v>
      </c>
      <c r="ED26" s="116">
        <v>28614039</v>
      </c>
      <c r="EE26" s="110">
        <v>0</v>
      </c>
      <c r="EF26" s="112">
        <v>0</v>
      </c>
      <c r="EG26" s="113">
        <v>0</v>
      </c>
      <c r="EH26" s="110">
        <v>0</v>
      </c>
      <c r="EI26" s="114">
        <v>0</v>
      </c>
      <c r="EJ26" s="114">
        <v>341579</v>
      </c>
      <c r="EK26" s="114">
        <v>237794</v>
      </c>
      <c r="EL26" s="114">
        <v>192790</v>
      </c>
      <c r="EM26" s="114">
        <v>352830</v>
      </c>
      <c r="EN26" s="112">
        <v>1124993</v>
      </c>
      <c r="EO26" s="116">
        <v>1124993</v>
      </c>
      <c r="EP26" s="110">
        <v>0</v>
      </c>
      <c r="EQ26" s="114">
        <v>0</v>
      </c>
      <c r="ER26" s="112">
        <v>0</v>
      </c>
      <c r="ES26" s="111">
        <v>0</v>
      </c>
      <c r="ET26" s="114">
        <v>0</v>
      </c>
      <c r="EU26" s="114">
        <v>0</v>
      </c>
      <c r="EV26" s="114">
        <v>0</v>
      </c>
      <c r="EW26" s="114">
        <v>0</v>
      </c>
      <c r="EX26" s="114">
        <v>0</v>
      </c>
      <c r="EY26" s="113">
        <v>0</v>
      </c>
      <c r="EZ26" s="116">
        <v>0</v>
      </c>
      <c r="FA26" s="110">
        <v>0</v>
      </c>
      <c r="FB26" s="114">
        <v>0</v>
      </c>
      <c r="FC26" s="112">
        <v>0</v>
      </c>
      <c r="FD26" s="347"/>
      <c r="FE26" s="114">
        <v>0</v>
      </c>
      <c r="FF26" s="114">
        <v>0</v>
      </c>
      <c r="FG26" s="114">
        <v>0</v>
      </c>
      <c r="FH26" s="114">
        <v>0</v>
      </c>
      <c r="FI26" s="114">
        <v>0</v>
      </c>
      <c r="FJ26" s="113">
        <v>0</v>
      </c>
      <c r="FK26" s="116">
        <v>0</v>
      </c>
      <c r="FL26" s="110">
        <v>952516</v>
      </c>
      <c r="FM26" s="114">
        <v>2451660</v>
      </c>
      <c r="FN26" s="113">
        <v>3404176</v>
      </c>
      <c r="FO26" s="110">
        <v>0</v>
      </c>
      <c r="FP26" s="114">
        <v>3374429</v>
      </c>
      <c r="FQ26" s="114">
        <v>9345854</v>
      </c>
      <c r="FR26" s="114">
        <v>6478483</v>
      </c>
      <c r="FS26" s="114">
        <v>5886955</v>
      </c>
      <c r="FT26" s="114">
        <v>3816389</v>
      </c>
      <c r="FU26" s="113">
        <v>28902110</v>
      </c>
      <c r="FV26" s="116">
        <v>32306286</v>
      </c>
      <c r="FW26" s="115">
        <v>814348</v>
      </c>
      <c r="FX26" s="114">
        <v>2221404</v>
      </c>
      <c r="FY26" s="112">
        <v>3035752</v>
      </c>
      <c r="FZ26" s="111">
        <v>0</v>
      </c>
      <c r="GA26" s="114">
        <v>2710989</v>
      </c>
      <c r="GB26" s="114">
        <v>8791236</v>
      </c>
      <c r="GC26" s="114">
        <v>6064083</v>
      </c>
      <c r="GD26" s="114">
        <v>5806225</v>
      </c>
      <c r="GE26" s="114">
        <v>3816389</v>
      </c>
      <c r="GF26" s="113">
        <v>27188922</v>
      </c>
      <c r="GG26" s="318">
        <v>30224674</v>
      </c>
      <c r="GH26" s="115">
        <v>55620</v>
      </c>
      <c r="GI26" s="114">
        <v>38070</v>
      </c>
      <c r="GJ26" s="112">
        <v>93690</v>
      </c>
      <c r="GK26" s="111">
        <v>0</v>
      </c>
      <c r="GL26" s="114">
        <v>229740</v>
      </c>
      <c r="GM26" s="114">
        <v>115248</v>
      </c>
      <c r="GN26" s="114">
        <v>94000</v>
      </c>
      <c r="GO26" s="114">
        <v>80730</v>
      </c>
      <c r="GP26" s="114">
        <v>0</v>
      </c>
      <c r="GQ26" s="113">
        <v>519718</v>
      </c>
      <c r="GR26" s="116">
        <v>613408</v>
      </c>
      <c r="GS26" s="110">
        <v>82548</v>
      </c>
      <c r="GT26" s="114">
        <v>192186</v>
      </c>
      <c r="GU26" s="113">
        <v>274734</v>
      </c>
      <c r="GV26" s="110">
        <v>0</v>
      </c>
      <c r="GW26" s="114">
        <v>433700</v>
      </c>
      <c r="GX26" s="114">
        <v>439370</v>
      </c>
      <c r="GY26" s="114">
        <v>320400</v>
      </c>
      <c r="GZ26" s="114">
        <v>0</v>
      </c>
      <c r="HA26" s="114">
        <v>0</v>
      </c>
      <c r="HB26" s="112">
        <v>1193470</v>
      </c>
      <c r="HC26" s="116">
        <v>1468204</v>
      </c>
      <c r="HD26" s="110">
        <v>730671</v>
      </c>
      <c r="HE26" s="114">
        <v>1439814</v>
      </c>
      <c r="HF26" s="112">
        <v>2170485</v>
      </c>
      <c r="HG26" s="111">
        <v>0</v>
      </c>
      <c r="HH26" s="114">
        <v>13342479</v>
      </c>
      <c r="HI26" s="114">
        <v>12284458</v>
      </c>
      <c r="HJ26" s="114">
        <v>15529981</v>
      </c>
      <c r="HK26" s="114">
        <v>11586035</v>
      </c>
      <c r="HL26" s="114">
        <v>9745156</v>
      </c>
      <c r="HM26" s="113">
        <v>62488109</v>
      </c>
      <c r="HN26" s="109">
        <v>64658594</v>
      </c>
      <c r="HO26" s="115">
        <v>1184202</v>
      </c>
      <c r="HP26" s="114">
        <v>1903394</v>
      </c>
      <c r="HQ26" s="113">
        <v>3087596</v>
      </c>
      <c r="HR26" s="110">
        <v>0</v>
      </c>
      <c r="HS26" s="114">
        <v>11218951</v>
      </c>
      <c r="HT26" s="114">
        <v>13404115</v>
      </c>
      <c r="HU26" s="114">
        <v>8543385</v>
      </c>
      <c r="HV26" s="114">
        <v>5718976</v>
      </c>
      <c r="HW26" s="114">
        <v>3200268</v>
      </c>
      <c r="HX26" s="112">
        <v>42085695</v>
      </c>
      <c r="HY26" s="116">
        <v>45173291</v>
      </c>
      <c r="HZ26" s="150">
        <v>0</v>
      </c>
      <c r="IA26" s="135">
        <v>0</v>
      </c>
      <c r="IB26" s="150">
        <v>0</v>
      </c>
      <c r="IC26" s="134">
        <v>0</v>
      </c>
      <c r="ID26" s="135">
        <v>14899761</v>
      </c>
      <c r="IE26" s="136">
        <v>24014260</v>
      </c>
      <c r="IF26" s="137">
        <v>20458984</v>
      </c>
      <c r="IG26" s="135">
        <v>11798861</v>
      </c>
      <c r="IH26" s="137">
        <v>9278187</v>
      </c>
      <c r="II26" s="138">
        <v>80450053</v>
      </c>
      <c r="IJ26" s="150">
        <v>80450053</v>
      </c>
      <c r="IK26" s="232">
        <v>0</v>
      </c>
      <c r="IL26" s="236">
        <v>0</v>
      </c>
      <c r="IM26" s="237">
        <v>0</v>
      </c>
      <c r="IN26" s="140"/>
      <c r="IO26" s="119">
        <v>127740</v>
      </c>
      <c r="IP26" s="119">
        <v>791667</v>
      </c>
      <c r="IQ26" s="119">
        <v>218340</v>
      </c>
      <c r="IR26" s="119">
        <v>1137454</v>
      </c>
      <c r="IS26" s="119">
        <v>232111</v>
      </c>
      <c r="IT26" s="141">
        <v>2507312</v>
      </c>
      <c r="IU26" s="320">
        <v>2507312</v>
      </c>
      <c r="IV26" s="142">
        <v>0</v>
      </c>
      <c r="IW26" s="119">
        <v>0</v>
      </c>
      <c r="IX26" s="120">
        <v>0</v>
      </c>
      <c r="IY26" s="144"/>
      <c r="IZ26" s="119">
        <v>0</v>
      </c>
      <c r="JA26" s="119">
        <v>0</v>
      </c>
      <c r="JB26" s="119">
        <v>0</v>
      </c>
      <c r="JC26" s="119">
        <v>0</v>
      </c>
      <c r="JD26" s="119">
        <v>0</v>
      </c>
      <c r="JE26" s="120">
        <v>0</v>
      </c>
      <c r="JF26" s="121">
        <v>0</v>
      </c>
      <c r="JG26" s="142">
        <v>0</v>
      </c>
      <c r="JH26" s="119">
        <v>0</v>
      </c>
      <c r="JI26" s="141">
        <v>0</v>
      </c>
      <c r="JJ26" s="118">
        <v>0</v>
      </c>
      <c r="JK26" s="119">
        <v>7901833</v>
      </c>
      <c r="JL26" s="119">
        <v>11111993</v>
      </c>
      <c r="JM26" s="119">
        <v>6102277</v>
      </c>
      <c r="JN26" s="119">
        <v>3650327</v>
      </c>
      <c r="JO26" s="119">
        <v>1871793</v>
      </c>
      <c r="JP26" s="120">
        <v>30638223</v>
      </c>
      <c r="JQ26" s="320">
        <v>30638223</v>
      </c>
      <c r="JR26" s="142">
        <v>0</v>
      </c>
      <c r="JS26" s="119">
        <v>0</v>
      </c>
      <c r="JT26" s="141">
        <v>0</v>
      </c>
      <c r="JU26" s="118">
        <v>0</v>
      </c>
      <c r="JV26" s="119">
        <v>0</v>
      </c>
      <c r="JW26" s="119">
        <v>0</v>
      </c>
      <c r="JX26" s="119">
        <v>81922</v>
      </c>
      <c r="JY26" s="119">
        <v>0</v>
      </c>
      <c r="JZ26" s="119">
        <v>126554</v>
      </c>
      <c r="KA26" s="120">
        <v>208476</v>
      </c>
      <c r="KB26" s="320">
        <v>208476</v>
      </c>
      <c r="KC26" s="234">
        <v>0</v>
      </c>
      <c r="KD26" s="230">
        <v>0</v>
      </c>
      <c r="KE26" s="120">
        <v>0</v>
      </c>
      <c r="KF26" s="118">
        <v>0</v>
      </c>
      <c r="KG26" s="119">
        <v>922935</v>
      </c>
      <c r="KH26" s="119">
        <v>893048</v>
      </c>
      <c r="KI26" s="119">
        <v>3337964</v>
      </c>
      <c r="KJ26" s="119">
        <v>2276663</v>
      </c>
      <c r="KK26" s="119">
        <v>1428882</v>
      </c>
      <c r="KL26" s="120">
        <v>8859492</v>
      </c>
      <c r="KM26" s="143">
        <v>8859492</v>
      </c>
      <c r="KN26" s="232">
        <v>0</v>
      </c>
      <c r="KO26" s="236">
        <v>0</v>
      </c>
      <c r="KP26" s="237">
        <v>0</v>
      </c>
      <c r="KQ26" s="140"/>
      <c r="KR26" s="119">
        <v>5657771</v>
      </c>
      <c r="KS26" s="119">
        <v>10623387</v>
      </c>
      <c r="KT26" s="119">
        <v>10498778</v>
      </c>
      <c r="KU26" s="119">
        <v>4363487</v>
      </c>
      <c r="KV26" s="119">
        <v>3524825</v>
      </c>
      <c r="KW26" s="120">
        <v>34668248</v>
      </c>
      <c r="KX26" s="320">
        <v>34668248</v>
      </c>
      <c r="KY26" s="142">
        <v>0</v>
      </c>
      <c r="KZ26" s="119">
        <v>0</v>
      </c>
      <c r="LA26" s="120">
        <v>0</v>
      </c>
      <c r="LB26" s="145"/>
      <c r="LC26" s="119">
        <v>0</v>
      </c>
      <c r="LD26" s="119">
        <v>0</v>
      </c>
      <c r="LE26" s="119">
        <v>0</v>
      </c>
      <c r="LF26" s="119">
        <v>0</v>
      </c>
      <c r="LG26" s="119">
        <v>0</v>
      </c>
      <c r="LH26" s="120">
        <v>0</v>
      </c>
      <c r="LI26" s="121">
        <v>0</v>
      </c>
      <c r="LJ26" s="142">
        <v>0</v>
      </c>
      <c r="LK26" s="119">
        <v>0</v>
      </c>
      <c r="LL26" s="120">
        <v>0</v>
      </c>
      <c r="LM26" s="145"/>
      <c r="LN26" s="119">
        <v>0</v>
      </c>
      <c r="LO26" s="119">
        <v>0</v>
      </c>
      <c r="LP26" s="119">
        <v>0</v>
      </c>
      <c r="LQ26" s="119">
        <v>0</v>
      </c>
      <c r="LR26" s="119">
        <v>0</v>
      </c>
      <c r="LS26" s="120">
        <v>0</v>
      </c>
      <c r="LT26" s="320">
        <v>0</v>
      </c>
      <c r="LU26" s="142">
        <v>0</v>
      </c>
      <c r="LV26" s="119">
        <v>0</v>
      </c>
      <c r="LW26" s="120">
        <v>0</v>
      </c>
      <c r="LX26" s="145"/>
      <c r="LY26" s="119">
        <v>289482</v>
      </c>
      <c r="LZ26" s="119">
        <v>594165</v>
      </c>
      <c r="MA26" s="119">
        <v>219703</v>
      </c>
      <c r="MB26" s="119">
        <v>370930</v>
      </c>
      <c r="MC26" s="119">
        <v>2094022</v>
      </c>
      <c r="MD26" s="120">
        <v>3568302</v>
      </c>
      <c r="ME26" s="121">
        <v>3568302</v>
      </c>
      <c r="MF26" s="142">
        <v>0</v>
      </c>
      <c r="MG26" s="119">
        <v>0</v>
      </c>
      <c r="MH26" s="120">
        <v>0</v>
      </c>
      <c r="MI26" s="145"/>
      <c r="MJ26" s="119">
        <v>5637424</v>
      </c>
      <c r="MK26" s="119">
        <v>11364563</v>
      </c>
      <c r="ML26" s="119">
        <v>55636077</v>
      </c>
      <c r="MM26" s="119">
        <v>67326444</v>
      </c>
      <c r="MN26" s="119">
        <v>57824701</v>
      </c>
      <c r="MO26" s="120">
        <v>197789209</v>
      </c>
      <c r="MP26" s="143">
        <v>197789209</v>
      </c>
      <c r="MQ26" s="142">
        <v>0</v>
      </c>
      <c r="MR26" s="119">
        <v>0</v>
      </c>
      <c r="MS26" s="120">
        <v>0</v>
      </c>
      <c r="MT26" s="145"/>
      <c r="MU26" s="119">
        <v>1430567</v>
      </c>
      <c r="MV26" s="119">
        <v>3309143</v>
      </c>
      <c r="MW26" s="119">
        <v>43872693</v>
      </c>
      <c r="MX26" s="119">
        <v>48380970</v>
      </c>
      <c r="MY26" s="119">
        <v>44345934</v>
      </c>
      <c r="MZ26" s="120">
        <v>141339307</v>
      </c>
      <c r="NA26" s="143">
        <v>141339307</v>
      </c>
      <c r="NB26" s="142">
        <v>0</v>
      </c>
      <c r="NC26" s="119">
        <v>0</v>
      </c>
      <c r="ND26" s="120">
        <v>0</v>
      </c>
      <c r="NE26" s="145"/>
      <c r="NF26" s="119">
        <v>4206857</v>
      </c>
      <c r="NG26" s="119">
        <v>8055420</v>
      </c>
      <c r="NH26" s="119">
        <v>11008381</v>
      </c>
      <c r="NI26" s="119">
        <v>13892446</v>
      </c>
      <c r="NJ26" s="119">
        <v>7263051</v>
      </c>
      <c r="NK26" s="120">
        <v>44426155</v>
      </c>
      <c r="NL26" s="320">
        <v>44426155</v>
      </c>
      <c r="NM26" s="142">
        <v>0</v>
      </c>
      <c r="NN26" s="119">
        <v>0</v>
      </c>
      <c r="NO26" s="120">
        <v>0</v>
      </c>
      <c r="NP26" s="145"/>
      <c r="NQ26" s="119">
        <v>0</v>
      </c>
      <c r="NR26" s="119">
        <v>0</v>
      </c>
      <c r="NS26" s="119">
        <v>362074</v>
      </c>
      <c r="NT26" s="119">
        <v>652464</v>
      </c>
      <c r="NU26" s="119">
        <v>350051</v>
      </c>
      <c r="NV26" s="120">
        <v>1364589</v>
      </c>
      <c r="NW26" s="121">
        <v>1364589</v>
      </c>
      <c r="NX26" s="142">
        <v>0</v>
      </c>
      <c r="NY26" s="119">
        <v>0</v>
      </c>
      <c r="NZ26" s="120">
        <v>0</v>
      </c>
      <c r="OA26" s="145"/>
      <c r="OB26" s="119">
        <v>0</v>
      </c>
      <c r="OC26" s="119">
        <v>0</v>
      </c>
      <c r="OD26" s="119">
        <v>392929</v>
      </c>
      <c r="OE26" s="119">
        <v>4400564</v>
      </c>
      <c r="OF26" s="119">
        <v>5865665</v>
      </c>
      <c r="OG26" s="120">
        <v>10659158</v>
      </c>
      <c r="OH26" s="121">
        <v>10659158</v>
      </c>
      <c r="OI26" s="142">
        <v>5470353</v>
      </c>
      <c r="OJ26" s="119">
        <v>11472369</v>
      </c>
      <c r="OK26" s="141">
        <v>16942722</v>
      </c>
      <c r="OL26" s="118">
        <v>0</v>
      </c>
      <c r="OM26" s="119">
        <v>88456384</v>
      </c>
      <c r="ON26" s="119">
        <v>138552663</v>
      </c>
      <c r="OO26" s="119">
        <v>170231532</v>
      </c>
      <c r="OP26" s="119">
        <v>155312473</v>
      </c>
      <c r="OQ26" s="119">
        <v>122783826</v>
      </c>
      <c r="OR26" s="120">
        <v>675336878</v>
      </c>
      <c r="OS26" s="143">
        <v>692279600</v>
      </c>
    </row>
    <row r="27" spans="2:409" ht="21" customHeight="1" x14ac:dyDescent="0.2">
      <c r="B27" s="62" t="s">
        <v>22</v>
      </c>
      <c r="C27" s="110">
        <v>1064506</v>
      </c>
      <c r="D27" s="114">
        <v>3001688</v>
      </c>
      <c r="E27" s="113">
        <v>4066194</v>
      </c>
      <c r="F27" s="109">
        <v>0</v>
      </c>
      <c r="G27" s="114">
        <v>26672606</v>
      </c>
      <c r="H27" s="114">
        <v>30243849</v>
      </c>
      <c r="I27" s="114">
        <v>25715278</v>
      </c>
      <c r="J27" s="114">
        <v>22702668</v>
      </c>
      <c r="K27" s="114">
        <v>17958359</v>
      </c>
      <c r="L27" s="173">
        <v>123292760</v>
      </c>
      <c r="M27" s="116">
        <v>127358954</v>
      </c>
      <c r="N27" s="110">
        <v>124017</v>
      </c>
      <c r="O27" s="114">
        <v>352809</v>
      </c>
      <c r="P27" s="113">
        <v>476826</v>
      </c>
      <c r="Q27" s="110">
        <v>0</v>
      </c>
      <c r="R27" s="114">
        <v>4733228</v>
      </c>
      <c r="S27" s="114">
        <v>7345938</v>
      </c>
      <c r="T27" s="114">
        <v>5718118</v>
      </c>
      <c r="U27" s="114">
        <v>6198975</v>
      </c>
      <c r="V27" s="114">
        <v>8675054</v>
      </c>
      <c r="W27" s="113">
        <v>32671313</v>
      </c>
      <c r="X27" s="116">
        <v>33148139</v>
      </c>
      <c r="Y27" s="110">
        <v>0</v>
      </c>
      <c r="Z27" s="114">
        <v>0</v>
      </c>
      <c r="AA27" s="113">
        <v>0</v>
      </c>
      <c r="AB27" s="110">
        <v>0</v>
      </c>
      <c r="AC27" s="114">
        <v>1779926</v>
      </c>
      <c r="AD27" s="114">
        <v>3211857</v>
      </c>
      <c r="AE27" s="114">
        <v>2966600</v>
      </c>
      <c r="AF27" s="114">
        <v>3743406</v>
      </c>
      <c r="AG27" s="114">
        <v>5573714</v>
      </c>
      <c r="AH27" s="113">
        <v>17275503</v>
      </c>
      <c r="AI27" s="116">
        <v>17275503</v>
      </c>
      <c r="AJ27" s="110">
        <v>0</v>
      </c>
      <c r="AK27" s="114">
        <v>0</v>
      </c>
      <c r="AL27" s="113">
        <v>0</v>
      </c>
      <c r="AM27" s="110">
        <v>0</v>
      </c>
      <c r="AN27" s="114">
        <v>63423</v>
      </c>
      <c r="AO27" s="114">
        <v>98343</v>
      </c>
      <c r="AP27" s="114">
        <v>269658</v>
      </c>
      <c r="AQ27" s="114">
        <v>459528</v>
      </c>
      <c r="AR27" s="114">
        <v>1065470</v>
      </c>
      <c r="AS27" s="113">
        <v>1956422</v>
      </c>
      <c r="AT27" s="116">
        <v>1956422</v>
      </c>
      <c r="AU27" s="110">
        <v>72366</v>
      </c>
      <c r="AV27" s="114">
        <v>209856</v>
      </c>
      <c r="AW27" s="113">
        <v>282222</v>
      </c>
      <c r="AX27" s="110">
        <v>0</v>
      </c>
      <c r="AY27" s="114">
        <v>1776222</v>
      </c>
      <c r="AZ27" s="114">
        <v>2432721</v>
      </c>
      <c r="BA27" s="114">
        <v>1202060</v>
      </c>
      <c r="BB27" s="114">
        <v>1287894</v>
      </c>
      <c r="BC27" s="114">
        <v>1409825</v>
      </c>
      <c r="BD27" s="113">
        <v>8108722</v>
      </c>
      <c r="BE27" s="116">
        <v>8390944</v>
      </c>
      <c r="BF27" s="110">
        <v>0</v>
      </c>
      <c r="BG27" s="114">
        <v>77679</v>
      </c>
      <c r="BH27" s="112">
        <v>77679</v>
      </c>
      <c r="BI27" s="111">
        <v>0</v>
      </c>
      <c r="BJ27" s="114">
        <v>207591</v>
      </c>
      <c r="BK27" s="114">
        <v>594618</v>
      </c>
      <c r="BL27" s="114">
        <v>276031</v>
      </c>
      <c r="BM27" s="114">
        <v>129243</v>
      </c>
      <c r="BN27" s="114">
        <v>206436</v>
      </c>
      <c r="BO27" s="113">
        <v>1413919</v>
      </c>
      <c r="BP27" s="116">
        <v>1491598</v>
      </c>
      <c r="BQ27" s="110">
        <v>51651</v>
      </c>
      <c r="BR27" s="114">
        <v>65274</v>
      </c>
      <c r="BS27" s="113">
        <v>116925</v>
      </c>
      <c r="BT27" s="110">
        <v>0</v>
      </c>
      <c r="BU27" s="114">
        <v>906066</v>
      </c>
      <c r="BV27" s="114">
        <v>1008399</v>
      </c>
      <c r="BW27" s="114">
        <v>1003769</v>
      </c>
      <c r="BX27" s="114">
        <v>578904</v>
      </c>
      <c r="BY27" s="114">
        <v>419609</v>
      </c>
      <c r="BZ27" s="113">
        <v>3916747</v>
      </c>
      <c r="CA27" s="116">
        <v>4033672</v>
      </c>
      <c r="CB27" s="110">
        <v>23186</v>
      </c>
      <c r="CC27" s="114">
        <v>258367</v>
      </c>
      <c r="CD27" s="113">
        <v>281553</v>
      </c>
      <c r="CE27" s="110">
        <v>0</v>
      </c>
      <c r="CF27" s="114">
        <v>8031507</v>
      </c>
      <c r="CG27" s="114">
        <v>9575151</v>
      </c>
      <c r="CH27" s="114">
        <v>5819041</v>
      </c>
      <c r="CI27" s="114">
        <v>4875389</v>
      </c>
      <c r="CJ27" s="114">
        <v>2926517</v>
      </c>
      <c r="CK27" s="113">
        <v>31227605</v>
      </c>
      <c r="CL27" s="116">
        <v>31509158</v>
      </c>
      <c r="CM27" s="110">
        <v>0</v>
      </c>
      <c r="CN27" s="114">
        <v>0</v>
      </c>
      <c r="CO27" s="113">
        <v>0</v>
      </c>
      <c r="CP27" s="111">
        <v>0</v>
      </c>
      <c r="CQ27" s="114">
        <v>6936185</v>
      </c>
      <c r="CR27" s="114">
        <v>8280028</v>
      </c>
      <c r="CS27" s="114">
        <v>4636853</v>
      </c>
      <c r="CT27" s="114">
        <v>3803669</v>
      </c>
      <c r="CU27" s="114">
        <v>2203037</v>
      </c>
      <c r="CV27" s="113">
        <v>25859772</v>
      </c>
      <c r="CW27" s="116">
        <v>25859772</v>
      </c>
      <c r="CX27" s="110">
        <v>23186</v>
      </c>
      <c r="CY27" s="114">
        <v>258367</v>
      </c>
      <c r="CZ27" s="113">
        <v>281553</v>
      </c>
      <c r="DA27" s="110">
        <v>0</v>
      </c>
      <c r="DB27" s="114">
        <v>1095322</v>
      </c>
      <c r="DC27" s="114">
        <v>1295123</v>
      </c>
      <c r="DD27" s="114">
        <v>1182188</v>
      </c>
      <c r="DE27" s="114">
        <v>1071720</v>
      </c>
      <c r="DF27" s="114">
        <v>723480</v>
      </c>
      <c r="DG27" s="113">
        <v>5367833</v>
      </c>
      <c r="DH27" s="116">
        <v>5649386</v>
      </c>
      <c r="DI27" s="110">
        <v>0</v>
      </c>
      <c r="DJ27" s="114">
        <v>0</v>
      </c>
      <c r="DK27" s="112">
        <v>0</v>
      </c>
      <c r="DL27" s="111">
        <v>0</v>
      </c>
      <c r="DM27" s="114">
        <v>480868</v>
      </c>
      <c r="DN27" s="114">
        <v>1409440</v>
      </c>
      <c r="DO27" s="114">
        <v>3016018</v>
      </c>
      <c r="DP27" s="114">
        <v>3048741</v>
      </c>
      <c r="DQ27" s="114">
        <v>812763</v>
      </c>
      <c r="DR27" s="113">
        <v>8767830</v>
      </c>
      <c r="DS27" s="116">
        <v>8767830</v>
      </c>
      <c r="DT27" s="110">
        <v>0</v>
      </c>
      <c r="DU27" s="114">
        <v>0</v>
      </c>
      <c r="DV27" s="113">
        <v>0</v>
      </c>
      <c r="DW27" s="110">
        <v>0</v>
      </c>
      <c r="DX27" s="114">
        <v>480868</v>
      </c>
      <c r="DY27" s="114">
        <v>1335604</v>
      </c>
      <c r="DZ27" s="114">
        <v>2787885</v>
      </c>
      <c r="EA27" s="114">
        <v>2649249</v>
      </c>
      <c r="EB27" s="114">
        <v>775153</v>
      </c>
      <c r="EC27" s="113">
        <v>8028759</v>
      </c>
      <c r="ED27" s="116">
        <v>8028759</v>
      </c>
      <c r="EE27" s="110">
        <v>0</v>
      </c>
      <c r="EF27" s="112">
        <v>0</v>
      </c>
      <c r="EG27" s="113">
        <v>0</v>
      </c>
      <c r="EH27" s="110">
        <v>0</v>
      </c>
      <c r="EI27" s="114">
        <v>0</v>
      </c>
      <c r="EJ27" s="114">
        <v>73836</v>
      </c>
      <c r="EK27" s="114">
        <v>228133</v>
      </c>
      <c r="EL27" s="114">
        <v>399492</v>
      </c>
      <c r="EM27" s="114">
        <v>37610</v>
      </c>
      <c r="EN27" s="112">
        <v>739071</v>
      </c>
      <c r="EO27" s="116">
        <v>739071</v>
      </c>
      <c r="EP27" s="110">
        <v>0</v>
      </c>
      <c r="EQ27" s="114">
        <v>0</v>
      </c>
      <c r="ER27" s="112">
        <v>0</v>
      </c>
      <c r="ES27" s="111">
        <v>0</v>
      </c>
      <c r="ET27" s="114">
        <v>0</v>
      </c>
      <c r="EU27" s="114">
        <v>0</v>
      </c>
      <c r="EV27" s="114">
        <v>0</v>
      </c>
      <c r="EW27" s="114">
        <v>0</v>
      </c>
      <c r="EX27" s="114">
        <v>0</v>
      </c>
      <c r="EY27" s="113">
        <v>0</v>
      </c>
      <c r="EZ27" s="116">
        <v>0</v>
      </c>
      <c r="FA27" s="110">
        <v>0</v>
      </c>
      <c r="FB27" s="114">
        <v>0</v>
      </c>
      <c r="FC27" s="112">
        <v>0</v>
      </c>
      <c r="FD27" s="347"/>
      <c r="FE27" s="114">
        <v>0</v>
      </c>
      <c r="FF27" s="114">
        <v>0</v>
      </c>
      <c r="FG27" s="114">
        <v>0</v>
      </c>
      <c r="FH27" s="114">
        <v>0</v>
      </c>
      <c r="FI27" s="114">
        <v>0</v>
      </c>
      <c r="FJ27" s="113">
        <v>0</v>
      </c>
      <c r="FK27" s="116">
        <v>0</v>
      </c>
      <c r="FL27" s="110">
        <v>293422</v>
      </c>
      <c r="FM27" s="114">
        <v>1127490</v>
      </c>
      <c r="FN27" s="113">
        <v>1420912</v>
      </c>
      <c r="FO27" s="110">
        <v>0</v>
      </c>
      <c r="FP27" s="114">
        <v>2535360</v>
      </c>
      <c r="FQ27" s="114">
        <v>3166977</v>
      </c>
      <c r="FR27" s="114">
        <v>2360356</v>
      </c>
      <c r="FS27" s="114">
        <v>1805884</v>
      </c>
      <c r="FT27" s="114">
        <v>1831923</v>
      </c>
      <c r="FU27" s="113">
        <v>11700500</v>
      </c>
      <c r="FV27" s="116">
        <v>13121412</v>
      </c>
      <c r="FW27" s="115">
        <v>215982</v>
      </c>
      <c r="FX27" s="114">
        <v>846761</v>
      </c>
      <c r="FY27" s="112">
        <v>1062743</v>
      </c>
      <c r="FZ27" s="111">
        <v>0</v>
      </c>
      <c r="GA27" s="114">
        <v>1462868</v>
      </c>
      <c r="GB27" s="114">
        <v>3010908</v>
      </c>
      <c r="GC27" s="114">
        <v>2035312</v>
      </c>
      <c r="GD27" s="114">
        <v>1749130</v>
      </c>
      <c r="GE27" s="114">
        <v>1636245</v>
      </c>
      <c r="GF27" s="113">
        <v>9894463</v>
      </c>
      <c r="GG27" s="318">
        <v>10957206</v>
      </c>
      <c r="GH27" s="115">
        <v>0</v>
      </c>
      <c r="GI27" s="114">
        <v>62236</v>
      </c>
      <c r="GJ27" s="112">
        <v>62236</v>
      </c>
      <c r="GK27" s="111">
        <v>0</v>
      </c>
      <c r="GL27" s="114">
        <v>234180</v>
      </c>
      <c r="GM27" s="114">
        <v>90585</v>
      </c>
      <c r="GN27" s="114">
        <v>17424</v>
      </c>
      <c r="GO27" s="114">
        <v>18054</v>
      </c>
      <c r="GP27" s="114">
        <v>82107</v>
      </c>
      <c r="GQ27" s="113">
        <v>442350</v>
      </c>
      <c r="GR27" s="116">
        <v>504586</v>
      </c>
      <c r="GS27" s="110">
        <v>77440</v>
      </c>
      <c r="GT27" s="114">
        <v>218493</v>
      </c>
      <c r="GU27" s="113">
        <v>295933</v>
      </c>
      <c r="GV27" s="110">
        <v>0</v>
      </c>
      <c r="GW27" s="114">
        <v>838312</v>
      </c>
      <c r="GX27" s="114">
        <v>65484</v>
      </c>
      <c r="GY27" s="114">
        <v>307620</v>
      </c>
      <c r="GZ27" s="114">
        <v>38700</v>
      </c>
      <c r="HA27" s="114">
        <v>113571</v>
      </c>
      <c r="HB27" s="112">
        <v>1363687</v>
      </c>
      <c r="HC27" s="116">
        <v>1659620</v>
      </c>
      <c r="HD27" s="110">
        <v>400501</v>
      </c>
      <c r="HE27" s="114">
        <v>593590</v>
      </c>
      <c r="HF27" s="112">
        <v>994091</v>
      </c>
      <c r="HG27" s="111">
        <v>0</v>
      </c>
      <c r="HH27" s="114">
        <v>5755626</v>
      </c>
      <c r="HI27" s="114">
        <v>4249708</v>
      </c>
      <c r="HJ27" s="114">
        <v>6350431</v>
      </c>
      <c r="HK27" s="114">
        <v>4968530</v>
      </c>
      <c r="HL27" s="114">
        <v>2468919</v>
      </c>
      <c r="HM27" s="113">
        <v>23793214</v>
      </c>
      <c r="HN27" s="109">
        <v>24787305</v>
      </c>
      <c r="HO27" s="115">
        <v>223380</v>
      </c>
      <c r="HP27" s="114">
        <v>669432</v>
      </c>
      <c r="HQ27" s="113">
        <v>892812</v>
      </c>
      <c r="HR27" s="110">
        <v>0</v>
      </c>
      <c r="HS27" s="114">
        <v>5136017</v>
      </c>
      <c r="HT27" s="114">
        <v>4496635</v>
      </c>
      <c r="HU27" s="114">
        <v>2451314</v>
      </c>
      <c r="HV27" s="114">
        <v>1805149</v>
      </c>
      <c r="HW27" s="114">
        <v>1243183</v>
      </c>
      <c r="HX27" s="112">
        <v>15132298</v>
      </c>
      <c r="HY27" s="116">
        <v>16025110</v>
      </c>
      <c r="HZ27" s="131">
        <v>146614</v>
      </c>
      <c r="IA27" s="132">
        <v>319725</v>
      </c>
      <c r="IB27" s="133">
        <v>466339</v>
      </c>
      <c r="IC27" s="146">
        <v>0</v>
      </c>
      <c r="ID27" s="132">
        <v>11758724</v>
      </c>
      <c r="IE27" s="147">
        <v>14645996</v>
      </c>
      <c r="IF27" s="133">
        <v>11248768</v>
      </c>
      <c r="IG27" s="132">
        <v>10682946</v>
      </c>
      <c r="IH27" s="133">
        <v>4656276</v>
      </c>
      <c r="II27" s="148">
        <v>52992710</v>
      </c>
      <c r="IJ27" s="139">
        <v>53459049</v>
      </c>
      <c r="IK27" s="232">
        <v>0</v>
      </c>
      <c r="IL27" s="236">
        <v>0</v>
      </c>
      <c r="IM27" s="237">
        <v>0</v>
      </c>
      <c r="IN27" s="140"/>
      <c r="IO27" s="119">
        <v>159362</v>
      </c>
      <c r="IP27" s="119">
        <v>645985</v>
      </c>
      <c r="IQ27" s="119">
        <v>842522</v>
      </c>
      <c r="IR27" s="119">
        <v>223623</v>
      </c>
      <c r="IS27" s="119">
        <v>0</v>
      </c>
      <c r="IT27" s="141">
        <v>1871492</v>
      </c>
      <c r="IU27" s="320">
        <v>1871492</v>
      </c>
      <c r="IV27" s="142">
        <v>0</v>
      </c>
      <c r="IW27" s="119">
        <v>0</v>
      </c>
      <c r="IX27" s="120">
        <v>0</v>
      </c>
      <c r="IY27" s="144"/>
      <c r="IZ27" s="119">
        <v>0</v>
      </c>
      <c r="JA27" s="119">
        <v>0</v>
      </c>
      <c r="JB27" s="119">
        <v>0</v>
      </c>
      <c r="JC27" s="119">
        <v>0</v>
      </c>
      <c r="JD27" s="119">
        <v>0</v>
      </c>
      <c r="JE27" s="120">
        <v>0</v>
      </c>
      <c r="JF27" s="121">
        <v>0</v>
      </c>
      <c r="JG27" s="142">
        <v>0</v>
      </c>
      <c r="JH27" s="119">
        <v>0</v>
      </c>
      <c r="JI27" s="141">
        <v>0</v>
      </c>
      <c r="JJ27" s="118">
        <v>0</v>
      </c>
      <c r="JK27" s="119">
        <v>5951944</v>
      </c>
      <c r="JL27" s="119">
        <v>5305196</v>
      </c>
      <c r="JM27" s="119">
        <v>2270340</v>
      </c>
      <c r="JN27" s="119">
        <v>1306561</v>
      </c>
      <c r="JO27" s="119">
        <v>618372</v>
      </c>
      <c r="JP27" s="120">
        <v>15452413</v>
      </c>
      <c r="JQ27" s="320">
        <v>15452413</v>
      </c>
      <c r="JR27" s="142">
        <v>31455</v>
      </c>
      <c r="JS27" s="119">
        <v>0</v>
      </c>
      <c r="JT27" s="141">
        <v>31455</v>
      </c>
      <c r="JU27" s="118">
        <v>0</v>
      </c>
      <c r="JV27" s="119">
        <v>403524</v>
      </c>
      <c r="JW27" s="119">
        <v>509868</v>
      </c>
      <c r="JX27" s="119">
        <v>300052</v>
      </c>
      <c r="JY27" s="119">
        <v>524066</v>
      </c>
      <c r="JZ27" s="119">
        <v>147447</v>
      </c>
      <c r="KA27" s="120">
        <v>1884957</v>
      </c>
      <c r="KB27" s="320">
        <v>1916412</v>
      </c>
      <c r="KC27" s="234">
        <v>115159</v>
      </c>
      <c r="KD27" s="230">
        <v>319725</v>
      </c>
      <c r="KE27" s="120">
        <v>434884</v>
      </c>
      <c r="KF27" s="118">
        <v>0</v>
      </c>
      <c r="KG27" s="119">
        <v>1937018</v>
      </c>
      <c r="KH27" s="119">
        <v>3010312</v>
      </c>
      <c r="KI27" s="119">
        <v>3787650</v>
      </c>
      <c r="KJ27" s="119">
        <v>2018457</v>
      </c>
      <c r="KK27" s="119">
        <v>947475</v>
      </c>
      <c r="KL27" s="120">
        <v>11700912</v>
      </c>
      <c r="KM27" s="143">
        <v>12135796</v>
      </c>
      <c r="KN27" s="232">
        <v>0</v>
      </c>
      <c r="KO27" s="236">
        <v>0</v>
      </c>
      <c r="KP27" s="237">
        <v>0</v>
      </c>
      <c r="KQ27" s="140"/>
      <c r="KR27" s="119">
        <v>3306876</v>
      </c>
      <c r="KS27" s="119">
        <v>5174635</v>
      </c>
      <c r="KT27" s="119">
        <v>3069877</v>
      </c>
      <c r="KU27" s="119">
        <v>1114281</v>
      </c>
      <c r="KV27" s="119">
        <v>279531</v>
      </c>
      <c r="KW27" s="120">
        <v>12945200</v>
      </c>
      <c r="KX27" s="320">
        <v>12945200</v>
      </c>
      <c r="KY27" s="142">
        <v>0</v>
      </c>
      <c r="KZ27" s="119">
        <v>0</v>
      </c>
      <c r="LA27" s="120">
        <v>0</v>
      </c>
      <c r="LB27" s="145"/>
      <c r="LC27" s="119">
        <v>0</v>
      </c>
      <c r="LD27" s="119">
        <v>0</v>
      </c>
      <c r="LE27" s="119">
        <v>0</v>
      </c>
      <c r="LF27" s="119">
        <v>0</v>
      </c>
      <c r="LG27" s="119">
        <v>0</v>
      </c>
      <c r="LH27" s="120">
        <v>0</v>
      </c>
      <c r="LI27" s="121">
        <v>0</v>
      </c>
      <c r="LJ27" s="142">
        <v>0</v>
      </c>
      <c r="LK27" s="119">
        <v>0</v>
      </c>
      <c r="LL27" s="120">
        <v>0</v>
      </c>
      <c r="LM27" s="145"/>
      <c r="LN27" s="119">
        <v>0</v>
      </c>
      <c r="LO27" s="119">
        <v>0</v>
      </c>
      <c r="LP27" s="119">
        <v>978327</v>
      </c>
      <c r="LQ27" s="119">
        <v>5495958</v>
      </c>
      <c r="LR27" s="119">
        <v>2663451</v>
      </c>
      <c r="LS27" s="120">
        <v>9137736</v>
      </c>
      <c r="LT27" s="320">
        <v>9137736</v>
      </c>
      <c r="LU27" s="142">
        <v>0</v>
      </c>
      <c r="LV27" s="119">
        <v>0</v>
      </c>
      <c r="LW27" s="120">
        <v>0</v>
      </c>
      <c r="LX27" s="145"/>
      <c r="LY27" s="119">
        <v>0</v>
      </c>
      <c r="LZ27" s="119">
        <v>0</v>
      </c>
      <c r="MA27" s="119">
        <v>0</v>
      </c>
      <c r="MB27" s="119">
        <v>0</v>
      </c>
      <c r="MC27" s="119">
        <v>0</v>
      </c>
      <c r="MD27" s="120">
        <v>0</v>
      </c>
      <c r="ME27" s="121">
        <v>0</v>
      </c>
      <c r="MF27" s="142">
        <v>0</v>
      </c>
      <c r="MG27" s="119">
        <v>0</v>
      </c>
      <c r="MH27" s="120">
        <v>0</v>
      </c>
      <c r="MI27" s="145"/>
      <c r="MJ27" s="119">
        <v>3022176</v>
      </c>
      <c r="MK27" s="119">
        <v>7808953</v>
      </c>
      <c r="ML27" s="119">
        <v>19302378</v>
      </c>
      <c r="MM27" s="119">
        <v>30199219</v>
      </c>
      <c r="MN27" s="119">
        <v>16552534</v>
      </c>
      <c r="MO27" s="120">
        <v>76885260</v>
      </c>
      <c r="MP27" s="143">
        <v>76885260</v>
      </c>
      <c r="MQ27" s="142">
        <v>0</v>
      </c>
      <c r="MR27" s="119">
        <v>0</v>
      </c>
      <c r="MS27" s="120">
        <v>0</v>
      </c>
      <c r="MT27" s="145"/>
      <c r="MU27" s="119">
        <v>478656</v>
      </c>
      <c r="MV27" s="119">
        <v>422433</v>
      </c>
      <c r="MW27" s="119">
        <v>11018057</v>
      </c>
      <c r="MX27" s="119">
        <v>17409723</v>
      </c>
      <c r="MY27" s="119">
        <v>10256912</v>
      </c>
      <c r="MZ27" s="120">
        <v>39585781</v>
      </c>
      <c r="NA27" s="143">
        <v>39585781</v>
      </c>
      <c r="NB27" s="142">
        <v>0</v>
      </c>
      <c r="NC27" s="119">
        <v>0</v>
      </c>
      <c r="ND27" s="120">
        <v>0</v>
      </c>
      <c r="NE27" s="145"/>
      <c r="NF27" s="119">
        <v>2543520</v>
      </c>
      <c r="NG27" s="119">
        <v>7386520</v>
      </c>
      <c r="NH27" s="119">
        <v>8284321</v>
      </c>
      <c r="NI27" s="119">
        <v>10850550</v>
      </c>
      <c r="NJ27" s="119">
        <v>4633903</v>
      </c>
      <c r="NK27" s="120">
        <v>33698814</v>
      </c>
      <c r="NL27" s="320">
        <v>33698814</v>
      </c>
      <c r="NM27" s="142">
        <v>0</v>
      </c>
      <c r="NN27" s="119">
        <v>0</v>
      </c>
      <c r="NO27" s="120">
        <v>0</v>
      </c>
      <c r="NP27" s="145"/>
      <c r="NQ27" s="119">
        <v>0</v>
      </c>
      <c r="NR27" s="119">
        <v>0</v>
      </c>
      <c r="NS27" s="119">
        <v>0</v>
      </c>
      <c r="NT27" s="119">
        <v>0</v>
      </c>
      <c r="NU27" s="119">
        <v>811833</v>
      </c>
      <c r="NV27" s="120">
        <v>811833</v>
      </c>
      <c r="NW27" s="121">
        <v>811833</v>
      </c>
      <c r="NX27" s="142">
        <v>0</v>
      </c>
      <c r="NY27" s="119">
        <v>0</v>
      </c>
      <c r="NZ27" s="120">
        <v>0</v>
      </c>
      <c r="OA27" s="145"/>
      <c r="OB27" s="119">
        <v>0</v>
      </c>
      <c r="OC27" s="119">
        <v>0</v>
      </c>
      <c r="OD27" s="119">
        <v>0</v>
      </c>
      <c r="OE27" s="119">
        <v>1938946</v>
      </c>
      <c r="OF27" s="119">
        <v>849886</v>
      </c>
      <c r="OG27" s="120">
        <v>2788832</v>
      </c>
      <c r="OH27" s="121">
        <v>2788832</v>
      </c>
      <c r="OI27" s="142">
        <v>1211120</v>
      </c>
      <c r="OJ27" s="119">
        <v>3321413</v>
      </c>
      <c r="OK27" s="141">
        <v>4532533</v>
      </c>
      <c r="OL27" s="118">
        <v>0</v>
      </c>
      <c r="OM27" s="119">
        <v>41453506</v>
      </c>
      <c r="ON27" s="119">
        <v>52698798</v>
      </c>
      <c r="OO27" s="119">
        <v>56266424</v>
      </c>
      <c r="OP27" s="119">
        <v>63584833</v>
      </c>
      <c r="OQ27" s="119">
        <v>39167169</v>
      </c>
      <c r="OR27" s="120">
        <v>253170730</v>
      </c>
      <c r="OS27" s="143">
        <v>257703263</v>
      </c>
    </row>
    <row r="28" spans="2:409" ht="21" customHeight="1" x14ac:dyDescent="0.2">
      <c r="B28" s="62" t="s">
        <v>23</v>
      </c>
      <c r="C28" s="110">
        <v>2875396</v>
      </c>
      <c r="D28" s="114">
        <v>5692861</v>
      </c>
      <c r="E28" s="113">
        <v>8568257</v>
      </c>
      <c r="F28" s="109">
        <v>0</v>
      </c>
      <c r="G28" s="114">
        <v>53247123</v>
      </c>
      <c r="H28" s="114">
        <v>61822660</v>
      </c>
      <c r="I28" s="114">
        <v>47400389</v>
      </c>
      <c r="J28" s="114">
        <v>56130545</v>
      </c>
      <c r="K28" s="114">
        <v>34279240</v>
      </c>
      <c r="L28" s="173">
        <v>252879957</v>
      </c>
      <c r="M28" s="116">
        <v>261448214</v>
      </c>
      <c r="N28" s="110">
        <v>983239</v>
      </c>
      <c r="O28" s="114">
        <v>1654452</v>
      </c>
      <c r="P28" s="113">
        <v>2637691</v>
      </c>
      <c r="Q28" s="110">
        <v>0</v>
      </c>
      <c r="R28" s="114">
        <v>12216349</v>
      </c>
      <c r="S28" s="114">
        <v>16942013</v>
      </c>
      <c r="T28" s="114">
        <v>11515009</v>
      </c>
      <c r="U28" s="114">
        <v>14780701</v>
      </c>
      <c r="V28" s="114">
        <v>13760994</v>
      </c>
      <c r="W28" s="113">
        <v>69215066</v>
      </c>
      <c r="X28" s="116">
        <v>71852757</v>
      </c>
      <c r="Y28" s="110">
        <v>0</v>
      </c>
      <c r="Z28" s="114">
        <v>0</v>
      </c>
      <c r="AA28" s="113">
        <v>0</v>
      </c>
      <c r="AB28" s="110">
        <v>0</v>
      </c>
      <c r="AC28" s="114">
        <v>5356803</v>
      </c>
      <c r="AD28" s="114">
        <v>7450802</v>
      </c>
      <c r="AE28" s="114">
        <v>6814657</v>
      </c>
      <c r="AF28" s="114">
        <v>8339677</v>
      </c>
      <c r="AG28" s="114">
        <v>7536226</v>
      </c>
      <c r="AH28" s="113">
        <v>35498165</v>
      </c>
      <c r="AI28" s="116">
        <v>35498165</v>
      </c>
      <c r="AJ28" s="110">
        <v>0</v>
      </c>
      <c r="AK28" s="114">
        <v>0</v>
      </c>
      <c r="AL28" s="113">
        <v>0</v>
      </c>
      <c r="AM28" s="110">
        <v>0</v>
      </c>
      <c r="AN28" s="114">
        <v>11856</v>
      </c>
      <c r="AO28" s="114">
        <v>304633</v>
      </c>
      <c r="AP28" s="114">
        <v>179423</v>
      </c>
      <c r="AQ28" s="114">
        <v>584146</v>
      </c>
      <c r="AR28" s="114">
        <v>1607065</v>
      </c>
      <c r="AS28" s="113">
        <v>2687123</v>
      </c>
      <c r="AT28" s="116">
        <v>2687123</v>
      </c>
      <c r="AU28" s="110">
        <v>769480</v>
      </c>
      <c r="AV28" s="114">
        <v>1354374</v>
      </c>
      <c r="AW28" s="113">
        <v>2123854</v>
      </c>
      <c r="AX28" s="110">
        <v>0</v>
      </c>
      <c r="AY28" s="114">
        <v>3723635</v>
      </c>
      <c r="AZ28" s="114">
        <v>6226737</v>
      </c>
      <c r="BA28" s="114">
        <v>2350617</v>
      </c>
      <c r="BB28" s="114">
        <v>2897245</v>
      </c>
      <c r="BC28" s="114">
        <v>2585176</v>
      </c>
      <c r="BD28" s="113">
        <v>17783410</v>
      </c>
      <c r="BE28" s="116">
        <v>19907264</v>
      </c>
      <c r="BF28" s="110">
        <v>83220</v>
      </c>
      <c r="BG28" s="114">
        <v>152298</v>
      </c>
      <c r="BH28" s="112">
        <v>235518</v>
      </c>
      <c r="BI28" s="111">
        <v>0</v>
      </c>
      <c r="BJ28" s="114">
        <v>669776</v>
      </c>
      <c r="BK28" s="114">
        <v>735878</v>
      </c>
      <c r="BL28" s="114">
        <v>291483</v>
      </c>
      <c r="BM28" s="114">
        <v>390956</v>
      </c>
      <c r="BN28" s="114">
        <v>292891</v>
      </c>
      <c r="BO28" s="113">
        <v>2380984</v>
      </c>
      <c r="BP28" s="116">
        <v>2616502</v>
      </c>
      <c r="BQ28" s="110">
        <v>130539</v>
      </c>
      <c r="BR28" s="114">
        <v>147780</v>
      </c>
      <c r="BS28" s="113">
        <v>278319</v>
      </c>
      <c r="BT28" s="110">
        <v>0</v>
      </c>
      <c r="BU28" s="114">
        <v>2454279</v>
      </c>
      <c r="BV28" s="114">
        <v>2223963</v>
      </c>
      <c r="BW28" s="114">
        <v>1878829</v>
      </c>
      <c r="BX28" s="114">
        <v>2568677</v>
      </c>
      <c r="BY28" s="114">
        <v>1739636</v>
      </c>
      <c r="BZ28" s="113">
        <v>10865384</v>
      </c>
      <c r="CA28" s="116">
        <v>11143703</v>
      </c>
      <c r="CB28" s="110">
        <v>94830</v>
      </c>
      <c r="CC28" s="114">
        <v>503327</v>
      </c>
      <c r="CD28" s="113">
        <v>598157</v>
      </c>
      <c r="CE28" s="110">
        <v>0</v>
      </c>
      <c r="CF28" s="114">
        <v>18633440</v>
      </c>
      <c r="CG28" s="114">
        <v>21155451</v>
      </c>
      <c r="CH28" s="114">
        <v>15347215</v>
      </c>
      <c r="CI28" s="114">
        <v>11386263</v>
      </c>
      <c r="CJ28" s="114">
        <v>4596783</v>
      </c>
      <c r="CK28" s="113">
        <v>71119152</v>
      </c>
      <c r="CL28" s="116">
        <v>71717309</v>
      </c>
      <c r="CM28" s="110">
        <v>0</v>
      </c>
      <c r="CN28" s="114">
        <v>0</v>
      </c>
      <c r="CO28" s="113">
        <v>0</v>
      </c>
      <c r="CP28" s="111">
        <v>0</v>
      </c>
      <c r="CQ28" s="114">
        <v>16132589</v>
      </c>
      <c r="CR28" s="114">
        <v>17228759</v>
      </c>
      <c r="CS28" s="114">
        <v>11834524</v>
      </c>
      <c r="CT28" s="114">
        <v>8414531</v>
      </c>
      <c r="CU28" s="114">
        <v>4056937</v>
      </c>
      <c r="CV28" s="113">
        <v>57667340</v>
      </c>
      <c r="CW28" s="116">
        <v>57667340</v>
      </c>
      <c r="CX28" s="110">
        <v>94830</v>
      </c>
      <c r="CY28" s="114">
        <v>503327</v>
      </c>
      <c r="CZ28" s="113">
        <v>598157</v>
      </c>
      <c r="DA28" s="110">
        <v>0</v>
      </c>
      <c r="DB28" s="114">
        <v>2500851</v>
      </c>
      <c r="DC28" s="114">
        <v>3926692</v>
      </c>
      <c r="DD28" s="114">
        <v>3512691</v>
      </c>
      <c r="DE28" s="114">
        <v>2971732</v>
      </c>
      <c r="DF28" s="114">
        <v>539846</v>
      </c>
      <c r="DG28" s="113">
        <v>13451812</v>
      </c>
      <c r="DH28" s="116">
        <v>14049969</v>
      </c>
      <c r="DI28" s="110">
        <v>37913</v>
      </c>
      <c r="DJ28" s="114">
        <v>62689</v>
      </c>
      <c r="DK28" s="112">
        <v>100602</v>
      </c>
      <c r="DL28" s="111">
        <v>0</v>
      </c>
      <c r="DM28" s="114">
        <v>1106544</v>
      </c>
      <c r="DN28" s="114">
        <v>1940954</v>
      </c>
      <c r="DO28" s="114">
        <v>3810476</v>
      </c>
      <c r="DP28" s="114">
        <v>5300064</v>
      </c>
      <c r="DQ28" s="114">
        <v>1544931</v>
      </c>
      <c r="DR28" s="113">
        <v>13702969</v>
      </c>
      <c r="DS28" s="116">
        <v>13803571</v>
      </c>
      <c r="DT28" s="110">
        <v>37913</v>
      </c>
      <c r="DU28" s="114">
        <v>36565</v>
      </c>
      <c r="DV28" s="113">
        <v>74478</v>
      </c>
      <c r="DW28" s="110">
        <v>0</v>
      </c>
      <c r="DX28" s="114">
        <v>1106544</v>
      </c>
      <c r="DY28" s="114">
        <v>1848808</v>
      </c>
      <c r="DZ28" s="114">
        <v>3524120</v>
      </c>
      <c r="EA28" s="114">
        <v>5148603</v>
      </c>
      <c r="EB28" s="114">
        <v>1191607</v>
      </c>
      <c r="EC28" s="113">
        <v>12819682</v>
      </c>
      <c r="ED28" s="116">
        <v>12894160</v>
      </c>
      <c r="EE28" s="110">
        <v>0</v>
      </c>
      <c r="EF28" s="112">
        <v>26124</v>
      </c>
      <c r="EG28" s="113">
        <v>26124</v>
      </c>
      <c r="EH28" s="110">
        <v>0</v>
      </c>
      <c r="EI28" s="114">
        <v>0</v>
      </c>
      <c r="EJ28" s="114">
        <v>92146</v>
      </c>
      <c r="EK28" s="114">
        <v>286356</v>
      </c>
      <c r="EL28" s="114">
        <v>151461</v>
      </c>
      <c r="EM28" s="114">
        <v>353324</v>
      </c>
      <c r="EN28" s="112">
        <v>883287</v>
      </c>
      <c r="EO28" s="116">
        <v>909411</v>
      </c>
      <c r="EP28" s="110">
        <v>0</v>
      </c>
      <c r="EQ28" s="114">
        <v>0</v>
      </c>
      <c r="ER28" s="112">
        <v>0</v>
      </c>
      <c r="ES28" s="111">
        <v>0</v>
      </c>
      <c r="ET28" s="114">
        <v>0</v>
      </c>
      <c r="EU28" s="114">
        <v>0</v>
      </c>
      <c r="EV28" s="114">
        <v>0</v>
      </c>
      <c r="EW28" s="114">
        <v>0</v>
      </c>
      <c r="EX28" s="114">
        <v>0</v>
      </c>
      <c r="EY28" s="113">
        <v>0</v>
      </c>
      <c r="EZ28" s="116">
        <v>0</v>
      </c>
      <c r="FA28" s="110">
        <v>0</v>
      </c>
      <c r="FB28" s="114">
        <v>0</v>
      </c>
      <c r="FC28" s="112">
        <v>0</v>
      </c>
      <c r="FD28" s="347"/>
      <c r="FE28" s="114">
        <v>0</v>
      </c>
      <c r="FF28" s="114">
        <v>0</v>
      </c>
      <c r="FG28" s="114">
        <v>0</v>
      </c>
      <c r="FH28" s="114">
        <v>0</v>
      </c>
      <c r="FI28" s="114">
        <v>0</v>
      </c>
      <c r="FJ28" s="113">
        <v>0</v>
      </c>
      <c r="FK28" s="116">
        <v>0</v>
      </c>
      <c r="FL28" s="110">
        <v>778042</v>
      </c>
      <c r="FM28" s="114">
        <v>1909364</v>
      </c>
      <c r="FN28" s="113">
        <v>2687406</v>
      </c>
      <c r="FO28" s="110">
        <v>0</v>
      </c>
      <c r="FP28" s="114">
        <v>3491392</v>
      </c>
      <c r="FQ28" s="114">
        <v>6357830</v>
      </c>
      <c r="FR28" s="114">
        <v>3307342</v>
      </c>
      <c r="FS28" s="114">
        <v>3570008</v>
      </c>
      <c r="FT28" s="114">
        <v>1914889</v>
      </c>
      <c r="FU28" s="113">
        <v>18641461</v>
      </c>
      <c r="FV28" s="116">
        <v>21328867</v>
      </c>
      <c r="FW28" s="115">
        <v>524692</v>
      </c>
      <c r="FX28" s="114">
        <v>1445123</v>
      </c>
      <c r="FY28" s="112">
        <v>1969815</v>
      </c>
      <c r="FZ28" s="111">
        <v>0</v>
      </c>
      <c r="GA28" s="114">
        <v>2792918</v>
      </c>
      <c r="GB28" s="114">
        <v>5661669</v>
      </c>
      <c r="GC28" s="114">
        <v>2873128</v>
      </c>
      <c r="GD28" s="114">
        <v>3458156</v>
      </c>
      <c r="GE28" s="114">
        <v>1899489</v>
      </c>
      <c r="GF28" s="113">
        <v>16685360</v>
      </c>
      <c r="GG28" s="318">
        <v>18655175</v>
      </c>
      <c r="GH28" s="115">
        <v>13050</v>
      </c>
      <c r="GI28" s="114">
        <v>173091</v>
      </c>
      <c r="GJ28" s="112">
        <v>186141</v>
      </c>
      <c r="GK28" s="111">
        <v>0</v>
      </c>
      <c r="GL28" s="114">
        <v>143572</v>
      </c>
      <c r="GM28" s="114">
        <v>197541</v>
      </c>
      <c r="GN28" s="114">
        <v>83214</v>
      </c>
      <c r="GO28" s="114">
        <v>111852</v>
      </c>
      <c r="GP28" s="114">
        <v>15400</v>
      </c>
      <c r="GQ28" s="113">
        <v>551579</v>
      </c>
      <c r="GR28" s="116">
        <v>737720</v>
      </c>
      <c r="GS28" s="110">
        <v>240300</v>
      </c>
      <c r="GT28" s="114">
        <v>291150</v>
      </c>
      <c r="GU28" s="113">
        <v>531450</v>
      </c>
      <c r="GV28" s="110">
        <v>0</v>
      </c>
      <c r="GW28" s="114">
        <v>554902</v>
      </c>
      <c r="GX28" s="114">
        <v>498620</v>
      </c>
      <c r="GY28" s="114">
        <v>351000</v>
      </c>
      <c r="GZ28" s="114">
        <v>0</v>
      </c>
      <c r="HA28" s="114">
        <v>0</v>
      </c>
      <c r="HB28" s="112">
        <v>1404522</v>
      </c>
      <c r="HC28" s="116">
        <v>1935972</v>
      </c>
      <c r="HD28" s="110">
        <v>362304</v>
      </c>
      <c r="HE28" s="114">
        <v>376636</v>
      </c>
      <c r="HF28" s="112">
        <v>738940</v>
      </c>
      <c r="HG28" s="111">
        <v>0</v>
      </c>
      <c r="HH28" s="114">
        <v>9470731</v>
      </c>
      <c r="HI28" s="114">
        <v>8097724</v>
      </c>
      <c r="HJ28" s="114">
        <v>8943362</v>
      </c>
      <c r="HK28" s="114">
        <v>17504368</v>
      </c>
      <c r="HL28" s="114">
        <v>10735032</v>
      </c>
      <c r="HM28" s="113">
        <v>54751217</v>
      </c>
      <c r="HN28" s="109">
        <v>55490157</v>
      </c>
      <c r="HO28" s="115">
        <v>619068</v>
      </c>
      <c r="HP28" s="114">
        <v>1186393</v>
      </c>
      <c r="HQ28" s="113">
        <v>1805461</v>
      </c>
      <c r="HR28" s="110">
        <v>0</v>
      </c>
      <c r="HS28" s="114">
        <v>8328667</v>
      </c>
      <c r="HT28" s="114">
        <v>7328688</v>
      </c>
      <c r="HU28" s="114">
        <v>4476985</v>
      </c>
      <c r="HV28" s="114">
        <v>3589141</v>
      </c>
      <c r="HW28" s="114">
        <v>1726611</v>
      </c>
      <c r="HX28" s="112">
        <v>25450092</v>
      </c>
      <c r="HY28" s="116">
        <v>27255553</v>
      </c>
      <c r="HZ28" s="150">
        <v>0</v>
      </c>
      <c r="IA28" s="135">
        <v>255100</v>
      </c>
      <c r="IB28" s="150">
        <v>255100</v>
      </c>
      <c r="IC28" s="134">
        <v>0</v>
      </c>
      <c r="ID28" s="135">
        <v>11566558</v>
      </c>
      <c r="IE28" s="136">
        <v>8335961</v>
      </c>
      <c r="IF28" s="137">
        <v>8724602</v>
      </c>
      <c r="IG28" s="135">
        <v>5552751</v>
      </c>
      <c r="IH28" s="137">
        <v>5411995</v>
      </c>
      <c r="II28" s="138">
        <v>39591867</v>
      </c>
      <c r="IJ28" s="150">
        <v>39846967</v>
      </c>
      <c r="IK28" s="232">
        <v>0</v>
      </c>
      <c r="IL28" s="236">
        <v>0</v>
      </c>
      <c r="IM28" s="237">
        <v>0</v>
      </c>
      <c r="IN28" s="140"/>
      <c r="IO28" s="119">
        <v>0</v>
      </c>
      <c r="IP28" s="119">
        <v>107499</v>
      </c>
      <c r="IQ28" s="119">
        <v>0</v>
      </c>
      <c r="IR28" s="119">
        <v>0</v>
      </c>
      <c r="IS28" s="119">
        <v>273183</v>
      </c>
      <c r="IT28" s="141">
        <v>380682</v>
      </c>
      <c r="IU28" s="320">
        <v>380682</v>
      </c>
      <c r="IV28" s="142">
        <v>0</v>
      </c>
      <c r="IW28" s="119">
        <v>0</v>
      </c>
      <c r="IX28" s="120">
        <v>0</v>
      </c>
      <c r="IY28" s="144"/>
      <c r="IZ28" s="119">
        <v>0</v>
      </c>
      <c r="JA28" s="119">
        <v>0</v>
      </c>
      <c r="JB28" s="119">
        <v>0</v>
      </c>
      <c r="JC28" s="119">
        <v>0</v>
      </c>
      <c r="JD28" s="119">
        <v>0</v>
      </c>
      <c r="JE28" s="120">
        <v>0</v>
      </c>
      <c r="JF28" s="121">
        <v>0</v>
      </c>
      <c r="JG28" s="142">
        <v>0</v>
      </c>
      <c r="JH28" s="119">
        <v>0</v>
      </c>
      <c r="JI28" s="141">
        <v>0</v>
      </c>
      <c r="JJ28" s="118">
        <v>0</v>
      </c>
      <c r="JK28" s="119">
        <v>2633719</v>
      </c>
      <c r="JL28" s="119">
        <v>2681596</v>
      </c>
      <c r="JM28" s="119">
        <v>1336450</v>
      </c>
      <c r="JN28" s="119">
        <v>1399767</v>
      </c>
      <c r="JO28" s="119">
        <v>1241292</v>
      </c>
      <c r="JP28" s="120">
        <v>9292824</v>
      </c>
      <c r="JQ28" s="320">
        <v>9292824</v>
      </c>
      <c r="JR28" s="142">
        <v>0</v>
      </c>
      <c r="JS28" s="119">
        <v>0</v>
      </c>
      <c r="JT28" s="141">
        <v>0</v>
      </c>
      <c r="JU28" s="118">
        <v>0</v>
      </c>
      <c r="JV28" s="119">
        <v>0</v>
      </c>
      <c r="JW28" s="119">
        <v>56143</v>
      </c>
      <c r="JX28" s="119">
        <v>254353</v>
      </c>
      <c r="JY28" s="119">
        <v>265388</v>
      </c>
      <c r="JZ28" s="119">
        <v>0</v>
      </c>
      <c r="KA28" s="120">
        <v>575884</v>
      </c>
      <c r="KB28" s="320">
        <v>575884</v>
      </c>
      <c r="KC28" s="234">
        <v>0</v>
      </c>
      <c r="KD28" s="230">
        <v>0</v>
      </c>
      <c r="KE28" s="120">
        <v>0</v>
      </c>
      <c r="KF28" s="118">
        <v>0</v>
      </c>
      <c r="KG28" s="119">
        <v>779286</v>
      </c>
      <c r="KH28" s="119">
        <v>758771</v>
      </c>
      <c r="KI28" s="119">
        <v>781379</v>
      </c>
      <c r="KJ28" s="119">
        <v>288913</v>
      </c>
      <c r="KK28" s="119">
        <v>921624</v>
      </c>
      <c r="KL28" s="120">
        <v>3529973</v>
      </c>
      <c r="KM28" s="143">
        <v>3529973</v>
      </c>
      <c r="KN28" s="232">
        <v>0</v>
      </c>
      <c r="KO28" s="236">
        <v>255100</v>
      </c>
      <c r="KP28" s="237">
        <v>255100</v>
      </c>
      <c r="KQ28" s="140"/>
      <c r="KR28" s="119">
        <v>8153553</v>
      </c>
      <c r="KS28" s="119">
        <v>4731952</v>
      </c>
      <c r="KT28" s="119">
        <v>6352420</v>
      </c>
      <c r="KU28" s="119">
        <v>3278816</v>
      </c>
      <c r="KV28" s="119">
        <v>2975896</v>
      </c>
      <c r="KW28" s="120">
        <v>25492637</v>
      </c>
      <c r="KX28" s="320">
        <v>25747737</v>
      </c>
      <c r="KY28" s="142">
        <v>0</v>
      </c>
      <c r="KZ28" s="119">
        <v>0</v>
      </c>
      <c r="LA28" s="120">
        <v>0</v>
      </c>
      <c r="LB28" s="145"/>
      <c r="LC28" s="119">
        <v>0</v>
      </c>
      <c r="LD28" s="119">
        <v>0</v>
      </c>
      <c r="LE28" s="119">
        <v>0</v>
      </c>
      <c r="LF28" s="119">
        <v>0</v>
      </c>
      <c r="LG28" s="119">
        <v>0</v>
      </c>
      <c r="LH28" s="120">
        <v>0</v>
      </c>
      <c r="LI28" s="121">
        <v>0</v>
      </c>
      <c r="LJ28" s="142">
        <v>0</v>
      </c>
      <c r="LK28" s="119">
        <v>0</v>
      </c>
      <c r="LL28" s="120">
        <v>0</v>
      </c>
      <c r="LM28" s="145"/>
      <c r="LN28" s="119">
        <v>0</v>
      </c>
      <c r="LO28" s="119">
        <v>0</v>
      </c>
      <c r="LP28" s="119">
        <v>0</v>
      </c>
      <c r="LQ28" s="119">
        <v>0</v>
      </c>
      <c r="LR28" s="119">
        <v>0</v>
      </c>
      <c r="LS28" s="120">
        <v>0</v>
      </c>
      <c r="LT28" s="320">
        <v>0</v>
      </c>
      <c r="LU28" s="142">
        <v>0</v>
      </c>
      <c r="LV28" s="119">
        <v>0</v>
      </c>
      <c r="LW28" s="120">
        <v>0</v>
      </c>
      <c r="LX28" s="145"/>
      <c r="LY28" s="119">
        <v>0</v>
      </c>
      <c r="LZ28" s="119">
        <v>0</v>
      </c>
      <c r="MA28" s="119">
        <v>0</v>
      </c>
      <c r="MB28" s="119">
        <v>319867</v>
      </c>
      <c r="MC28" s="119">
        <v>0</v>
      </c>
      <c r="MD28" s="120">
        <v>319867</v>
      </c>
      <c r="ME28" s="121">
        <v>319867</v>
      </c>
      <c r="MF28" s="142">
        <v>0</v>
      </c>
      <c r="MG28" s="119">
        <v>0</v>
      </c>
      <c r="MH28" s="120">
        <v>0</v>
      </c>
      <c r="MI28" s="145"/>
      <c r="MJ28" s="119">
        <v>4032802</v>
      </c>
      <c r="MK28" s="119">
        <v>10252934</v>
      </c>
      <c r="ML28" s="119">
        <v>33956968</v>
      </c>
      <c r="MM28" s="119">
        <v>52355490</v>
      </c>
      <c r="MN28" s="119">
        <v>47102567</v>
      </c>
      <c r="MO28" s="120">
        <v>147700761</v>
      </c>
      <c r="MP28" s="143">
        <v>147700761</v>
      </c>
      <c r="MQ28" s="142">
        <v>0</v>
      </c>
      <c r="MR28" s="119">
        <v>0</v>
      </c>
      <c r="MS28" s="120">
        <v>0</v>
      </c>
      <c r="MT28" s="145"/>
      <c r="MU28" s="119">
        <v>907706</v>
      </c>
      <c r="MV28" s="119">
        <v>2834347</v>
      </c>
      <c r="MW28" s="119">
        <v>23313855</v>
      </c>
      <c r="MX28" s="119">
        <v>33940802</v>
      </c>
      <c r="MY28" s="119">
        <v>30352794</v>
      </c>
      <c r="MZ28" s="120">
        <v>91349504</v>
      </c>
      <c r="NA28" s="143">
        <v>91349504</v>
      </c>
      <c r="NB28" s="142">
        <v>0</v>
      </c>
      <c r="NC28" s="119">
        <v>0</v>
      </c>
      <c r="ND28" s="120">
        <v>0</v>
      </c>
      <c r="NE28" s="145"/>
      <c r="NF28" s="119">
        <v>3125096</v>
      </c>
      <c r="NG28" s="119">
        <v>7418587</v>
      </c>
      <c r="NH28" s="119">
        <v>10643113</v>
      </c>
      <c r="NI28" s="119">
        <v>17517879</v>
      </c>
      <c r="NJ28" s="119">
        <v>13000421</v>
      </c>
      <c r="NK28" s="120">
        <v>51705096</v>
      </c>
      <c r="NL28" s="320">
        <v>51705096</v>
      </c>
      <c r="NM28" s="142">
        <v>0</v>
      </c>
      <c r="NN28" s="119">
        <v>0</v>
      </c>
      <c r="NO28" s="120">
        <v>0</v>
      </c>
      <c r="NP28" s="145"/>
      <c r="NQ28" s="119">
        <v>0</v>
      </c>
      <c r="NR28" s="119">
        <v>0</v>
      </c>
      <c r="NS28" s="119">
        <v>0</v>
      </c>
      <c r="NT28" s="119">
        <v>85813</v>
      </c>
      <c r="NU28" s="119">
        <v>389385</v>
      </c>
      <c r="NV28" s="120">
        <v>475198</v>
      </c>
      <c r="NW28" s="121">
        <v>475198</v>
      </c>
      <c r="NX28" s="142">
        <v>0</v>
      </c>
      <c r="NY28" s="119">
        <v>0</v>
      </c>
      <c r="NZ28" s="120">
        <v>0</v>
      </c>
      <c r="OA28" s="145"/>
      <c r="OB28" s="119">
        <v>0</v>
      </c>
      <c r="OC28" s="119">
        <v>0</v>
      </c>
      <c r="OD28" s="119">
        <v>0</v>
      </c>
      <c r="OE28" s="119">
        <v>810996</v>
      </c>
      <c r="OF28" s="119">
        <v>3359967</v>
      </c>
      <c r="OG28" s="120">
        <v>4170963</v>
      </c>
      <c r="OH28" s="121">
        <v>4170963</v>
      </c>
      <c r="OI28" s="142">
        <v>2875396</v>
      </c>
      <c r="OJ28" s="119">
        <v>5947961</v>
      </c>
      <c r="OK28" s="141">
        <v>8823357</v>
      </c>
      <c r="OL28" s="118">
        <v>0</v>
      </c>
      <c r="OM28" s="119">
        <v>68846483</v>
      </c>
      <c r="ON28" s="119">
        <v>80411555</v>
      </c>
      <c r="OO28" s="119">
        <v>90081959</v>
      </c>
      <c r="OP28" s="119">
        <v>114038786</v>
      </c>
      <c r="OQ28" s="119">
        <v>86793802</v>
      </c>
      <c r="OR28" s="120">
        <v>440172585</v>
      </c>
      <c r="OS28" s="143">
        <v>448995942</v>
      </c>
    </row>
    <row r="29" spans="2:409" ht="21" customHeight="1" x14ac:dyDescent="0.2">
      <c r="B29" s="62" t="s">
        <v>24</v>
      </c>
      <c r="C29" s="110">
        <v>2579445</v>
      </c>
      <c r="D29" s="114">
        <v>3702199</v>
      </c>
      <c r="E29" s="113">
        <v>6281644</v>
      </c>
      <c r="F29" s="109">
        <v>0</v>
      </c>
      <c r="G29" s="114">
        <v>24239227</v>
      </c>
      <c r="H29" s="114">
        <v>28126996</v>
      </c>
      <c r="I29" s="114">
        <v>26741567</v>
      </c>
      <c r="J29" s="114">
        <v>24355801</v>
      </c>
      <c r="K29" s="114">
        <v>23153428</v>
      </c>
      <c r="L29" s="173">
        <v>126617019</v>
      </c>
      <c r="M29" s="116">
        <v>132898663</v>
      </c>
      <c r="N29" s="110">
        <v>609386</v>
      </c>
      <c r="O29" s="114">
        <v>971498</v>
      </c>
      <c r="P29" s="113">
        <v>1580884</v>
      </c>
      <c r="Q29" s="110">
        <v>0</v>
      </c>
      <c r="R29" s="114">
        <v>5447129</v>
      </c>
      <c r="S29" s="114">
        <v>8225248</v>
      </c>
      <c r="T29" s="114">
        <v>7684958</v>
      </c>
      <c r="U29" s="114">
        <v>9059321</v>
      </c>
      <c r="V29" s="114">
        <v>9552238</v>
      </c>
      <c r="W29" s="113">
        <v>39968894</v>
      </c>
      <c r="X29" s="116">
        <v>41549778</v>
      </c>
      <c r="Y29" s="110">
        <v>0</v>
      </c>
      <c r="Z29" s="114">
        <v>0</v>
      </c>
      <c r="AA29" s="113">
        <v>0</v>
      </c>
      <c r="AB29" s="110">
        <v>0</v>
      </c>
      <c r="AC29" s="114">
        <v>2120688</v>
      </c>
      <c r="AD29" s="114">
        <v>3977074</v>
      </c>
      <c r="AE29" s="114">
        <v>4076425</v>
      </c>
      <c r="AF29" s="114">
        <v>5483033</v>
      </c>
      <c r="AG29" s="114">
        <v>5330625</v>
      </c>
      <c r="AH29" s="113">
        <v>20987845</v>
      </c>
      <c r="AI29" s="116">
        <v>20987845</v>
      </c>
      <c r="AJ29" s="110">
        <v>0</v>
      </c>
      <c r="AK29" s="114">
        <v>0</v>
      </c>
      <c r="AL29" s="113">
        <v>0</v>
      </c>
      <c r="AM29" s="110">
        <v>0</v>
      </c>
      <c r="AN29" s="114">
        <v>0</v>
      </c>
      <c r="AO29" s="114">
        <v>179368</v>
      </c>
      <c r="AP29" s="114">
        <v>333456</v>
      </c>
      <c r="AQ29" s="114">
        <v>695077</v>
      </c>
      <c r="AR29" s="114">
        <v>1385499</v>
      </c>
      <c r="AS29" s="113">
        <v>2593400</v>
      </c>
      <c r="AT29" s="116">
        <v>2593400</v>
      </c>
      <c r="AU29" s="110">
        <v>438546</v>
      </c>
      <c r="AV29" s="114">
        <v>741041</v>
      </c>
      <c r="AW29" s="113">
        <v>1179587</v>
      </c>
      <c r="AX29" s="110">
        <v>0</v>
      </c>
      <c r="AY29" s="114">
        <v>2159284</v>
      </c>
      <c r="AZ29" s="114">
        <v>2702592</v>
      </c>
      <c r="BA29" s="114">
        <v>2227997</v>
      </c>
      <c r="BB29" s="114">
        <v>1546919</v>
      </c>
      <c r="BC29" s="114">
        <v>1650384</v>
      </c>
      <c r="BD29" s="113">
        <v>10287176</v>
      </c>
      <c r="BE29" s="116">
        <v>11466763</v>
      </c>
      <c r="BF29" s="110">
        <v>0</v>
      </c>
      <c r="BG29" s="114">
        <v>23395</v>
      </c>
      <c r="BH29" s="112">
        <v>23395</v>
      </c>
      <c r="BI29" s="111">
        <v>0</v>
      </c>
      <c r="BJ29" s="114">
        <v>145760</v>
      </c>
      <c r="BK29" s="114">
        <v>236075</v>
      </c>
      <c r="BL29" s="114">
        <v>73422</v>
      </c>
      <c r="BM29" s="114">
        <v>235617</v>
      </c>
      <c r="BN29" s="114">
        <v>175954</v>
      </c>
      <c r="BO29" s="113">
        <v>866828</v>
      </c>
      <c r="BP29" s="116">
        <v>890223</v>
      </c>
      <c r="BQ29" s="110">
        <v>170840</v>
      </c>
      <c r="BR29" s="114">
        <v>207062</v>
      </c>
      <c r="BS29" s="113">
        <v>377902</v>
      </c>
      <c r="BT29" s="110">
        <v>0</v>
      </c>
      <c r="BU29" s="114">
        <v>1021397</v>
      </c>
      <c r="BV29" s="114">
        <v>1130139</v>
      </c>
      <c r="BW29" s="114">
        <v>973658</v>
      </c>
      <c r="BX29" s="114">
        <v>1098675</v>
      </c>
      <c r="BY29" s="114">
        <v>1009776</v>
      </c>
      <c r="BZ29" s="113">
        <v>5233645</v>
      </c>
      <c r="CA29" s="116">
        <v>5611547</v>
      </c>
      <c r="CB29" s="110">
        <v>281076</v>
      </c>
      <c r="CC29" s="114">
        <v>456630</v>
      </c>
      <c r="CD29" s="113">
        <v>737706</v>
      </c>
      <c r="CE29" s="110">
        <v>0</v>
      </c>
      <c r="CF29" s="114">
        <v>7493992</v>
      </c>
      <c r="CG29" s="114">
        <v>7737608</v>
      </c>
      <c r="CH29" s="114">
        <v>5968912</v>
      </c>
      <c r="CI29" s="114">
        <v>3545205</v>
      </c>
      <c r="CJ29" s="114">
        <v>3041350</v>
      </c>
      <c r="CK29" s="113">
        <v>27787067</v>
      </c>
      <c r="CL29" s="116">
        <v>28524773</v>
      </c>
      <c r="CM29" s="110">
        <v>0</v>
      </c>
      <c r="CN29" s="114">
        <v>0</v>
      </c>
      <c r="CO29" s="113">
        <v>0</v>
      </c>
      <c r="CP29" s="111">
        <v>0</v>
      </c>
      <c r="CQ29" s="114">
        <v>5522299</v>
      </c>
      <c r="CR29" s="114">
        <v>5174657</v>
      </c>
      <c r="CS29" s="114">
        <v>4267070</v>
      </c>
      <c r="CT29" s="114">
        <v>2720617</v>
      </c>
      <c r="CU29" s="114">
        <v>1112907</v>
      </c>
      <c r="CV29" s="113">
        <v>18797550</v>
      </c>
      <c r="CW29" s="116">
        <v>18797550</v>
      </c>
      <c r="CX29" s="110">
        <v>281076</v>
      </c>
      <c r="CY29" s="114">
        <v>456630</v>
      </c>
      <c r="CZ29" s="113">
        <v>737706</v>
      </c>
      <c r="DA29" s="110">
        <v>0</v>
      </c>
      <c r="DB29" s="114">
        <v>1971693</v>
      </c>
      <c r="DC29" s="114">
        <v>2562951</v>
      </c>
      <c r="DD29" s="114">
        <v>1701842</v>
      </c>
      <c r="DE29" s="114">
        <v>824588</v>
      </c>
      <c r="DF29" s="114">
        <v>1928443</v>
      </c>
      <c r="DG29" s="113">
        <v>8989517</v>
      </c>
      <c r="DH29" s="116">
        <v>9727223</v>
      </c>
      <c r="DI29" s="110">
        <v>17657</v>
      </c>
      <c r="DJ29" s="114">
        <v>118752</v>
      </c>
      <c r="DK29" s="112">
        <v>136409</v>
      </c>
      <c r="DL29" s="111">
        <v>0</v>
      </c>
      <c r="DM29" s="114">
        <v>1029529</v>
      </c>
      <c r="DN29" s="114">
        <v>1117317</v>
      </c>
      <c r="DO29" s="114">
        <v>2644531</v>
      </c>
      <c r="DP29" s="114">
        <v>1939465</v>
      </c>
      <c r="DQ29" s="114">
        <v>1674889</v>
      </c>
      <c r="DR29" s="113">
        <v>8405731</v>
      </c>
      <c r="DS29" s="116">
        <v>8542140</v>
      </c>
      <c r="DT29" s="110">
        <v>17657</v>
      </c>
      <c r="DU29" s="114">
        <v>118752</v>
      </c>
      <c r="DV29" s="113">
        <v>136409</v>
      </c>
      <c r="DW29" s="110">
        <v>0</v>
      </c>
      <c r="DX29" s="114">
        <v>802721</v>
      </c>
      <c r="DY29" s="114">
        <v>1117317</v>
      </c>
      <c r="DZ29" s="114">
        <v>2326078</v>
      </c>
      <c r="EA29" s="114">
        <v>1702696</v>
      </c>
      <c r="EB29" s="114">
        <v>1423140</v>
      </c>
      <c r="EC29" s="113">
        <v>7371952</v>
      </c>
      <c r="ED29" s="116">
        <v>7508361</v>
      </c>
      <c r="EE29" s="110">
        <v>0</v>
      </c>
      <c r="EF29" s="112">
        <v>0</v>
      </c>
      <c r="EG29" s="113">
        <v>0</v>
      </c>
      <c r="EH29" s="110">
        <v>0</v>
      </c>
      <c r="EI29" s="114">
        <v>226808</v>
      </c>
      <c r="EJ29" s="114">
        <v>0</v>
      </c>
      <c r="EK29" s="114">
        <v>318453</v>
      </c>
      <c r="EL29" s="114">
        <v>236769</v>
      </c>
      <c r="EM29" s="114">
        <v>251749</v>
      </c>
      <c r="EN29" s="112">
        <v>1033779</v>
      </c>
      <c r="EO29" s="116">
        <v>1033779</v>
      </c>
      <c r="EP29" s="110">
        <v>0</v>
      </c>
      <c r="EQ29" s="114">
        <v>0</v>
      </c>
      <c r="ER29" s="112">
        <v>0</v>
      </c>
      <c r="ES29" s="111">
        <v>0</v>
      </c>
      <c r="ET29" s="114">
        <v>0</v>
      </c>
      <c r="EU29" s="114">
        <v>0</v>
      </c>
      <c r="EV29" s="114">
        <v>0</v>
      </c>
      <c r="EW29" s="114">
        <v>0</v>
      </c>
      <c r="EX29" s="114">
        <v>0</v>
      </c>
      <c r="EY29" s="113">
        <v>0</v>
      </c>
      <c r="EZ29" s="116">
        <v>0</v>
      </c>
      <c r="FA29" s="110">
        <v>0</v>
      </c>
      <c r="FB29" s="114">
        <v>0</v>
      </c>
      <c r="FC29" s="112">
        <v>0</v>
      </c>
      <c r="FD29" s="347"/>
      <c r="FE29" s="114">
        <v>0</v>
      </c>
      <c r="FF29" s="114">
        <v>0</v>
      </c>
      <c r="FG29" s="114">
        <v>0</v>
      </c>
      <c r="FH29" s="114">
        <v>0</v>
      </c>
      <c r="FI29" s="114">
        <v>0</v>
      </c>
      <c r="FJ29" s="113">
        <v>0</v>
      </c>
      <c r="FK29" s="116">
        <v>0</v>
      </c>
      <c r="FL29" s="110">
        <v>454358</v>
      </c>
      <c r="FM29" s="114">
        <v>846156</v>
      </c>
      <c r="FN29" s="113">
        <v>1300514</v>
      </c>
      <c r="FO29" s="110">
        <v>0</v>
      </c>
      <c r="FP29" s="114">
        <v>1115886</v>
      </c>
      <c r="FQ29" s="114">
        <v>2214334</v>
      </c>
      <c r="FR29" s="114">
        <v>1817271</v>
      </c>
      <c r="FS29" s="114">
        <v>1265090</v>
      </c>
      <c r="FT29" s="114">
        <v>1728418</v>
      </c>
      <c r="FU29" s="113">
        <v>8140999</v>
      </c>
      <c r="FV29" s="116">
        <v>9441513</v>
      </c>
      <c r="FW29" s="115">
        <v>325892</v>
      </c>
      <c r="FX29" s="114">
        <v>468336</v>
      </c>
      <c r="FY29" s="112">
        <v>794228</v>
      </c>
      <c r="FZ29" s="111">
        <v>0</v>
      </c>
      <c r="GA29" s="114">
        <v>847399</v>
      </c>
      <c r="GB29" s="114">
        <v>1998792</v>
      </c>
      <c r="GC29" s="114">
        <v>1767771</v>
      </c>
      <c r="GD29" s="114">
        <v>1221890</v>
      </c>
      <c r="GE29" s="114">
        <v>1546218</v>
      </c>
      <c r="GF29" s="113">
        <v>7382070</v>
      </c>
      <c r="GG29" s="318">
        <v>8176298</v>
      </c>
      <c r="GH29" s="115">
        <v>78966</v>
      </c>
      <c r="GI29" s="114">
        <v>37980</v>
      </c>
      <c r="GJ29" s="112">
        <v>116946</v>
      </c>
      <c r="GK29" s="111">
        <v>0</v>
      </c>
      <c r="GL29" s="114">
        <v>73677</v>
      </c>
      <c r="GM29" s="114">
        <v>95832</v>
      </c>
      <c r="GN29" s="114">
        <v>49500</v>
      </c>
      <c r="GO29" s="114">
        <v>0</v>
      </c>
      <c r="GP29" s="114">
        <v>0</v>
      </c>
      <c r="GQ29" s="113">
        <v>219009</v>
      </c>
      <c r="GR29" s="116">
        <v>335955</v>
      </c>
      <c r="GS29" s="110">
        <v>49500</v>
      </c>
      <c r="GT29" s="114">
        <v>339840</v>
      </c>
      <c r="GU29" s="113">
        <v>389340</v>
      </c>
      <c r="GV29" s="110">
        <v>0</v>
      </c>
      <c r="GW29" s="114">
        <v>194810</v>
      </c>
      <c r="GX29" s="114">
        <v>119710</v>
      </c>
      <c r="GY29" s="114">
        <v>0</v>
      </c>
      <c r="GZ29" s="114">
        <v>43200</v>
      </c>
      <c r="HA29" s="114">
        <v>182200</v>
      </c>
      <c r="HB29" s="112">
        <v>539920</v>
      </c>
      <c r="HC29" s="116">
        <v>929260</v>
      </c>
      <c r="HD29" s="110">
        <v>749853</v>
      </c>
      <c r="HE29" s="114">
        <v>836957</v>
      </c>
      <c r="HF29" s="112">
        <v>1586810</v>
      </c>
      <c r="HG29" s="111">
        <v>0</v>
      </c>
      <c r="HH29" s="114">
        <v>5349813</v>
      </c>
      <c r="HI29" s="114">
        <v>6022476</v>
      </c>
      <c r="HJ29" s="114">
        <v>6160029</v>
      </c>
      <c r="HK29" s="114">
        <v>7182975</v>
      </c>
      <c r="HL29" s="114">
        <v>5973979</v>
      </c>
      <c r="HM29" s="113">
        <v>30689272</v>
      </c>
      <c r="HN29" s="109">
        <v>32276082</v>
      </c>
      <c r="HO29" s="115">
        <v>467115</v>
      </c>
      <c r="HP29" s="114">
        <v>472206</v>
      </c>
      <c r="HQ29" s="113">
        <v>939321</v>
      </c>
      <c r="HR29" s="110">
        <v>0</v>
      </c>
      <c r="HS29" s="114">
        <v>3802878</v>
      </c>
      <c r="HT29" s="114">
        <v>2810013</v>
      </c>
      <c r="HU29" s="114">
        <v>2465866</v>
      </c>
      <c r="HV29" s="114">
        <v>1363745</v>
      </c>
      <c r="HW29" s="114">
        <v>1182554</v>
      </c>
      <c r="HX29" s="112">
        <v>11625056</v>
      </c>
      <c r="HY29" s="116">
        <v>12564377</v>
      </c>
      <c r="HZ29" s="131">
        <v>184859</v>
      </c>
      <c r="IA29" s="132">
        <v>162380</v>
      </c>
      <c r="IB29" s="133">
        <v>347239</v>
      </c>
      <c r="IC29" s="146">
        <v>0</v>
      </c>
      <c r="ID29" s="132">
        <v>4351997</v>
      </c>
      <c r="IE29" s="147">
        <v>4301678</v>
      </c>
      <c r="IF29" s="133">
        <v>5519817</v>
      </c>
      <c r="IG29" s="132">
        <v>4839673</v>
      </c>
      <c r="IH29" s="133">
        <v>1856591</v>
      </c>
      <c r="II29" s="148">
        <v>20869756</v>
      </c>
      <c r="IJ29" s="139">
        <v>21216995</v>
      </c>
      <c r="IK29" s="232">
        <v>0</v>
      </c>
      <c r="IL29" s="236">
        <v>0</v>
      </c>
      <c r="IM29" s="237">
        <v>0</v>
      </c>
      <c r="IN29" s="140"/>
      <c r="IO29" s="119">
        <v>203447</v>
      </c>
      <c r="IP29" s="119">
        <v>342872</v>
      </c>
      <c r="IQ29" s="119">
        <v>158825</v>
      </c>
      <c r="IR29" s="119">
        <v>806679</v>
      </c>
      <c r="IS29" s="119">
        <v>0</v>
      </c>
      <c r="IT29" s="141">
        <v>1511823</v>
      </c>
      <c r="IU29" s="320">
        <v>1511823</v>
      </c>
      <c r="IV29" s="142">
        <v>0</v>
      </c>
      <c r="IW29" s="119">
        <v>0</v>
      </c>
      <c r="IX29" s="120">
        <v>0</v>
      </c>
      <c r="IY29" s="144"/>
      <c r="IZ29" s="119">
        <v>0</v>
      </c>
      <c r="JA29" s="119">
        <v>0</v>
      </c>
      <c r="JB29" s="119">
        <v>0</v>
      </c>
      <c r="JC29" s="119">
        <v>0</v>
      </c>
      <c r="JD29" s="119">
        <v>0</v>
      </c>
      <c r="JE29" s="120">
        <v>0</v>
      </c>
      <c r="JF29" s="121">
        <v>0</v>
      </c>
      <c r="JG29" s="142">
        <v>0</v>
      </c>
      <c r="JH29" s="119">
        <v>0</v>
      </c>
      <c r="JI29" s="141">
        <v>0</v>
      </c>
      <c r="JJ29" s="118">
        <v>0</v>
      </c>
      <c r="JK29" s="119">
        <v>1499073</v>
      </c>
      <c r="JL29" s="119">
        <v>1087134</v>
      </c>
      <c r="JM29" s="119">
        <v>1307179</v>
      </c>
      <c r="JN29" s="119">
        <v>476694</v>
      </c>
      <c r="JO29" s="119">
        <v>112597</v>
      </c>
      <c r="JP29" s="120">
        <v>4482677</v>
      </c>
      <c r="JQ29" s="320">
        <v>4482677</v>
      </c>
      <c r="JR29" s="142">
        <v>0</v>
      </c>
      <c r="JS29" s="119">
        <v>0</v>
      </c>
      <c r="JT29" s="141">
        <v>0</v>
      </c>
      <c r="JU29" s="118">
        <v>0</v>
      </c>
      <c r="JV29" s="119">
        <v>612693</v>
      </c>
      <c r="JW29" s="119">
        <v>289821</v>
      </c>
      <c r="JX29" s="119">
        <v>685472</v>
      </c>
      <c r="JY29" s="119">
        <v>189787</v>
      </c>
      <c r="JZ29" s="119">
        <v>116050</v>
      </c>
      <c r="KA29" s="120">
        <v>1893823</v>
      </c>
      <c r="KB29" s="320">
        <v>1893823</v>
      </c>
      <c r="KC29" s="234">
        <v>184859</v>
      </c>
      <c r="KD29" s="230">
        <v>162380</v>
      </c>
      <c r="KE29" s="120">
        <v>347239</v>
      </c>
      <c r="KF29" s="118">
        <v>0</v>
      </c>
      <c r="KG29" s="119">
        <v>1781188</v>
      </c>
      <c r="KH29" s="119">
        <v>1520389</v>
      </c>
      <c r="KI29" s="119">
        <v>1574083</v>
      </c>
      <c r="KJ29" s="119">
        <v>1141092</v>
      </c>
      <c r="KK29" s="119">
        <v>303109</v>
      </c>
      <c r="KL29" s="120">
        <v>6319861</v>
      </c>
      <c r="KM29" s="143">
        <v>6667100</v>
      </c>
      <c r="KN29" s="232">
        <v>0</v>
      </c>
      <c r="KO29" s="236">
        <v>0</v>
      </c>
      <c r="KP29" s="237">
        <v>0</v>
      </c>
      <c r="KQ29" s="140"/>
      <c r="KR29" s="119">
        <v>255596</v>
      </c>
      <c r="KS29" s="119">
        <v>1061462</v>
      </c>
      <c r="KT29" s="119">
        <v>1794258</v>
      </c>
      <c r="KU29" s="119">
        <v>2225421</v>
      </c>
      <c r="KV29" s="119">
        <v>1324835</v>
      </c>
      <c r="KW29" s="120">
        <v>6661572</v>
      </c>
      <c r="KX29" s="320">
        <v>6661572</v>
      </c>
      <c r="KY29" s="142">
        <v>0</v>
      </c>
      <c r="KZ29" s="119">
        <v>0</v>
      </c>
      <c r="LA29" s="120">
        <v>0</v>
      </c>
      <c r="LB29" s="145"/>
      <c r="LC29" s="119">
        <v>0</v>
      </c>
      <c r="LD29" s="119">
        <v>0</v>
      </c>
      <c r="LE29" s="119">
        <v>0</v>
      </c>
      <c r="LF29" s="119">
        <v>0</v>
      </c>
      <c r="LG29" s="119">
        <v>0</v>
      </c>
      <c r="LH29" s="120">
        <v>0</v>
      </c>
      <c r="LI29" s="121">
        <v>0</v>
      </c>
      <c r="LJ29" s="142">
        <v>0</v>
      </c>
      <c r="LK29" s="119">
        <v>0</v>
      </c>
      <c r="LL29" s="120">
        <v>0</v>
      </c>
      <c r="LM29" s="145"/>
      <c r="LN29" s="119">
        <v>0</v>
      </c>
      <c r="LO29" s="119">
        <v>0</v>
      </c>
      <c r="LP29" s="119">
        <v>0</v>
      </c>
      <c r="LQ29" s="119">
        <v>0</v>
      </c>
      <c r="LR29" s="119">
        <v>0</v>
      </c>
      <c r="LS29" s="120">
        <v>0</v>
      </c>
      <c r="LT29" s="320">
        <v>0</v>
      </c>
      <c r="LU29" s="142">
        <v>0</v>
      </c>
      <c r="LV29" s="119">
        <v>0</v>
      </c>
      <c r="LW29" s="120">
        <v>0</v>
      </c>
      <c r="LX29" s="145"/>
      <c r="LY29" s="119">
        <v>0</v>
      </c>
      <c r="LZ29" s="119">
        <v>0</v>
      </c>
      <c r="MA29" s="119">
        <v>0</v>
      </c>
      <c r="MB29" s="119">
        <v>0</v>
      </c>
      <c r="MC29" s="119">
        <v>0</v>
      </c>
      <c r="MD29" s="120">
        <v>0</v>
      </c>
      <c r="ME29" s="121">
        <v>0</v>
      </c>
      <c r="MF29" s="142">
        <v>0</v>
      </c>
      <c r="MG29" s="119">
        <v>0</v>
      </c>
      <c r="MH29" s="120">
        <v>0</v>
      </c>
      <c r="MI29" s="145"/>
      <c r="MJ29" s="119">
        <v>2906689</v>
      </c>
      <c r="MK29" s="119">
        <v>3965986</v>
      </c>
      <c r="ML29" s="119">
        <v>16033186</v>
      </c>
      <c r="MM29" s="119">
        <v>28140984</v>
      </c>
      <c r="MN29" s="119">
        <v>22876480</v>
      </c>
      <c r="MO29" s="120">
        <v>73923325</v>
      </c>
      <c r="MP29" s="143">
        <v>73923325</v>
      </c>
      <c r="MQ29" s="142">
        <v>0</v>
      </c>
      <c r="MR29" s="119">
        <v>0</v>
      </c>
      <c r="MS29" s="120">
        <v>0</v>
      </c>
      <c r="MT29" s="145"/>
      <c r="MU29" s="119">
        <v>0</v>
      </c>
      <c r="MV29" s="119">
        <v>0</v>
      </c>
      <c r="MW29" s="119">
        <v>7924741</v>
      </c>
      <c r="MX29" s="119">
        <v>20089598</v>
      </c>
      <c r="MY29" s="119">
        <v>17989430</v>
      </c>
      <c r="MZ29" s="120">
        <v>46003769</v>
      </c>
      <c r="NA29" s="143">
        <v>46003769</v>
      </c>
      <c r="NB29" s="142">
        <v>0</v>
      </c>
      <c r="NC29" s="119">
        <v>0</v>
      </c>
      <c r="ND29" s="120">
        <v>0</v>
      </c>
      <c r="NE29" s="145"/>
      <c r="NF29" s="119">
        <v>2906689</v>
      </c>
      <c r="NG29" s="119">
        <v>3965986</v>
      </c>
      <c r="NH29" s="119">
        <v>8108445</v>
      </c>
      <c r="NI29" s="119">
        <v>8051386</v>
      </c>
      <c r="NJ29" s="119">
        <v>4887050</v>
      </c>
      <c r="NK29" s="120">
        <v>27919556</v>
      </c>
      <c r="NL29" s="320">
        <v>27919556</v>
      </c>
      <c r="NM29" s="142">
        <v>0</v>
      </c>
      <c r="NN29" s="119">
        <v>0</v>
      </c>
      <c r="NO29" s="120">
        <v>0</v>
      </c>
      <c r="NP29" s="145"/>
      <c r="NQ29" s="119">
        <v>0</v>
      </c>
      <c r="NR29" s="119">
        <v>0</v>
      </c>
      <c r="NS29" s="119">
        <v>0</v>
      </c>
      <c r="NT29" s="119">
        <v>0</v>
      </c>
      <c r="NU29" s="119">
        <v>0</v>
      </c>
      <c r="NV29" s="120">
        <v>0</v>
      </c>
      <c r="NW29" s="121">
        <v>0</v>
      </c>
      <c r="NX29" s="142">
        <v>0</v>
      </c>
      <c r="NY29" s="119">
        <v>0</v>
      </c>
      <c r="NZ29" s="120">
        <v>0</v>
      </c>
      <c r="OA29" s="145"/>
      <c r="OB29" s="119">
        <v>0</v>
      </c>
      <c r="OC29" s="119">
        <v>0</v>
      </c>
      <c r="OD29" s="119">
        <v>0</v>
      </c>
      <c r="OE29" s="119">
        <v>0</v>
      </c>
      <c r="OF29" s="119">
        <v>0</v>
      </c>
      <c r="OG29" s="120">
        <v>0</v>
      </c>
      <c r="OH29" s="121">
        <v>0</v>
      </c>
      <c r="OI29" s="142">
        <v>2764304</v>
      </c>
      <c r="OJ29" s="119">
        <v>3864579</v>
      </c>
      <c r="OK29" s="141">
        <v>6628883</v>
      </c>
      <c r="OL29" s="118">
        <v>0</v>
      </c>
      <c r="OM29" s="119">
        <v>31497913</v>
      </c>
      <c r="ON29" s="119">
        <v>36394660</v>
      </c>
      <c r="OO29" s="119">
        <v>48294570</v>
      </c>
      <c r="OP29" s="119">
        <v>57336458</v>
      </c>
      <c r="OQ29" s="119">
        <v>47886499</v>
      </c>
      <c r="OR29" s="120">
        <v>221410100</v>
      </c>
      <c r="OS29" s="143">
        <v>228038983</v>
      </c>
    </row>
    <row r="30" spans="2:409" ht="21" customHeight="1" x14ac:dyDescent="0.2">
      <c r="B30" s="62" t="s">
        <v>25</v>
      </c>
      <c r="C30" s="110">
        <v>2391694</v>
      </c>
      <c r="D30" s="114">
        <v>4686587</v>
      </c>
      <c r="E30" s="113">
        <v>7078281</v>
      </c>
      <c r="F30" s="109">
        <v>0</v>
      </c>
      <c r="G30" s="114">
        <v>26424573</v>
      </c>
      <c r="H30" s="114">
        <v>31847780</v>
      </c>
      <c r="I30" s="114">
        <v>23626315</v>
      </c>
      <c r="J30" s="114">
        <v>25796547</v>
      </c>
      <c r="K30" s="114">
        <v>15864096</v>
      </c>
      <c r="L30" s="173">
        <v>123559311</v>
      </c>
      <c r="M30" s="116">
        <v>130637592</v>
      </c>
      <c r="N30" s="110">
        <v>444434</v>
      </c>
      <c r="O30" s="114">
        <v>1443118</v>
      </c>
      <c r="P30" s="113">
        <v>1887552</v>
      </c>
      <c r="Q30" s="110">
        <v>0</v>
      </c>
      <c r="R30" s="114">
        <v>8023659</v>
      </c>
      <c r="S30" s="114">
        <v>9470993</v>
      </c>
      <c r="T30" s="114">
        <v>6922501</v>
      </c>
      <c r="U30" s="114">
        <v>9111566</v>
      </c>
      <c r="V30" s="114">
        <v>8086240</v>
      </c>
      <c r="W30" s="113">
        <v>41614959</v>
      </c>
      <c r="X30" s="116">
        <v>43502511</v>
      </c>
      <c r="Y30" s="110">
        <v>0</v>
      </c>
      <c r="Z30" s="114">
        <v>0</v>
      </c>
      <c r="AA30" s="113">
        <v>0</v>
      </c>
      <c r="AB30" s="110">
        <v>0</v>
      </c>
      <c r="AC30" s="114">
        <v>4190415</v>
      </c>
      <c r="AD30" s="114">
        <v>4533826</v>
      </c>
      <c r="AE30" s="114">
        <v>3970453</v>
      </c>
      <c r="AF30" s="114">
        <v>5467258</v>
      </c>
      <c r="AG30" s="114">
        <v>5036034</v>
      </c>
      <c r="AH30" s="113">
        <v>23197986</v>
      </c>
      <c r="AI30" s="116">
        <v>23197986</v>
      </c>
      <c r="AJ30" s="110">
        <v>0</v>
      </c>
      <c r="AK30" s="114">
        <v>0</v>
      </c>
      <c r="AL30" s="113">
        <v>0</v>
      </c>
      <c r="AM30" s="110">
        <v>0</v>
      </c>
      <c r="AN30" s="114">
        <v>219742</v>
      </c>
      <c r="AO30" s="114">
        <v>680565</v>
      </c>
      <c r="AP30" s="114">
        <v>582689</v>
      </c>
      <c r="AQ30" s="114">
        <v>1154454</v>
      </c>
      <c r="AR30" s="114">
        <v>1226819</v>
      </c>
      <c r="AS30" s="113">
        <v>3864269</v>
      </c>
      <c r="AT30" s="116">
        <v>3864269</v>
      </c>
      <c r="AU30" s="110">
        <v>294674</v>
      </c>
      <c r="AV30" s="114">
        <v>1160147</v>
      </c>
      <c r="AW30" s="113">
        <v>1454821</v>
      </c>
      <c r="AX30" s="110">
        <v>0</v>
      </c>
      <c r="AY30" s="114">
        <v>2758359</v>
      </c>
      <c r="AZ30" s="114">
        <v>3052726</v>
      </c>
      <c r="BA30" s="114">
        <v>1429777</v>
      </c>
      <c r="BB30" s="114">
        <v>1411023</v>
      </c>
      <c r="BC30" s="114">
        <v>1191050</v>
      </c>
      <c r="BD30" s="113">
        <v>9842935</v>
      </c>
      <c r="BE30" s="116">
        <v>11297756</v>
      </c>
      <c r="BF30" s="110">
        <v>46676</v>
      </c>
      <c r="BG30" s="114">
        <v>160372</v>
      </c>
      <c r="BH30" s="112">
        <v>207048</v>
      </c>
      <c r="BI30" s="111">
        <v>0</v>
      </c>
      <c r="BJ30" s="114">
        <v>36630</v>
      </c>
      <c r="BK30" s="114">
        <v>351935</v>
      </c>
      <c r="BL30" s="114">
        <v>288010</v>
      </c>
      <c r="BM30" s="114">
        <v>188694</v>
      </c>
      <c r="BN30" s="114">
        <v>140740</v>
      </c>
      <c r="BO30" s="113">
        <v>1006009</v>
      </c>
      <c r="BP30" s="116">
        <v>1213057</v>
      </c>
      <c r="BQ30" s="110">
        <v>103084</v>
      </c>
      <c r="BR30" s="114">
        <v>122599</v>
      </c>
      <c r="BS30" s="113">
        <v>225683</v>
      </c>
      <c r="BT30" s="110">
        <v>0</v>
      </c>
      <c r="BU30" s="114">
        <v>818513</v>
      </c>
      <c r="BV30" s="114">
        <v>851941</v>
      </c>
      <c r="BW30" s="114">
        <v>651572</v>
      </c>
      <c r="BX30" s="114">
        <v>890137</v>
      </c>
      <c r="BY30" s="114">
        <v>491597</v>
      </c>
      <c r="BZ30" s="113">
        <v>3703760</v>
      </c>
      <c r="CA30" s="116">
        <v>3929443</v>
      </c>
      <c r="CB30" s="110">
        <v>231843</v>
      </c>
      <c r="CC30" s="114">
        <v>854419</v>
      </c>
      <c r="CD30" s="113">
        <v>1086262</v>
      </c>
      <c r="CE30" s="110">
        <v>0</v>
      </c>
      <c r="CF30" s="114">
        <v>9377584</v>
      </c>
      <c r="CG30" s="114">
        <v>10812702</v>
      </c>
      <c r="CH30" s="114">
        <v>6769576</v>
      </c>
      <c r="CI30" s="114">
        <v>6697331</v>
      </c>
      <c r="CJ30" s="114">
        <v>1437407</v>
      </c>
      <c r="CK30" s="113">
        <v>35094600</v>
      </c>
      <c r="CL30" s="116">
        <v>36180862</v>
      </c>
      <c r="CM30" s="110">
        <v>0</v>
      </c>
      <c r="CN30" s="114">
        <v>0</v>
      </c>
      <c r="CO30" s="113">
        <v>0</v>
      </c>
      <c r="CP30" s="111">
        <v>0</v>
      </c>
      <c r="CQ30" s="114">
        <v>7432927</v>
      </c>
      <c r="CR30" s="114">
        <v>6985713</v>
      </c>
      <c r="CS30" s="114">
        <v>4873122</v>
      </c>
      <c r="CT30" s="114">
        <v>5258757</v>
      </c>
      <c r="CU30" s="114">
        <v>843483</v>
      </c>
      <c r="CV30" s="113">
        <v>25394002</v>
      </c>
      <c r="CW30" s="116">
        <v>25394002</v>
      </c>
      <c r="CX30" s="110">
        <v>231843</v>
      </c>
      <c r="CY30" s="114">
        <v>854419</v>
      </c>
      <c r="CZ30" s="113">
        <v>1086262</v>
      </c>
      <c r="DA30" s="110">
        <v>0</v>
      </c>
      <c r="DB30" s="114">
        <v>1944657</v>
      </c>
      <c r="DC30" s="114">
        <v>3826989</v>
      </c>
      <c r="DD30" s="114">
        <v>1896454</v>
      </c>
      <c r="DE30" s="114">
        <v>1438574</v>
      </c>
      <c r="DF30" s="114">
        <v>593924</v>
      </c>
      <c r="DG30" s="113">
        <v>9700598</v>
      </c>
      <c r="DH30" s="116">
        <v>10786860</v>
      </c>
      <c r="DI30" s="110">
        <v>46076</v>
      </c>
      <c r="DJ30" s="114">
        <v>41947</v>
      </c>
      <c r="DK30" s="112">
        <v>88023</v>
      </c>
      <c r="DL30" s="111">
        <v>0</v>
      </c>
      <c r="DM30" s="114">
        <v>520609</v>
      </c>
      <c r="DN30" s="114">
        <v>1548848</v>
      </c>
      <c r="DO30" s="114">
        <v>2845768</v>
      </c>
      <c r="DP30" s="114">
        <v>1382957</v>
      </c>
      <c r="DQ30" s="114">
        <v>603048</v>
      </c>
      <c r="DR30" s="113">
        <v>6901230</v>
      </c>
      <c r="DS30" s="116">
        <v>6989253</v>
      </c>
      <c r="DT30" s="110">
        <v>46076</v>
      </c>
      <c r="DU30" s="114">
        <v>41947</v>
      </c>
      <c r="DV30" s="113">
        <v>88023</v>
      </c>
      <c r="DW30" s="110">
        <v>0</v>
      </c>
      <c r="DX30" s="114">
        <v>261494</v>
      </c>
      <c r="DY30" s="114">
        <v>1301923</v>
      </c>
      <c r="DZ30" s="114">
        <v>2663830</v>
      </c>
      <c r="EA30" s="114">
        <v>421595</v>
      </c>
      <c r="EB30" s="114">
        <v>432081</v>
      </c>
      <c r="EC30" s="113">
        <v>5080923</v>
      </c>
      <c r="ED30" s="116">
        <v>5168946</v>
      </c>
      <c r="EE30" s="110">
        <v>0</v>
      </c>
      <c r="EF30" s="112">
        <v>0</v>
      </c>
      <c r="EG30" s="113">
        <v>0</v>
      </c>
      <c r="EH30" s="110">
        <v>0</v>
      </c>
      <c r="EI30" s="114">
        <v>259115</v>
      </c>
      <c r="EJ30" s="114">
        <v>246925</v>
      </c>
      <c r="EK30" s="114">
        <v>181938</v>
      </c>
      <c r="EL30" s="114">
        <v>961362</v>
      </c>
      <c r="EM30" s="114">
        <v>170967</v>
      </c>
      <c r="EN30" s="112">
        <v>1820307</v>
      </c>
      <c r="EO30" s="116">
        <v>1820307</v>
      </c>
      <c r="EP30" s="110">
        <v>0</v>
      </c>
      <c r="EQ30" s="114">
        <v>0</v>
      </c>
      <c r="ER30" s="112">
        <v>0</v>
      </c>
      <c r="ES30" s="111">
        <v>0</v>
      </c>
      <c r="ET30" s="114">
        <v>0</v>
      </c>
      <c r="EU30" s="114">
        <v>0</v>
      </c>
      <c r="EV30" s="114">
        <v>0</v>
      </c>
      <c r="EW30" s="114">
        <v>0</v>
      </c>
      <c r="EX30" s="114">
        <v>0</v>
      </c>
      <c r="EY30" s="113">
        <v>0</v>
      </c>
      <c r="EZ30" s="116">
        <v>0</v>
      </c>
      <c r="FA30" s="110">
        <v>0</v>
      </c>
      <c r="FB30" s="114">
        <v>0</v>
      </c>
      <c r="FC30" s="112">
        <v>0</v>
      </c>
      <c r="FD30" s="347"/>
      <c r="FE30" s="114">
        <v>0</v>
      </c>
      <c r="FF30" s="114">
        <v>0</v>
      </c>
      <c r="FG30" s="114">
        <v>0</v>
      </c>
      <c r="FH30" s="114">
        <v>0</v>
      </c>
      <c r="FI30" s="114">
        <v>0</v>
      </c>
      <c r="FJ30" s="113">
        <v>0</v>
      </c>
      <c r="FK30" s="116">
        <v>0</v>
      </c>
      <c r="FL30" s="110">
        <v>951924</v>
      </c>
      <c r="FM30" s="114">
        <v>1234162</v>
      </c>
      <c r="FN30" s="113">
        <v>2186086</v>
      </c>
      <c r="FO30" s="110">
        <v>0</v>
      </c>
      <c r="FP30" s="114">
        <v>920990</v>
      </c>
      <c r="FQ30" s="114">
        <v>3455861</v>
      </c>
      <c r="FR30" s="114">
        <v>2031458</v>
      </c>
      <c r="FS30" s="114">
        <v>2138185</v>
      </c>
      <c r="FT30" s="114">
        <v>1110804</v>
      </c>
      <c r="FU30" s="113">
        <v>9657298</v>
      </c>
      <c r="FV30" s="116">
        <v>11843384</v>
      </c>
      <c r="FW30" s="115">
        <v>425354</v>
      </c>
      <c r="FX30" s="114">
        <v>876142</v>
      </c>
      <c r="FY30" s="112">
        <v>1301496</v>
      </c>
      <c r="FZ30" s="111">
        <v>0</v>
      </c>
      <c r="GA30" s="114">
        <v>850970</v>
      </c>
      <c r="GB30" s="114">
        <v>3123437</v>
      </c>
      <c r="GC30" s="114">
        <v>1873688</v>
      </c>
      <c r="GD30" s="114">
        <v>1963950</v>
      </c>
      <c r="GE30" s="114">
        <v>1085064</v>
      </c>
      <c r="GF30" s="113">
        <v>8897109</v>
      </c>
      <c r="GG30" s="318">
        <v>10198605</v>
      </c>
      <c r="GH30" s="115">
        <v>122670</v>
      </c>
      <c r="GI30" s="114">
        <v>33120</v>
      </c>
      <c r="GJ30" s="112">
        <v>155790</v>
      </c>
      <c r="GK30" s="111">
        <v>0</v>
      </c>
      <c r="GL30" s="114">
        <v>0</v>
      </c>
      <c r="GM30" s="114">
        <v>208674</v>
      </c>
      <c r="GN30" s="114">
        <v>0</v>
      </c>
      <c r="GO30" s="114">
        <v>83835</v>
      </c>
      <c r="GP30" s="114">
        <v>25740</v>
      </c>
      <c r="GQ30" s="113">
        <v>318249</v>
      </c>
      <c r="GR30" s="116">
        <v>474039</v>
      </c>
      <c r="GS30" s="110">
        <v>403900</v>
      </c>
      <c r="GT30" s="114">
        <v>324900</v>
      </c>
      <c r="GU30" s="113">
        <v>728800</v>
      </c>
      <c r="GV30" s="110">
        <v>0</v>
      </c>
      <c r="GW30" s="114">
        <v>70020</v>
      </c>
      <c r="GX30" s="114">
        <v>123750</v>
      </c>
      <c r="GY30" s="114">
        <v>157770</v>
      </c>
      <c r="GZ30" s="114">
        <v>90400</v>
      </c>
      <c r="HA30" s="114">
        <v>0</v>
      </c>
      <c r="HB30" s="112">
        <v>441940</v>
      </c>
      <c r="HC30" s="116">
        <v>1170740</v>
      </c>
      <c r="HD30" s="110">
        <v>251511</v>
      </c>
      <c r="HE30" s="114">
        <v>298279</v>
      </c>
      <c r="HF30" s="112">
        <v>549790</v>
      </c>
      <c r="HG30" s="111">
        <v>0</v>
      </c>
      <c r="HH30" s="114">
        <v>3197923</v>
      </c>
      <c r="HI30" s="114">
        <v>2793144</v>
      </c>
      <c r="HJ30" s="114">
        <v>2658393</v>
      </c>
      <c r="HK30" s="114">
        <v>4703247</v>
      </c>
      <c r="HL30" s="114">
        <v>3651552</v>
      </c>
      <c r="HM30" s="113">
        <v>17004259</v>
      </c>
      <c r="HN30" s="109">
        <v>17554049</v>
      </c>
      <c r="HO30" s="115">
        <v>465906</v>
      </c>
      <c r="HP30" s="114">
        <v>814662</v>
      </c>
      <c r="HQ30" s="113">
        <v>1280568</v>
      </c>
      <c r="HR30" s="110">
        <v>0</v>
      </c>
      <c r="HS30" s="114">
        <v>4383808</v>
      </c>
      <c r="HT30" s="114">
        <v>3766232</v>
      </c>
      <c r="HU30" s="114">
        <v>2398619</v>
      </c>
      <c r="HV30" s="114">
        <v>1763261</v>
      </c>
      <c r="HW30" s="114">
        <v>975045</v>
      </c>
      <c r="HX30" s="112">
        <v>13286965</v>
      </c>
      <c r="HY30" s="116">
        <v>14567533</v>
      </c>
      <c r="HZ30" s="150">
        <v>87720</v>
      </c>
      <c r="IA30" s="135">
        <v>0</v>
      </c>
      <c r="IB30" s="150">
        <v>87720</v>
      </c>
      <c r="IC30" s="134">
        <v>0</v>
      </c>
      <c r="ID30" s="135">
        <v>6471451</v>
      </c>
      <c r="IE30" s="136">
        <v>5554123</v>
      </c>
      <c r="IF30" s="137">
        <v>3812322</v>
      </c>
      <c r="IG30" s="135">
        <v>2977591</v>
      </c>
      <c r="IH30" s="137">
        <v>415453</v>
      </c>
      <c r="II30" s="138">
        <v>19230940</v>
      </c>
      <c r="IJ30" s="150">
        <v>19318660</v>
      </c>
      <c r="IK30" s="232">
        <v>0</v>
      </c>
      <c r="IL30" s="236">
        <v>0</v>
      </c>
      <c r="IM30" s="237">
        <v>0</v>
      </c>
      <c r="IN30" s="140"/>
      <c r="IO30" s="119">
        <v>0</v>
      </c>
      <c r="IP30" s="119">
        <v>0</v>
      </c>
      <c r="IQ30" s="119">
        <v>0</v>
      </c>
      <c r="IR30" s="119">
        <v>0</v>
      </c>
      <c r="IS30" s="119">
        <v>0</v>
      </c>
      <c r="IT30" s="141">
        <v>0</v>
      </c>
      <c r="IU30" s="320">
        <v>0</v>
      </c>
      <c r="IV30" s="142">
        <v>0</v>
      </c>
      <c r="IW30" s="119">
        <v>0</v>
      </c>
      <c r="IX30" s="120">
        <v>0</v>
      </c>
      <c r="IY30" s="144"/>
      <c r="IZ30" s="119">
        <v>0</v>
      </c>
      <c r="JA30" s="119">
        <v>0</v>
      </c>
      <c r="JB30" s="119">
        <v>0</v>
      </c>
      <c r="JC30" s="119">
        <v>0</v>
      </c>
      <c r="JD30" s="119">
        <v>0</v>
      </c>
      <c r="JE30" s="120">
        <v>0</v>
      </c>
      <c r="JF30" s="121">
        <v>0</v>
      </c>
      <c r="JG30" s="142">
        <v>0</v>
      </c>
      <c r="JH30" s="119">
        <v>0</v>
      </c>
      <c r="JI30" s="141">
        <v>0</v>
      </c>
      <c r="JJ30" s="118">
        <v>0</v>
      </c>
      <c r="JK30" s="119">
        <v>4206462</v>
      </c>
      <c r="JL30" s="119">
        <v>2184939</v>
      </c>
      <c r="JM30" s="119">
        <v>1246356</v>
      </c>
      <c r="JN30" s="119">
        <v>468131</v>
      </c>
      <c r="JO30" s="119">
        <v>180019</v>
      </c>
      <c r="JP30" s="120">
        <v>8285907</v>
      </c>
      <c r="JQ30" s="320">
        <v>8285907</v>
      </c>
      <c r="JR30" s="142">
        <v>0</v>
      </c>
      <c r="JS30" s="119">
        <v>0</v>
      </c>
      <c r="JT30" s="141">
        <v>0</v>
      </c>
      <c r="JU30" s="118">
        <v>0</v>
      </c>
      <c r="JV30" s="119">
        <v>0</v>
      </c>
      <c r="JW30" s="119">
        <v>0</v>
      </c>
      <c r="JX30" s="119">
        <v>0</v>
      </c>
      <c r="JY30" s="119">
        <v>0</v>
      </c>
      <c r="JZ30" s="119">
        <v>0</v>
      </c>
      <c r="KA30" s="120">
        <v>0</v>
      </c>
      <c r="KB30" s="320">
        <v>0</v>
      </c>
      <c r="KC30" s="234">
        <v>87720</v>
      </c>
      <c r="KD30" s="230">
        <v>0</v>
      </c>
      <c r="KE30" s="120">
        <v>87720</v>
      </c>
      <c r="KF30" s="118">
        <v>0</v>
      </c>
      <c r="KG30" s="119">
        <v>239044</v>
      </c>
      <c r="KH30" s="119">
        <v>1343509</v>
      </c>
      <c r="KI30" s="119">
        <v>503974</v>
      </c>
      <c r="KJ30" s="119">
        <v>0</v>
      </c>
      <c r="KK30" s="119">
        <v>0</v>
      </c>
      <c r="KL30" s="120">
        <v>2086527</v>
      </c>
      <c r="KM30" s="143">
        <v>2174247</v>
      </c>
      <c r="KN30" s="232">
        <v>0</v>
      </c>
      <c r="KO30" s="236">
        <v>0</v>
      </c>
      <c r="KP30" s="237">
        <v>0</v>
      </c>
      <c r="KQ30" s="140"/>
      <c r="KR30" s="119">
        <v>2025945</v>
      </c>
      <c r="KS30" s="119">
        <v>2025675</v>
      </c>
      <c r="KT30" s="119">
        <v>2061992</v>
      </c>
      <c r="KU30" s="119">
        <v>2509460</v>
      </c>
      <c r="KV30" s="119">
        <v>235434</v>
      </c>
      <c r="KW30" s="120">
        <v>8858506</v>
      </c>
      <c r="KX30" s="320">
        <v>8858506</v>
      </c>
      <c r="KY30" s="142">
        <v>0</v>
      </c>
      <c r="KZ30" s="119">
        <v>0</v>
      </c>
      <c r="LA30" s="120">
        <v>0</v>
      </c>
      <c r="LB30" s="145"/>
      <c r="LC30" s="119">
        <v>0</v>
      </c>
      <c r="LD30" s="119">
        <v>0</v>
      </c>
      <c r="LE30" s="119">
        <v>0</v>
      </c>
      <c r="LF30" s="119">
        <v>0</v>
      </c>
      <c r="LG30" s="119">
        <v>0</v>
      </c>
      <c r="LH30" s="120">
        <v>0</v>
      </c>
      <c r="LI30" s="121">
        <v>0</v>
      </c>
      <c r="LJ30" s="142">
        <v>0</v>
      </c>
      <c r="LK30" s="119">
        <v>0</v>
      </c>
      <c r="LL30" s="120">
        <v>0</v>
      </c>
      <c r="LM30" s="145"/>
      <c r="LN30" s="119">
        <v>0</v>
      </c>
      <c r="LO30" s="119">
        <v>0</v>
      </c>
      <c r="LP30" s="119">
        <v>0</v>
      </c>
      <c r="LQ30" s="119">
        <v>0</v>
      </c>
      <c r="LR30" s="119">
        <v>0</v>
      </c>
      <c r="LS30" s="120">
        <v>0</v>
      </c>
      <c r="LT30" s="320">
        <v>0</v>
      </c>
      <c r="LU30" s="142">
        <v>0</v>
      </c>
      <c r="LV30" s="119">
        <v>0</v>
      </c>
      <c r="LW30" s="120">
        <v>0</v>
      </c>
      <c r="LX30" s="145"/>
      <c r="LY30" s="119">
        <v>0</v>
      </c>
      <c r="LZ30" s="119">
        <v>0</v>
      </c>
      <c r="MA30" s="119">
        <v>0</v>
      </c>
      <c r="MB30" s="119">
        <v>0</v>
      </c>
      <c r="MC30" s="119">
        <v>0</v>
      </c>
      <c r="MD30" s="120">
        <v>0</v>
      </c>
      <c r="ME30" s="121">
        <v>0</v>
      </c>
      <c r="MF30" s="142">
        <v>0</v>
      </c>
      <c r="MG30" s="119">
        <v>0</v>
      </c>
      <c r="MH30" s="120">
        <v>0</v>
      </c>
      <c r="MI30" s="145"/>
      <c r="MJ30" s="119">
        <v>4563278</v>
      </c>
      <c r="MK30" s="119">
        <v>7100183</v>
      </c>
      <c r="ML30" s="119">
        <v>20855717</v>
      </c>
      <c r="MM30" s="119">
        <v>34929895</v>
      </c>
      <c r="MN30" s="119">
        <v>22804543</v>
      </c>
      <c r="MO30" s="120">
        <v>90253616</v>
      </c>
      <c r="MP30" s="143">
        <v>90253616</v>
      </c>
      <c r="MQ30" s="142">
        <v>0</v>
      </c>
      <c r="MR30" s="119">
        <v>0</v>
      </c>
      <c r="MS30" s="120">
        <v>0</v>
      </c>
      <c r="MT30" s="145"/>
      <c r="MU30" s="119">
        <v>689383</v>
      </c>
      <c r="MV30" s="119">
        <v>1657722</v>
      </c>
      <c r="MW30" s="119">
        <v>14429965</v>
      </c>
      <c r="MX30" s="119">
        <v>19785849</v>
      </c>
      <c r="MY30" s="119">
        <v>16287944</v>
      </c>
      <c r="MZ30" s="120">
        <v>52850863</v>
      </c>
      <c r="NA30" s="143">
        <v>52850863</v>
      </c>
      <c r="NB30" s="142">
        <v>0</v>
      </c>
      <c r="NC30" s="119">
        <v>0</v>
      </c>
      <c r="ND30" s="120">
        <v>0</v>
      </c>
      <c r="NE30" s="145"/>
      <c r="NF30" s="119">
        <v>3873895</v>
      </c>
      <c r="NG30" s="119">
        <v>5236818</v>
      </c>
      <c r="NH30" s="119">
        <v>6425752</v>
      </c>
      <c r="NI30" s="119">
        <v>14740338</v>
      </c>
      <c r="NJ30" s="119">
        <v>5654822</v>
      </c>
      <c r="NK30" s="120">
        <v>35931625</v>
      </c>
      <c r="NL30" s="320">
        <v>35931625</v>
      </c>
      <c r="NM30" s="142">
        <v>0</v>
      </c>
      <c r="NN30" s="119">
        <v>0</v>
      </c>
      <c r="NO30" s="120">
        <v>0</v>
      </c>
      <c r="NP30" s="145"/>
      <c r="NQ30" s="119">
        <v>0</v>
      </c>
      <c r="NR30" s="119">
        <v>0</v>
      </c>
      <c r="NS30" s="119">
        <v>0</v>
      </c>
      <c r="NT30" s="119">
        <v>0</v>
      </c>
      <c r="NU30" s="119">
        <v>0</v>
      </c>
      <c r="NV30" s="120">
        <v>0</v>
      </c>
      <c r="NW30" s="121">
        <v>0</v>
      </c>
      <c r="NX30" s="142">
        <v>0</v>
      </c>
      <c r="NY30" s="119">
        <v>0</v>
      </c>
      <c r="NZ30" s="120">
        <v>0</v>
      </c>
      <c r="OA30" s="145"/>
      <c r="OB30" s="119">
        <v>0</v>
      </c>
      <c r="OC30" s="119">
        <v>205643</v>
      </c>
      <c r="OD30" s="119">
        <v>0</v>
      </c>
      <c r="OE30" s="119">
        <v>403708</v>
      </c>
      <c r="OF30" s="119">
        <v>861777</v>
      </c>
      <c r="OG30" s="120">
        <v>1471128</v>
      </c>
      <c r="OH30" s="121">
        <v>1471128</v>
      </c>
      <c r="OI30" s="142">
        <v>2479414</v>
      </c>
      <c r="OJ30" s="119">
        <v>4686587</v>
      </c>
      <c r="OK30" s="141">
        <v>7166001</v>
      </c>
      <c r="OL30" s="118">
        <v>0</v>
      </c>
      <c r="OM30" s="119">
        <v>37459302</v>
      </c>
      <c r="ON30" s="119">
        <v>44502086</v>
      </c>
      <c r="OO30" s="119">
        <v>48294354</v>
      </c>
      <c r="OP30" s="119">
        <v>63704033</v>
      </c>
      <c r="OQ30" s="119">
        <v>39084092</v>
      </c>
      <c r="OR30" s="120">
        <v>233043867</v>
      </c>
      <c r="OS30" s="143">
        <v>240209868</v>
      </c>
    </row>
    <row r="31" spans="2:409" ht="21" customHeight="1" x14ac:dyDescent="0.2">
      <c r="B31" s="62" t="s">
        <v>26</v>
      </c>
      <c r="C31" s="110">
        <v>1709445</v>
      </c>
      <c r="D31" s="114">
        <v>2491835</v>
      </c>
      <c r="E31" s="113">
        <v>4201280</v>
      </c>
      <c r="F31" s="109">
        <v>0</v>
      </c>
      <c r="G31" s="114">
        <v>21286861</v>
      </c>
      <c r="H31" s="114">
        <v>25929125</v>
      </c>
      <c r="I31" s="114">
        <v>23012358</v>
      </c>
      <c r="J31" s="114">
        <v>17470134</v>
      </c>
      <c r="K31" s="114">
        <v>22234993</v>
      </c>
      <c r="L31" s="173">
        <v>109933471</v>
      </c>
      <c r="M31" s="116">
        <v>114134751</v>
      </c>
      <c r="N31" s="110">
        <v>381264</v>
      </c>
      <c r="O31" s="114">
        <v>454341</v>
      </c>
      <c r="P31" s="113">
        <v>835605</v>
      </c>
      <c r="Q31" s="110">
        <v>0</v>
      </c>
      <c r="R31" s="114">
        <v>5498024</v>
      </c>
      <c r="S31" s="114">
        <v>7512810</v>
      </c>
      <c r="T31" s="114">
        <v>6211033</v>
      </c>
      <c r="U31" s="114">
        <v>7660401</v>
      </c>
      <c r="V31" s="114">
        <v>10845084</v>
      </c>
      <c r="W31" s="113">
        <v>37727352</v>
      </c>
      <c r="X31" s="116">
        <v>38562957</v>
      </c>
      <c r="Y31" s="110">
        <v>0</v>
      </c>
      <c r="Z31" s="114">
        <v>0</v>
      </c>
      <c r="AA31" s="113">
        <v>0</v>
      </c>
      <c r="AB31" s="110">
        <v>0</v>
      </c>
      <c r="AC31" s="114">
        <v>2741664</v>
      </c>
      <c r="AD31" s="114">
        <v>4190126</v>
      </c>
      <c r="AE31" s="114">
        <v>3442321</v>
      </c>
      <c r="AF31" s="114">
        <v>4246085</v>
      </c>
      <c r="AG31" s="114">
        <v>6782734</v>
      </c>
      <c r="AH31" s="113">
        <v>21402930</v>
      </c>
      <c r="AI31" s="116">
        <v>21402930</v>
      </c>
      <c r="AJ31" s="110">
        <v>0</v>
      </c>
      <c r="AK31" s="114">
        <v>0</v>
      </c>
      <c r="AL31" s="113">
        <v>0</v>
      </c>
      <c r="AM31" s="110">
        <v>0</v>
      </c>
      <c r="AN31" s="114">
        <v>0</v>
      </c>
      <c r="AO31" s="114">
        <v>28398</v>
      </c>
      <c r="AP31" s="114">
        <v>210731</v>
      </c>
      <c r="AQ31" s="114">
        <v>604721</v>
      </c>
      <c r="AR31" s="114">
        <v>1012285</v>
      </c>
      <c r="AS31" s="113">
        <v>1856135</v>
      </c>
      <c r="AT31" s="116">
        <v>1856135</v>
      </c>
      <c r="AU31" s="110">
        <v>255560</v>
      </c>
      <c r="AV31" s="114">
        <v>360919</v>
      </c>
      <c r="AW31" s="113">
        <v>616479</v>
      </c>
      <c r="AX31" s="110">
        <v>0</v>
      </c>
      <c r="AY31" s="114">
        <v>1954985</v>
      </c>
      <c r="AZ31" s="114">
        <v>2300520</v>
      </c>
      <c r="BA31" s="114">
        <v>1509847</v>
      </c>
      <c r="BB31" s="114">
        <v>1912452</v>
      </c>
      <c r="BC31" s="114">
        <v>2310916</v>
      </c>
      <c r="BD31" s="113">
        <v>9988720</v>
      </c>
      <c r="BE31" s="116">
        <v>10605199</v>
      </c>
      <c r="BF31" s="110">
        <v>0</v>
      </c>
      <c r="BG31" s="114">
        <v>0</v>
      </c>
      <c r="BH31" s="112">
        <v>0</v>
      </c>
      <c r="BI31" s="111">
        <v>0</v>
      </c>
      <c r="BJ31" s="114">
        <v>35550</v>
      </c>
      <c r="BK31" s="114">
        <v>337686</v>
      </c>
      <c r="BL31" s="114">
        <v>129219</v>
      </c>
      <c r="BM31" s="114">
        <v>171442</v>
      </c>
      <c r="BN31" s="114">
        <v>116560</v>
      </c>
      <c r="BO31" s="113">
        <v>790457</v>
      </c>
      <c r="BP31" s="116">
        <v>790457</v>
      </c>
      <c r="BQ31" s="110">
        <v>125704</v>
      </c>
      <c r="BR31" s="114">
        <v>93422</v>
      </c>
      <c r="BS31" s="113">
        <v>219126</v>
      </c>
      <c r="BT31" s="110">
        <v>0</v>
      </c>
      <c r="BU31" s="114">
        <v>765825</v>
      </c>
      <c r="BV31" s="114">
        <v>656080</v>
      </c>
      <c r="BW31" s="114">
        <v>918915</v>
      </c>
      <c r="BX31" s="114">
        <v>725701</v>
      </c>
      <c r="BY31" s="114">
        <v>622589</v>
      </c>
      <c r="BZ31" s="113">
        <v>3689110</v>
      </c>
      <c r="CA31" s="116">
        <v>3908236</v>
      </c>
      <c r="CB31" s="110">
        <v>155476</v>
      </c>
      <c r="CC31" s="114">
        <v>194477</v>
      </c>
      <c r="CD31" s="113">
        <v>349953</v>
      </c>
      <c r="CE31" s="110">
        <v>0</v>
      </c>
      <c r="CF31" s="114">
        <v>5725637</v>
      </c>
      <c r="CG31" s="114">
        <v>7668629</v>
      </c>
      <c r="CH31" s="114">
        <v>5007311</v>
      </c>
      <c r="CI31" s="114">
        <v>2300650</v>
      </c>
      <c r="CJ31" s="114">
        <v>3614920</v>
      </c>
      <c r="CK31" s="113">
        <v>24317147</v>
      </c>
      <c r="CL31" s="116">
        <v>24667100</v>
      </c>
      <c r="CM31" s="110">
        <v>0</v>
      </c>
      <c r="CN31" s="114">
        <v>0</v>
      </c>
      <c r="CO31" s="113">
        <v>0</v>
      </c>
      <c r="CP31" s="111">
        <v>0</v>
      </c>
      <c r="CQ31" s="114">
        <v>4937554</v>
      </c>
      <c r="CR31" s="114">
        <v>6127849</v>
      </c>
      <c r="CS31" s="114">
        <v>3912588</v>
      </c>
      <c r="CT31" s="114">
        <v>1815733</v>
      </c>
      <c r="CU31" s="114">
        <v>3032315</v>
      </c>
      <c r="CV31" s="113">
        <v>19826039</v>
      </c>
      <c r="CW31" s="116">
        <v>19826039</v>
      </c>
      <c r="CX31" s="110">
        <v>155476</v>
      </c>
      <c r="CY31" s="114">
        <v>194477</v>
      </c>
      <c r="CZ31" s="113">
        <v>349953</v>
      </c>
      <c r="DA31" s="110">
        <v>0</v>
      </c>
      <c r="DB31" s="114">
        <v>788083</v>
      </c>
      <c r="DC31" s="114">
        <v>1540780</v>
      </c>
      <c r="DD31" s="114">
        <v>1094723</v>
      </c>
      <c r="DE31" s="114">
        <v>484917</v>
      </c>
      <c r="DF31" s="114">
        <v>582605</v>
      </c>
      <c r="DG31" s="113">
        <v>4491108</v>
      </c>
      <c r="DH31" s="116">
        <v>4841061</v>
      </c>
      <c r="DI31" s="110">
        <v>0</v>
      </c>
      <c r="DJ31" s="114">
        <v>152073</v>
      </c>
      <c r="DK31" s="112">
        <v>152073</v>
      </c>
      <c r="DL31" s="111">
        <v>0</v>
      </c>
      <c r="DM31" s="114">
        <v>843464</v>
      </c>
      <c r="DN31" s="114">
        <v>1263839</v>
      </c>
      <c r="DO31" s="114">
        <v>2072743</v>
      </c>
      <c r="DP31" s="114">
        <v>1444615</v>
      </c>
      <c r="DQ31" s="114">
        <v>1159239</v>
      </c>
      <c r="DR31" s="113">
        <v>6783900</v>
      </c>
      <c r="DS31" s="116">
        <v>6935973</v>
      </c>
      <c r="DT31" s="110">
        <v>0</v>
      </c>
      <c r="DU31" s="114">
        <v>106409</v>
      </c>
      <c r="DV31" s="113">
        <v>106409</v>
      </c>
      <c r="DW31" s="110">
        <v>0</v>
      </c>
      <c r="DX31" s="114">
        <v>758384</v>
      </c>
      <c r="DY31" s="114">
        <v>1114339</v>
      </c>
      <c r="DZ31" s="114">
        <v>1819974</v>
      </c>
      <c r="EA31" s="114">
        <v>1099425</v>
      </c>
      <c r="EB31" s="114">
        <v>1089206</v>
      </c>
      <c r="EC31" s="113">
        <v>5881328</v>
      </c>
      <c r="ED31" s="116">
        <v>5987737</v>
      </c>
      <c r="EE31" s="110">
        <v>0</v>
      </c>
      <c r="EF31" s="112">
        <v>45664</v>
      </c>
      <c r="EG31" s="113">
        <v>45664</v>
      </c>
      <c r="EH31" s="110">
        <v>0</v>
      </c>
      <c r="EI31" s="114">
        <v>85080</v>
      </c>
      <c r="EJ31" s="114">
        <v>149500</v>
      </c>
      <c r="EK31" s="114">
        <v>252769</v>
      </c>
      <c r="EL31" s="114">
        <v>345190</v>
      </c>
      <c r="EM31" s="114">
        <v>70033</v>
      </c>
      <c r="EN31" s="112">
        <v>902572</v>
      </c>
      <c r="EO31" s="116">
        <v>948236</v>
      </c>
      <c r="EP31" s="110">
        <v>0</v>
      </c>
      <c r="EQ31" s="114">
        <v>0</v>
      </c>
      <c r="ER31" s="112">
        <v>0</v>
      </c>
      <c r="ES31" s="111">
        <v>0</v>
      </c>
      <c r="ET31" s="114">
        <v>0</v>
      </c>
      <c r="EU31" s="114">
        <v>0</v>
      </c>
      <c r="EV31" s="114">
        <v>0</v>
      </c>
      <c r="EW31" s="114">
        <v>0</v>
      </c>
      <c r="EX31" s="114">
        <v>0</v>
      </c>
      <c r="EY31" s="113">
        <v>0</v>
      </c>
      <c r="EZ31" s="116">
        <v>0</v>
      </c>
      <c r="FA31" s="110">
        <v>0</v>
      </c>
      <c r="FB31" s="114">
        <v>0</v>
      </c>
      <c r="FC31" s="112">
        <v>0</v>
      </c>
      <c r="FD31" s="347"/>
      <c r="FE31" s="114">
        <v>0</v>
      </c>
      <c r="FF31" s="114">
        <v>0</v>
      </c>
      <c r="FG31" s="114">
        <v>0</v>
      </c>
      <c r="FH31" s="114">
        <v>0</v>
      </c>
      <c r="FI31" s="114">
        <v>0</v>
      </c>
      <c r="FJ31" s="113">
        <v>0</v>
      </c>
      <c r="FK31" s="116">
        <v>0</v>
      </c>
      <c r="FL31" s="110">
        <v>327784</v>
      </c>
      <c r="FM31" s="114">
        <v>700132</v>
      </c>
      <c r="FN31" s="113">
        <v>1027916</v>
      </c>
      <c r="FO31" s="110">
        <v>0</v>
      </c>
      <c r="FP31" s="114">
        <v>1265536</v>
      </c>
      <c r="FQ31" s="114">
        <v>2823337</v>
      </c>
      <c r="FR31" s="114">
        <v>1785678</v>
      </c>
      <c r="FS31" s="114">
        <v>1656262</v>
      </c>
      <c r="FT31" s="114">
        <v>1760523</v>
      </c>
      <c r="FU31" s="113">
        <v>9291336</v>
      </c>
      <c r="FV31" s="116">
        <v>10319252</v>
      </c>
      <c r="FW31" s="115">
        <v>247784</v>
      </c>
      <c r="FX31" s="114">
        <v>570316</v>
      </c>
      <c r="FY31" s="112">
        <v>818100</v>
      </c>
      <c r="FZ31" s="111">
        <v>0</v>
      </c>
      <c r="GA31" s="114">
        <v>1042500</v>
      </c>
      <c r="GB31" s="114">
        <v>2354570</v>
      </c>
      <c r="GC31" s="114">
        <v>1522259</v>
      </c>
      <c r="GD31" s="114">
        <v>1554441</v>
      </c>
      <c r="GE31" s="114">
        <v>1707423</v>
      </c>
      <c r="GF31" s="113">
        <v>8181193</v>
      </c>
      <c r="GG31" s="318">
        <v>8999293</v>
      </c>
      <c r="GH31" s="115">
        <v>80000</v>
      </c>
      <c r="GI31" s="114">
        <v>72576</v>
      </c>
      <c r="GJ31" s="112">
        <v>152576</v>
      </c>
      <c r="GK31" s="111">
        <v>0</v>
      </c>
      <c r="GL31" s="114">
        <v>23760</v>
      </c>
      <c r="GM31" s="114">
        <v>76788</v>
      </c>
      <c r="GN31" s="114">
        <v>11563</v>
      </c>
      <c r="GO31" s="114">
        <v>32670</v>
      </c>
      <c r="GP31" s="114">
        <v>0</v>
      </c>
      <c r="GQ31" s="113">
        <v>144781</v>
      </c>
      <c r="GR31" s="116">
        <v>297357</v>
      </c>
      <c r="GS31" s="110">
        <v>0</v>
      </c>
      <c r="GT31" s="114">
        <v>57240</v>
      </c>
      <c r="GU31" s="113">
        <v>57240</v>
      </c>
      <c r="GV31" s="110">
        <v>0</v>
      </c>
      <c r="GW31" s="114">
        <v>199276</v>
      </c>
      <c r="GX31" s="114">
        <v>391979</v>
      </c>
      <c r="GY31" s="114">
        <v>251856</v>
      </c>
      <c r="GZ31" s="114">
        <v>69151</v>
      </c>
      <c r="HA31" s="114">
        <v>53100</v>
      </c>
      <c r="HB31" s="112">
        <v>965362</v>
      </c>
      <c r="HC31" s="116">
        <v>1022602</v>
      </c>
      <c r="HD31" s="110">
        <v>523822</v>
      </c>
      <c r="HE31" s="114">
        <v>486448</v>
      </c>
      <c r="HF31" s="112">
        <v>1010270</v>
      </c>
      <c r="HG31" s="111">
        <v>0</v>
      </c>
      <c r="HH31" s="114">
        <v>3840113</v>
      </c>
      <c r="HI31" s="114">
        <v>3064000</v>
      </c>
      <c r="HJ31" s="114">
        <v>5610483</v>
      </c>
      <c r="HK31" s="114">
        <v>2922233</v>
      </c>
      <c r="HL31" s="114">
        <v>3532592</v>
      </c>
      <c r="HM31" s="113">
        <v>18969421</v>
      </c>
      <c r="HN31" s="109">
        <v>19979691</v>
      </c>
      <c r="HO31" s="115">
        <v>321099</v>
      </c>
      <c r="HP31" s="114">
        <v>504364</v>
      </c>
      <c r="HQ31" s="113">
        <v>825463</v>
      </c>
      <c r="HR31" s="110">
        <v>0</v>
      </c>
      <c r="HS31" s="114">
        <v>4114087</v>
      </c>
      <c r="HT31" s="114">
        <v>3596510</v>
      </c>
      <c r="HU31" s="114">
        <v>2325110</v>
      </c>
      <c r="HV31" s="114">
        <v>1485973</v>
      </c>
      <c r="HW31" s="114">
        <v>1322635</v>
      </c>
      <c r="HX31" s="112">
        <v>12844315</v>
      </c>
      <c r="HY31" s="116">
        <v>13669778</v>
      </c>
      <c r="HZ31" s="131">
        <v>54693</v>
      </c>
      <c r="IA31" s="132">
        <v>0</v>
      </c>
      <c r="IB31" s="133">
        <v>54693</v>
      </c>
      <c r="IC31" s="146">
        <v>0</v>
      </c>
      <c r="ID31" s="132">
        <v>6664871</v>
      </c>
      <c r="IE31" s="147">
        <v>7565056</v>
      </c>
      <c r="IF31" s="133">
        <v>8790593</v>
      </c>
      <c r="IG31" s="132">
        <v>4178582</v>
      </c>
      <c r="IH31" s="133">
        <v>2802391</v>
      </c>
      <c r="II31" s="148">
        <v>30001493</v>
      </c>
      <c r="IJ31" s="139">
        <v>30056186</v>
      </c>
      <c r="IK31" s="232">
        <v>0</v>
      </c>
      <c r="IL31" s="236">
        <v>0</v>
      </c>
      <c r="IM31" s="237">
        <v>0</v>
      </c>
      <c r="IN31" s="140"/>
      <c r="IO31" s="119">
        <v>0</v>
      </c>
      <c r="IP31" s="119">
        <v>0</v>
      </c>
      <c r="IQ31" s="119">
        <v>0</v>
      </c>
      <c r="IR31" s="119">
        <v>0</v>
      </c>
      <c r="IS31" s="119">
        <v>0</v>
      </c>
      <c r="IT31" s="141">
        <v>0</v>
      </c>
      <c r="IU31" s="320">
        <v>0</v>
      </c>
      <c r="IV31" s="142">
        <v>0</v>
      </c>
      <c r="IW31" s="119">
        <v>0</v>
      </c>
      <c r="IX31" s="120">
        <v>0</v>
      </c>
      <c r="IY31" s="144"/>
      <c r="IZ31" s="119">
        <v>0</v>
      </c>
      <c r="JA31" s="119">
        <v>0</v>
      </c>
      <c r="JB31" s="119">
        <v>0</v>
      </c>
      <c r="JC31" s="119">
        <v>0</v>
      </c>
      <c r="JD31" s="119">
        <v>0</v>
      </c>
      <c r="JE31" s="120">
        <v>0</v>
      </c>
      <c r="JF31" s="121">
        <v>0</v>
      </c>
      <c r="JG31" s="142">
        <v>0</v>
      </c>
      <c r="JH31" s="119">
        <v>0</v>
      </c>
      <c r="JI31" s="141">
        <v>0</v>
      </c>
      <c r="JJ31" s="118">
        <v>0</v>
      </c>
      <c r="JK31" s="119">
        <v>2219737</v>
      </c>
      <c r="JL31" s="119">
        <v>2887059</v>
      </c>
      <c r="JM31" s="119">
        <v>2120061</v>
      </c>
      <c r="JN31" s="119">
        <v>696196</v>
      </c>
      <c r="JO31" s="119">
        <v>1348242</v>
      </c>
      <c r="JP31" s="120">
        <v>9271295</v>
      </c>
      <c r="JQ31" s="320">
        <v>9271295</v>
      </c>
      <c r="JR31" s="142">
        <v>0</v>
      </c>
      <c r="JS31" s="119">
        <v>0</v>
      </c>
      <c r="JT31" s="141">
        <v>0</v>
      </c>
      <c r="JU31" s="118">
        <v>0</v>
      </c>
      <c r="JV31" s="119">
        <v>72804</v>
      </c>
      <c r="JW31" s="119">
        <v>189447</v>
      </c>
      <c r="JX31" s="119">
        <v>994688</v>
      </c>
      <c r="JY31" s="119">
        <v>560494</v>
      </c>
      <c r="JZ31" s="119">
        <v>311819</v>
      </c>
      <c r="KA31" s="120">
        <v>2129252</v>
      </c>
      <c r="KB31" s="320">
        <v>2129252</v>
      </c>
      <c r="KC31" s="234">
        <v>54693</v>
      </c>
      <c r="KD31" s="230">
        <v>0</v>
      </c>
      <c r="KE31" s="120">
        <v>54693</v>
      </c>
      <c r="KF31" s="118">
        <v>0</v>
      </c>
      <c r="KG31" s="119">
        <v>1138350</v>
      </c>
      <c r="KH31" s="119">
        <v>970695</v>
      </c>
      <c r="KI31" s="119">
        <v>817038</v>
      </c>
      <c r="KJ31" s="119">
        <v>0</v>
      </c>
      <c r="KK31" s="119">
        <v>473588</v>
      </c>
      <c r="KL31" s="120">
        <v>3399671</v>
      </c>
      <c r="KM31" s="143">
        <v>3454364</v>
      </c>
      <c r="KN31" s="232">
        <v>0</v>
      </c>
      <c r="KO31" s="236">
        <v>0</v>
      </c>
      <c r="KP31" s="237">
        <v>0</v>
      </c>
      <c r="KQ31" s="140"/>
      <c r="KR31" s="119">
        <v>3233980</v>
      </c>
      <c r="KS31" s="119">
        <v>3517855</v>
      </c>
      <c r="KT31" s="119">
        <v>4858806</v>
      </c>
      <c r="KU31" s="119">
        <v>2921892</v>
      </c>
      <c r="KV31" s="119">
        <v>668742</v>
      </c>
      <c r="KW31" s="120">
        <v>15201275</v>
      </c>
      <c r="KX31" s="320">
        <v>15201275</v>
      </c>
      <c r="KY31" s="142">
        <v>0</v>
      </c>
      <c r="KZ31" s="119">
        <v>0</v>
      </c>
      <c r="LA31" s="120">
        <v>0</v>
      </c>
      <c r="LB31" s="145"/>
      <c r="LC31" s="119">
        <v>0</v>
      </c>
      <c r="LD31" s="119">
        <v>0</v>
      </c>
      <c r="LE31" s="119">
        <v>0</v>
      </c>
      <c r="LF31" s="119">
        <v>0</v>
      </c>
      <c r="LG31" s="119">
        <v>0</v>
      </c>
      <c r="LH31" s="120">
        <v>0</v>
      </c>
      <c r="LI31" s="121">
        <v>0</v>
      </c>
      <c r="LJ31" s="142">
        <v>0</v>
      </c>
      <c r="LK31" s="119">
        <v>0</v>
      </c>
      <c r="LL31" s="120">
        <v>0</v>
      </c>
      <c r="LM31" s="145"/>
      <c r="LN31" s="119">
        <v>0</v>
      </c>
      <c r="LO31" s="119">
        <v>0</v>
      </c>
      <c r="LP31" s="119">
        <v>0</v>
      </c>
      <c r="LQ31" s="119">
        <v>0</v>
      </c>
      <c r="LR31" s="119">
        <v>0</v>
      </c>
      <c r="LS31" s="120">
        <v>0</v>
      </c>
      <c r="LT31" s="320">
        <v>0</v>
      </c>
      <c r="LU31" s="142">
        <v>0</v>
      </c>
      <c r="LV31" s="119">
        <v>0</v>
      </c>
      <c r="LW31" s="120">
        <v>0</v>
      </c>
      <c r="LX31" s="145"/>
      <c r="LY31" s="119">
        <v>0</v>
      </c>
      <c r="LZ31" s="119">
        <v>0</v>
      </c>
      <c r="MA31" s="119">
        <v>0</v>
      </c>
      <c r="MB31" s="119">
        <v>0</v>
      </c>
      <c r="MC31" s="119">
        <v>0</v>
      </c>
      <c r="MD31" s="120">
        <v>0</v>
      </c>
      <c r="ME31" s="121">
        <v>0</v>
      </c>
      <c r="MF31" s="142">
        <v>0</v>
      </c>
      <c r="MG31" s="119">
        <v>0</v>
      </c>
      <c r="MH31" s="120">
        <v>0</v>
      </c>
      <c r="MI31" s="145"/>
      <c r="MJ31" s="119">
        <v>3263450</v>
      </c>
      <c r="MK31" s="119">
        <v>8724126</v>
      </c>
      <c r="ML31" s="119">
        <v>14131796</v>
      </c>
      <c r="MM31" s="119">
        <v>28134780</v>
      </c>
      <c r="MN31" s="119">
        <v>17465426</v>
      </c>
      <c r="MO31" s="120">
        <v>71719578</v>
      </c>
      <c r="MP31" s="143">
        <v>71719578</v>
      </c>
      <c r="MQ31" s="142">
        <v>0</v>
      </c>
      <c r="MR31" s="119">
        <v>0</v>
      </c>
      <c r="MS31" s="120">
        <v>0</v>
      </c>
      <c r="MT31" s="145"/>
      <c r="MU31" s="119">
        <v>0</v>
      </c>
      <c r="MV31" s="119">
        <v>2135393</v>
      </c>
      <c r="MW31" s="119">
        <v>8901518</v>
      </c>
      <c r="MX31" s="119">
        <v>20114179</v>
      </c>
      <c r="MY31" s="119">
        <v>11304855</v>
      </c>
      <c r="MZ31" s="120">
        <v>42455945</v>
      </c>
      <c r="NA31" s="143">
        <v>42455945</v>
      </c>
      <c r="NB31" s="142">
        <v>0</v>
      </c>
      <c r="NC31" s="119">
        <v>0</v>
      </c>
      <c r="ND31" s="120">
        <v>0</v>
      </c>
      <c r="NE31" s="145"/>
      <c r="NF31" s="119">
        <v>3263450</v>
      </c>
      <c r="NG31" s="119">
        <v>6588733</v>
      </c>
      <c r="NH31" s="119">
        <v>5230278</v>
      </c>
      <c r="NI31" s="119">
        <v>8020601</v>
      </c>
      <c r="NJ31" s="119">
        <v>5287049</v>
      </c>
      <c r="NK31" s="120">
        <v>28390111</v>
      </c>
      <c r="NL31" s="320">
        <v>28390111</v>
      </c>
      <c r="NM31" s="142">
        <v>0</v>
      </c>
      <c r="NN31" s="119">
        <v>0</v>
      </c>
      <c r="NO31" s="120">
        <v>0</v>
      </c>
      <c r="NP31" s="145"/>
      <c r="NQ31" s="119">
        <v>0</v>
      </c>
      <c r="NR31" s="119">
        <v>0</v>
      </c>
      <c r="NS31" s="119">
        <v>0</v>
      </c>
      <c r="NT31" s="119">
        <v>0</v>
      </c>
      <c r="NU31" s="119">
        <v>0</v>
      </c>
      <c r="NV31" s="120">
        <v>0</v>
      </c>
      <c r="NW31" s="121">
        <v>0</v>
      </c>
      <c r="NX31" s="142">
        <v>0</v>
      </c>
      <c r="NY31" s="119">
        <v>0</v>
      </c>
      <c r="NZ31" s="120">
        <v>0</v>
      </c>
      <c r="OA31" s="145"/>
      <c r="OB31" s="119">
        <v>0</v>
      </c>
      <c r="OC31" s="119">
        <v>0</v>
      </c>
      <c r="OD31" s="119">
        <v>0</v>
      </c>
      <c r="OE31" s="119">
        <v>0</v>
      </c>
      <c r="OF31" s="119">
        <v>873522</v>
      </c>
      <c r="OG31" s="120">
        <v>873522</v>
      </c>
      <c r="OH31" s="121">
        <v>873522</v>
      </c>
      <c r="OI31" s="142">
        <v>1764138</v>
      </c>
      <c r="OJ31" s="119">
        <v>2491835</v>
      </c>
      <c r="OK31" s="141">
        <v>4255973</v>
      </c>
      <c r="OL31" s="118">
        <v>0</v>
      </c>
      <c r="OM31" s="119">
        <v>31215182</v>
      </c>
      <c r="ON31" s="119">
        <v>42218307</v>
      </c>
      <c r="OO31" s="119">
        <v>45934747</v>
      </c>
      <c r="OP31" s="119">
        <v>49783496</v>
      </c>
      <c r="OQ31" s="119">
        <v>42502810</v>
      </c>
      <c r="OR31" s="120">
        <v>211654542</v>
      </c>
      <c r="OS31" s="143">
        <v>215910515</v>
      </c>
    </row>
    <row r="32" spans="2:409" ht="21" customHeight="1" x14ac:dyDescent="0.2">
      <c r="B32" s="62" t="s">
        <v>27</v>
      </c>
      <c r="C32" s="110">
        <v>2663763</v>
      </c>
      <c r="D32" s="114">
        <v>6409083</v>
      </c>
      <c r="E32" s="113">
        <v>9072846</v>
      </c>
      <c r="F32" s="109">
        <v>0</v>
      </c>
      <c r="G32" s="114">
        <v>21791496</v>
      </c>
      <c r="H32" s="114">
        <v>22882388</v>
      </c>
      <c r="I32" s="114">
        <v>24165260</v>
      </c>
      <c r="J32" s="114">
        <v>22812754</v>
      </c>
      <c r="K32" s="114">
        <v>14532384</v>
      </c>
      <c r="L32" s="173">
        <v>106184282</v>
      </c>
      <c r="M32" s="116">
        <v>115257128</v>
      </c>
      <c r="N32" s="110">
        <v>612018</v>
      </c>
      <c r="O32" s="114">
        <v>1564159</v>
      </c>
      <c r="P32" s="113">
        <v>2176177</v>
      </c>
      <c r="Q32" s="110">
        <v>0</v>
      </c>
      <c r="R32" s="114">
        <v>4115485</v>
      </c>
      <c r="S32" s="114">
        <v>5042157</v>
      </c>
      <c r="T32" s="114">
        <v>6561402</v>
      </c>
      <c r="U32" s="114">
        <v>7572465</v>
      </c>
      <c r="V32" s="114">
        <v>7726337</v>
      </c>
      <c r="W32" s="113">
        <v>31017846</v>
      </c>
      <c r="X32" s="116">
        <v>33194023</v>
      </c>
      <c r="Y32" s="110">
        <v>0</v>
      </c>
      <c r="Z32" s="114">
        <v>0</v>
      </c>
      <c r="AA32" s="113">
        <v>0</v>
      </c>
      <c r="AB32" s="110">
        <v>0</v>
      </c>
      <c r="AC32" s="114">
        <v>2128100</v>
      </c>
      <c r="AD32" s="114">
        <v>2601945</v>
      </c>
      <c r="AE32" s="114">
        <v>3713837</v>
      </c>
      <c r="AF32" s="114">
        <v>3909113</v>
      </c>
      <c r="AG32" s="114">
        <v>4269846</v>
      </c>
      <c r="AH32" s="113">
        <v>16622841</v>
      </c>
      <c r="AI32" s="116">
        <v>16622841</v>
      </c>
      <c r="AJ32" s="110">
        <v>0</v>
      </c>
      <c r="AK32" s="114">
        <v>0</v>
      </c>
      <c r="AL32" s="113">
        <v>0</v>
      </c>
      <c r="AM32" s="110">
        <v>0</v>
      </c>
      <c r="AN32" s="114">
        <v>51876</v>
      </c>
      <c r="AO32" s="114">
        <v>283633</v>
      </c>
      <c r="AP32" s="114">
        <v>166653</v>
      </c>
      <c r="AQ32" s="114">
        <v>890727</v>
      </c>
      <c r="AR32" s="114">
        <v>967073</v>
      </c>
      <c r="AS32" s="113">
        <v>2359962</v>
      </c>
      <c r="AT32" s="116">
        <v>2359962</v>
      </c>
      <c r="AU32" s="110">
        <v>552049</v>
      </c>
      <c r="AV32" s="114">
        <v>1290866</v>
      </c>
      <c r="AW32" s="113">
        <v>1842915</v>
      </c>
      <c r="AX32" s="110">
        <v>0</v>
      </c>
      <c r="AY32" s="114">
        <v>1259914</v>
      </c>
      <c r="AZ32" s="114">
        <v>1364678</v>
      </c>
      <c r="BA32" s="114">
        <v>1574412</v>
      </c>
      <c r="BB32" s="114">
        <v>1867247</v>
      </c>
      <c r="BC32" s="114">
        <v>1947509</v>
      </c>
      <c r="BD32" s="113">
        <v>8013760</v>
      </c>
      <c r="BE32" s="116">
        <v>9856675</v>
      </c>
      <c r="BF32" s="110">
        <v>0</v>
      </c>
      <c r="BG32" s="114">
        <v>54052</v>
      </c>
      <c r="BH32" s="112">
        <v>54052</v>
      </c>
      <c r="BI32" s="111">
        <v>0</v>
      </c>
      <c r="BJ32" s="114">
        <v>0</v>
      </c>
      <c r="BK32" s="114">
        <v>41806</v>
      </c>
      <c r="BL32" s="114">
        <v>0</v>
      </c>
      <c r="BM32" s="114">
        <v>0</v>
      </c>
      <c r="BN32" s="114">
        <v>44439</v>
      </c>
      <c r="BO32" s="113">
        <v>86245</v>
      </c>
      <c r="BP32" s="116">
        <v>140297</v>
      </c>
      <c r="BQ32" s="110">
        <v>59969</v>
      </c>
      <c r="BR32" s="114">
        <v>219241</v>
      </c>
      <c r="BS32" s="113">
        <v>279210</v>
      </c>
      <c r="BT32" s="110">
        <v>0</v>
      </c>
      <c r="BU32" s="114">
        <v>675595</v>
      </c>
      <c r="BV32" s="114">
        <v>750095</v>
      </c>
      <c r="BW32" s="114">
        <v>1106500</v>
      </c>
      <c r="BX32" s="114">
        <v>905378</v>
      </c>
      <c r="BY32" s="114">
        <v>497470</v>
      </c>
      <c r="BZ32" s="113">
        <v>3935038</v>
      </c>
      <c r="CA32" s="116">
        <v>4214248</v>
      </c>
      <c r="CB32" s="110">
        <v>222760</v>
      </c>
      <c r="CC32" s="114">
        <v>1350893</v>
      </c>
      <c r="CD32" s="113">
        <v>1573653</v>
      </c>
      <c r="CE32" s="110">
        <v>0</v>
      </c>
      <c r="CF32" s="114">
        <v>7284023</v>
      </c>
      <c r="CG32" s="114">
        <v>6202942</v>
      </c>
      <c r="CH32" s="114">
        <v>4495485</v>
      </c>
      <c r="CI32" s="114">
        <v>3738229</v>
      </c>
      <c r="CJ32" s="114">
        <v>1525360</v>
      </c>
      <c r="CK32" s="113">
        <v>23246039</v>
      </c>
      <c r="CL32" s="116">
        <v>24819692</v>
      </c>
      <c r="CM32" s="110">
        <v>0</v>
      </c>
      <c r="CN32" s="114">
        <v>0</v>
      </c>
      <c r="CO32" s="113">
        <v>0</v>
      </c>
      <c r="CP32" s="111">
        <v>0</v>
      </c>
      <c r="CQ32" s="114">
        <v>6393423</v>
      </c>
      <c r="CR32" s="114">
        <v>4844216</v>
      </c>
      <c r="CS32" s="114">
        <v>3580909</v>
      </c>
      <c r="CT32" s="114">
        <v>2985104</v>
      </c>
      <c r="CU32" s="114">
        <v>1146153</v>
      </c>
      <c r="CV32" s="113">
        <v>18949805</v>
      </c>
      <c r="CW32" s="116">
        <v>18949805</v>
      </c>
      <c r="CX32" s="110">
        <v>222760</v>
      </c>
      <c r="CY32" s="114">
        <v>1350893</v>
      </c>
      <c r="CZ32" s="113">
        <v>1573653</v>
      </c>
      <c r="DA32" s="110">
        <v>0</v>
      </c>
      <c r="DB32" s="114">
        <v>890600</v>
      </c>
      <c r="DC32" s="114">
        <v>1358726</v>
      </c>
      <c r="DD32" s="114">
        <v>914576</v>
      </c>
      <c r="DE32" s="114">
        <v>753125</v>
      </c>
      <c r="DF32" s="114">
        <v>379207</v>
      </c>
      <c r="DG32" s="113">
        <v>4296234</v>
      </c>
      <c r="DH32" s="116">
        <v>5869887</v>
      </c>
      <c r="DI32" s="110">
        <v>0</v>
      </c>
      <c r="DJ32" s="114">
        <v>99978</v>
      </c>
      <c r="DK32" s="112">
        <v>99978</v>
      </c>
      <c r="DL32" s="111">
        <v>0</v>
      </c>
      <c r="DM32" s="114">
        <v>353754</v>
      </c>
      <c r="DN32" s="114">
        <v>1375329</v>
      </c>
      <c r="DO32" s="114">
        <v>1592923</v>
      </c>
      <c r="DP32" s="114">
        <v>770880</v>
      </c>
      <c r="DQ32" s="114">
        <v>704828</v>
      </c>
      <c r="DR32" s="113">
        <v>4797714</v>
      </c>
      <c r="DS32" s="116">
        <v>4897692</v>
      </c>
      <c r="DT32" s="110">
        <v>0</v>
      </c>
      <c r="DU32" s="114">
        <v>99978</v>
      </c>
      <c r="DV32" s="113">
        <v>99978</v>
      </c>
      <c r="DW32" s="110">
        <v>0</v>
      </c>
      <c r="DX32" s="114">
        <v>254151</v>
      </c>
      <c r="DY32" s="114">
        <v>1266430</v>
      </c>
      <c r="DZ32" s="114">
        <v>1297381</v>
      </c>
      <c r="EA32" s="114">
        <v>673850</v>
      </c>
      <c r="EB32" s="114">
        <v>704828</v>
      </c>
      <c r="EC32" s="113">
        <v>4196640</v>
      </c>
      <c r="ED32" s="116">
        <v>4296618</v>
      </c>
      <c r="EE32" s="110">
        <v>0</v>
      </c>
      <c r="EF32" s="112">
        <v>0</v>
      </c>
      <c r="EG32" s="113">
        <v>0</v>
      </c>
      <c r="EH32" s="110">
        <v>0</v>
      </c>
      <c r="EI32" s="114">
        <v>99603</v>
      </c>
      <c r="EJ32" s="114">
        <v>108899</v>
      </c>
      <c r="EK32" s="114">
        <v>295542</v>
      </c>
      <c r="EL32" s="114">
        <v>97030</v>
      </c>
      <c r="EM32" s="114">
        <v>0</v>
      </c>
      <c r="EN32" s="112">
        <v>601074</v>
      </c>
      <c r="EO32" s="116">
        <v>601074</v>
      </c>
      <c r="EP32" s="110">
        <v>0</v>
      </c>
      <c r="EQ32" s="114">
        <v>0</v>
      </c>
      <c r="ER32" s="112">
        <v>0</v>
      </c>
      <c r="ES32" s="111">
        <v>0</v>
      </c>
      <c r="ET32" s="114">
        <v>0</v>
      </c>
      <c r="EU32" s="114">
        <v>0</v>
      </c>
      <c r="EV32" s="114">
        <v>0</v>
      </c>
      <c r="EW32" s="114">
        <v>0</v>
      </c>
      <c r="EX32" s="114">
        <v>0</v>
      </c>
      <c r="EY32" s="113">
        <v>0</v>
      </c>
      <c r="EZ32" s="116">
        <v>0</v>
      </c>
      <c r="FA32" s="110">
        <v>0</v>
      </c>
      <c r="FB32" s="114">
        <v>0</v>
      </c>
      <c r="FC32" s="112">
        <v>0</v>
      </c>
      <c r="FD32" s="347"/>
      <c r="FE32" s="114">
        <v>0</v>
      </c>
      <c r="FF32" s="114">
        <v>0</v>
      </c>
      <c r="FG32" s="114">
        <v>0</v>
      </c>
      <c r="FH32" s="114">
        <v>0</v>
      </c>
      <c r="FI32" s="114">
        <v>0</v>
      </c>
      <c r="FJ32" s="113">
        <v>0</v>
      </c>
      <c r="FK32" s="116">
        <v>0</v>
      </c>
      <c r="FL32" s="110">
        <v>763948</v>
      </c>
      <c r="FM32" s="114">
        <v>1104981</v>
      </c>
      <c r="FN32" s="113">
        <v>1868929</v>
      </c>
      <c r="FO32" s="110">
        <v>0</v>
      </c>
      <c r="FP32" s="114">
        <v>799414</v>
      </c>
      <c r="FQ32" s="114">
        <v>2040590</v>
      </c>
      <c r="FR32" s="114">
        <v>1726847</v>
      </c>
      <c r="FS32" s="114">
        <v>1376122</v>
      </c>
      <c r="FT32" s="114">
        <v>1167874</v>
      </c>
      <c r="FU32" s="113">
        <v>7110847</v>
      </c>
      <c r="FV32" s="116">
        <v>8979776</v>
      </c>
      <c r="FW32" s="115">
        <v>383393</v>
      </c>
      <c r="FX32" s="114">
        <v>901682</v>
      </c>
      <c r="FY32" s="112">
        <v>1285075</v>
      </c>
      <c r="FZ32" s="111">
        <v>0</v>
      </c>
      <c r="GA32" s="114">
        <v>566666</v>
      </c>
      <c r="GB32" s="114">
        <v>1818760</v>
      </c>
      <c r="GC32" s="114">
        <v>1546847</v>
      </c>
      <c r="GD32" s="114">
        <v>1330582</v>
      </c>
      <c r="GE32" s="114">
        <v>1068900</v>
      </c>
      <c r="GF32" s="113">
        <v>6331755</v>
      </c>
      <c r="GG32" s="318">
        <v>7616830</v>
      </c>
      <c r="GH32" s="115">
        <v>113310</v>
      </c>
      <c r="GI32" s="114">
        <v>76799</v>
      </c>
      <c r="GJ32" s="112">
        <v>190109</v>
      </c>
      <c r="GK32" s="111">
        <v>0</v>
      </c>
      <c r="GL32" s="114">
        <v>146100</v>
      </c>
      <c r="GM32" s="114">
        <v>110180</v>
      </c>
      <c r="GN32" s="114">
        <v>0</v>
      </c>
      <c r="GO32" s="114">
        <v>45540</v>
      </c>
      <c r="GP32" s="114">
        <v>43198</v>
      </c>
      <c r="GQ32" s="113">
        <v>345018</v>
      </c>
      <c r="GR32" s="116">
        <v>535127</v>
      </c>
      <c r="GS32" s="110">
        <v>267245</v>
      </c>
      <c r="GT32" s="114">
        <v>126500</v>
      </c>
      <c r="GU32" s="113">
        <v>393745</v>
      </c>
      <c r="GV32" s="110">
        <v>0</v>
      </c>
      <c r="GW32" s="114">
        <v>86648</v>
      </c>
      <c r="GX32" s="114">
        <v>111650</v>
      </c>
      <c r="GY32" s="114">
        <v>180000</v>
      </c>
      <c r="GZ32" s="114">
        <v>0</v>
      </c>
      <c r="HA32" s="114">
        <v>55776</v>
      </c>
      <c r="HB32" s="112">
        <v>434074</v>
      </c>
      <c r="HC32" s="116">
        <v>827819</v>
      </c>
      <c r="HD32" s="110">
        <v>545764</v>
      </c>
      <c r="HE32" s="114">
        <v>1490853</v>
      </c>
      <c r="HF32" s="112">
        <v>2036617</v>
      </c>
      <c r="HG32" s="111">
        <v>0</v>
      </c>
      <c r="HH32" s="114">
        <v>6303024</v>
      </c>
      <c r="HI32" s="114">
        <v>5887081</v>
      </c>
      <c r="HJ32" s="114">
        <v>7689642</v>
      </c>
      <c r="HK32" s="114">
        <v>7949439</v>
      </c>
      <c r="HL32" s="114">
        <v>2627893</v>
      </c>
      <c r="HM32" s="113">
        <v>30457079</v>
      </c>
      <c r="HN32" s="109">
        <v>32493696</v>
      </c>
      <c r="HO32" s="115">
        <v>519273</v>
      </c>
      <c r="HP32" s="114">
        <v>798219</v>
      </c>
      <c r="HQ32" s="113">
        <v>1317492</v>
      </c>
      <c r="HR32" s="110">
        <v>0</v>
      </c>
      <c r="HS32" s="114">
        <v>2935796</v>
      </c>
      <c r="HT32" s="114">
        <v>2334289</v>
      </c>
      <c r="HU32" s="114">
        <v>2098961</v>
      </c>
      <c r="HV32" s="114">
        <v>1405619</v>
      </c>
      <c r="HW32" s="114">
        <v>780092</v>
      </c>
      <c r="HX32" s="112">
        <v>9554757</v>
      </c>
      <c r="HY32" s="116">
        <v>10872249</v>
      </c>
      <c r="HZ32" s="150">
        <v>0</v>
      </c>
      <c r="IA32" s="135">
        <v>0</v>
      </c>
      <c r="IB32" s="150">
        <v>0</v>
      </c>
      <c r="IC32" s="134">
        <v>0</v>
      </c>
      <c r="ID32" s="135">
        <v>4788465</v>
      </c>
      <c r="IE32" s="136">
        <v>2220691</v>
      </c>
      <c r="IF32" s="137">
        <v>6228001</v>
      </c>
      <c r="IG32" s="135">
        <v>4828374</v>
      </c>
      <c r="IH32" s="137">
        <v>2713847</v>
      </c>
      <c r="II32" s="138">
        <v>20779378</v>
      </c>
      <c r="IJ32" s="150">
        <v>20779378</v>
      </c>
      <c r="IK32" s="232">
        <v>0</v>
      </c>
      <c r="IL32" s="236">
        <v>0</v>
      </c>
      <c r="IM32" s="237">
        <v>0</v>
      </c>
      <c r="IN32" s="140"/>
      <c r="IO32" s="119">
        <v>0</v>
      </c>
      <c r="IP32" s="119">
        <v>83160</v>
      </c>
      <c r="IQ32" s="119">
        <v>175496</v>
      </c>
      <c r="IR32" s="119">
        <v>0</v>
      </c>
      <c r="IS32" s="119">
        <v>0</v>
      </c>
      <c r="IT32" s="141">
        <v>258656</v>
      </c>
      <c r="IU32" s="320">
        <v>258656</v>
      </c>
      <c r="IV32" s="142">
        <v>0</v>
      </c>
      <c r="IW32" s="119">
        <v>0</v>
      </c>
      <c r="IX32" s="120">
        <v>0</v>
      </c>
      <c r="IY32" s="144"/>
      <c r="IZ32" s="119">
        <v>0</v>
      </c>
      <c r="JA32" s="119">
        <v>0</v>
      </c>
      <c r="JB32" s="119">
        <v>0</v>
      </c>
      <c r="JC32" s="119">
        <v>0</v>
      </c>
      <c r="JD32" s="119">
        <v>0</v>
      </c>
      <c r="JE32" s="120">
        <v>0</v>
      </c>
      <c r="JF32" s="121">
        <v>0</v>
      </c>
      <c r="JG32" s="142">
        <v>0</v>
      </c>
      <c r="JH32" s="119">
        <v>0</v>
      </c>
      <c r="JI32" s="141">
        <v>0</v>
      </c>
      <c r="JJ32" s="118">
        <v>0</v>
      </c>
      <c r="JK32" s="119">
        <v>1814953</v>
      </c>
      <c r="JL32" s="119">
        <v>672814</v>
      </c>
      <c r="JM32" s="119">
        <v>608158</v>
      </c>
      <c r="JN32" s="119">
        <v>299062</v>
      </c>
      <c r="JO32" s="119">
        <v>20583</v>
      </c>
      <c r="JP32" s="120">
        <v>3415570</v>
      </c>
      <c r="JQ32" s="320">
        <v>3415570</v>
      </c>
      <c r="JR32" s="142">
        <v>0</v>
      </c>
      <c r="JS32" s="119">
        <v>0</v>
      </c>
      <c r="JT32" s="141">
        <v>0</v>
      </c>
      <c r="JU32" s="118">
        <v>0</v>
      </c>
      <c r="JV32" s="119">
        <v>233152</v>
      </c>
      <c r="JW32" s="119">
        <v>43056</v>
      </c>
      <c r="JX32" s="119">
        <v>80598</v>
      </c>
      <c r="JY32" s="119">
        <v>355550</v>
      </c>
      <c r="JZ32" s="119">
        <v>339804</v>
      </c>
      <c r="KA32" s="120">
        <v>1052160</v>
      </c>
      <c r="KB32" s="320">
        <v>1052160</v>
      </c>
      <c r="KC32" s="234">
        <v>0</v>
      </c>
      <c r="KD32" s="230">
        <v>0</v>
      </c>
      <c r="KE32" s="120">
        <v>0</v>
      </c>
      <c r="KF32" s="118">
        <v>0</v>
      </c>
      <c r="KG32" s="119">
        <v>0</v>
      </c>
      <c r="KH32" s="119">
        <v>198927</v>
      </c>
      <c r="KI32" s="119">
        <v>0</v>
      </c>
      <c r="KJ32" s="119">
        <v>0</v>
      </c>
      <c r="KK32" s="119">
        <v>0</v>
      </c>
      <c r="KL32" s="120">
        <v>198927</v>
      </c>
      <c r="KM32" s="143">
        <v>198927</v>
      </c>
      <c r="KN32" s="232">
        <v>0</v>
      </c>
      <c r="KO32" s="236">
        <v>0</v>
      </c>
      <c r="KP32" s="237">
        <v>0</v>
      </c>
      <c r="KQ32" s="140"/>
      <c r="KR32" s="119">
        <v>2740360</v>
      </c>
      <c r="KS32" s="119">
        <v>1222734</v>
      </c>
      <c r="KT32" s="119">
        <v>2799785</v>
      </c>
      <c r="KU32" s="119">
        <v>833575</v>
      </c>
      <c r="KV32" s="119">
        <v>1173606</v>
      </c>
      <c r="KW32" s="120">
        <v>8770060</v>
      </c>
      <c r="KX32" s="320">
        <v>8770060</v>
      </c>
      <c r="KY32" s="142">
        <v>0</v>
      </c>
      <c r="KZ32" s="119">
        <v>0</v>
      </c>
      <c r="LA32" s="120">
        <v>0</v>
      </c>
      <c r="LB32" s="145"/>
      <c r="LC32" s="119">
        <v>0</v>
      </c>
      <c r="LD32" s="119">
        <v>0</v>
      </c>
      <c r="LE32" s="119">
        <v>0</v>
      </c>
      <c r="LF32" s="119">
        <v>0</v>
      </c>
      <c r="LG32" s="119">
        <v>0</v>
      </c>
      <c r="LH32" s="120">
        <v>0</v>
      </c>
      <c r="LI32" s="121">
        <v>0</v>
      </c>
      <c r="LJ32" s="142">
        <v>0</v>
      </c>
      <c r="LK32" s="119">
        <v>0</v>
      </c>
      <c r="LL32" s="120">
        <v>0</v>
      </c>
      <c r="LM32" s="145"/>
      <c r="LN32" s="119">
        <v>0</v>
      </c>
      <c r="LO32" s="119">
        <v>0</v>
      </c>
      <c r="LP32" s="119">
        <v>2563964</v>
      </c>
      <c r="LQ32" s="119">
        <v>2706467</v>
      </c>
      <c r="LR32" s="119">
        <v>1179854</v>
      </c>
      <c r="LS32" s="120">
        <v>6450285</v>
      </c>
      <c r="LT32" s="320">
        <v>6450285</v>
      </c>
      <c r="LU32" s="142">
        <v>0</v>
      </c>
      <c r="LV32" s="119">
        <v>0</v>
      </c>
      <c r="LW32" s="120">
        <v>0</v>
      </c>
      <c r="LX32" s="145"/>
      <c r="LY32" s="119">
        <v>0</v>
      </c>
      <c r="LZ32" s="119">
        <v>0</v>
      </c>
      <c r="MA32" s="119">
        <v>0</v>
      </c>
      <c r="MB32" s="119">
        <v>633720</v>
      </c>
      <c r="MC32" s="119">
        <v>0</v>
      </c>
      <c r="MD32" s="120">
        <v>633720</v>
      </c>
      <c r="ME32" s="121">
        <v>633720</v>
      </c>
      <c r="MF32" s="142">
        <v>0</v>
      </c>
      <c r="MG32" s="119">
        <v>0</v>
      </c>
      <c r="MH32" s="120">
        <v>0</v>
      </c>
      <c r="MI32" s="145"/>
      <c r="MJ32" s="119">
        <v>2674763</v>
      </c>
      <c r="MK32" s="119">
        <v>6595225</v>
      </c>
      <c r="ML32" s="119">
        <v>14381024</v>
      </c>
      <c r="MM32" s="119">
        <v>25684684</v>
      </c>
      <c r="MN32" s="119">
        <v>15206370</v>
      </c>
      <c r="MO32" s="120">
        <v>64542066</v>
      </c>
      <c r="MP32" s="143">
        <v>64542066</v>
      </c>
      <c r="MQ32" s="142">
        <v>0</v>
      </c>
      <c r="MR32" s="119">
        <v>0</v>
      </c>
      <c r="MS32" s="120">
        <v>0</v>
      </c>
      <c r="MT32" s="145"/>
      <c r="MU32" s="119">
        <v>425934</v>
      </c>
      <c r="MV32" s="119">
        <v>444725</v>
      </c>
      <c r="MW32" s="119">
        <v>8268844</v>
      </c>
      <c r="MX32" s="119">
        <v>17213719</v>
      </c>
      <c r="MY32" s="119">
        <v>11411229</v>
      </c>
      <c r="MZ32" s="120">
        <v>37764451</v>
      </c>
      <c r="NA32" s="143">
        <v>37764451</v>
      </c>
      <c r="NB32" s="142">
        <v>0</v>
      </c>
      <c r="NC32" s="119">
        <v>0</v>
      </c>
      <c r="ND32" s="120">
        <v>0</v>
      </c>
      <c r="NE32" s="145"/>
      <c r="NF32" s="119">
        <v>2248829</v>
      </c>
      <c r="NG32" s="119">
        <v>6150500</v>
      </c>
      <c r="NH32" s="119">
        <v>6112180</v>
      </c>
      <c r="NI32" s="119">
        <v>7103184</v>
      </c>
      <c r="NJ32" s="119">
        <v>3334661</v>
      </c>
      <c r="NK32" s="120">
        <v>24949354</v>
      </c>
      <c r="NL32" s="320">
        <v>24949354</v>
      </c>
      <c r="NM32" s="142">
        <v>0</v>
      </c>
      <c r="NN32" s="119">
        <v>0</v>
      </c>
      <c r="NO32" s="120">
        <v>0</v>
      </c>
      <c r="NP32" s="145"/>
      <c r="NQ32" s="119">
        <v>0</v>
      </c>
      <c r="NR32" s="119">
        <v>0</v>
      </c>
      <c r="NS32" s="119">
        <v>0</v>
      </c>
      <c r="NT32" s="119">
        <v>0</v>
      </c>
      <c r="NU32" s="119">
        <v>0</v>
      </c>
      <c r="NV32" s="120">
        <v>0</v>
      </c>
      <c r="NW32" s="121">
        <v>0</v>
      </c>
      <c r="NX32" s="142">
        <v>0</v>
      </c>
      <c r="NY32" s="119">
        <v>0</v>
      </c>
      <c r="NZ32" s="120">
        <v>0</v>
      </c>
      <c r="OA32" s="145"/>
      <c r="OB32" s="119">
        <v>0</v>
      </c>
      <c r="OC32" s="119">
        <v>0</v>
      </c>
      <c r="OD32" s="119">
        <v>0</v>
      </c>
      <c r="OE32" s="119">
        <v>1367781</v>
      </c>
      <c r="OF32" s="119">
        <v>460480</v>
      </c>
      <c r="OG32" s="120">
        <v>1828261</v>
      </c>
      <c r="OH32" s="121">
        <v>1828261</v>
      </c>
      <c r="OI32" s="142">
        <v>2663763</v>
      </c>
      <c r="OJ32" s="119">
        <v>6409083</v>
      </c>
      <c r="OK32" s="141">
        <v>9072846</v>
      </c>
      <c r="OL32" s="118">
        <v>0</v>
      </c>
      <c r="OM32" s="119">
        <v>29254724</v>
      </c>
      <c r="ON32" s="119">
        <v>31698304</v>
      </c>
      <c r="OO32" s="119">
        <v>44774285</v>
      </c>
      <c r="OP32" s="119">
        <v>53325812</v>
      </c>
      <c r="OQ32" s="119">
        <v>32452601</v>
      </c>
      <c r="OR32" s="120">
        <v>191505726</v>
      </c>
      <c r="OS32" s="143">
        <v>200578572</v>
      </c>
    </row>
    <row r="33" spans="2:409" ht="21" customHeight="1" x14ac:dyDescent="0.2">
      <c r="B33" s="62" t="s">
        <v>28</v>
      </c>
      <c r="C33" s="110">
        <v>166648</v>
      </c>
      <c r="D33" s="114">
        <v>622229</v>
      </c>
      <c r="E33" s="113">
        <v>788877</v>
      </c>
      <c r="F33" s="109">
        <v>0</v>
      </c>
      <c r="G33" s="114">
        <v>4423934</v>
      </c>
      <c r="H33" s="114">
        <v>8886545</v>
      </c>
      <c r="I33" s="114">
        <v>5936187</v>
      </c>
      <c r="J33" s="114">
        <v>6793879</v>
      </c>
      <c r="K33" s="114">
        <v>5373503</v>
      </c>
      <c r="L33" s="173">
        <v>31414048</v>
      </c>
      <c r="M33" s="116">
        <v>32202925</v>
      </c>
      <c r="N33" s="110">
        <v>22698</v>
      </c>
      <c r="O33" s="114">
        <v>67356</v>
      </c>
      <c r="P33" s="113">
        <v>90054</v>
      </c>
      <c r="Q33" s="110">
        <v>0</v>
      </c>
      <c r="R33" s="114">
        <v>696546</v>
      </c>
      <c r="S33" s="114">
        <v>2670525</v>
      </c>
      <c r="T33" s="114">
        <v>1766198</v>
      </c>
      <c r="U33" s="114">
        <v>1825005</v>
      </c>
      <c r="V33" s="114">
        <v>1999139</v>
      </c>
      <c r="W33" s="113">
        <v>8957413</v>
      </c>
      <c r="X33" s="116">
        <v>9047467</v>
      </c>
      <c r="Y33" s="110">
        <v>0</v>
      </c>
      <c r="Z33" s="114">
        <v>0</v>
      </c>
      <c r="AA33" s="113">
        <v>0</v>
      </c>
      <c r="AB33" s="110">
        <v>0</v>
      </c>
      <c r="AC33" s="114">
        <v>243573</v>
      </c>
      <c r="AD33" s="114">
        <v>795784</v>
      </c>
      <c r="AE33" s="114">
        <v>609701</v>
      </c>
      <c r="AF33" s="114">
        <v>580208</v>
      </c>
      <c r="AG33" s="114">
        <v>687554</v>
      </c>
      <c r="AH33" s="113">
        <v>2916820</v>
      </c>
      <c r="AI33" s="116">
        <v>2916820</v>
      </c>
      <c r="AJ33" s="110">
        <v>0</v>
      </c>
      <c r="AK33" s="114">
        <v>0</v>
      </c>
      <c r="AL33" s="113">
        <v>0</v>
      </c>
      <c r="AM33" s="110">
        <v>0</v>
      </c>
      <c r="AN33" s="114">
        <v>0</v>
      </c>
      <c r="AO33" s="114">
        <v>51231</v>
      </c>
      <c r="AP33" s="114">
        <v>51231</v>
      </c>
      <c r="AQ33" s="114">
        <v>91695</v>
      </c>
      <c r="AR33" s="114">
        <v>212615</v>
      </c>
      <c r="AS33" s="113">
        <v>406772</v>
      </c>
      <c r="AT33" s="116">
        <v>406772</v>
      </c>
      <c r="AU33" s="110">
        <v>20016</v>
      </c>
      <c r="AV33" s="114">
        <v>61992</v>
      </c>
      <c r="AW33" s="113">
        <v>82008</v>
      </c>
      <c r="AX33" s="110">
        <v>0</v>
      </c>
      <c r="AY33" s="114">
        <v>228550</v>
      </c>
      <c r="AZ33" s="114">
        <v>1583790</v>
      </c>
      <c r="BA33" s="114">
        <v>867551</v>
      </c>
      <c r="BB33" s="114">
        <v>849012</v>
      </c>
      <c r="BC33" s="114">
        <v>837890</v>
      </c>
      <c r="BD33" s="113">
        <v>4366793</v>
      </c>
      <c r="BE33" s="116">
        <v>4448801</v>
      </c>
      <c r="BF33" s="110">
        <v>0</v>
      </c>
      <c r="BG33" s="114">
        <v>0</v>
      </c>
      <c r="BH33" s="112">
        <v>0</v>
      </c>
      <c r="BI33" s="111">
        <v>0</v>
      </c>
      <c r="BJ33" s="114">
        <v>70925</v>
      </c>
      <c r="BK33" s="114">
        <v>0</v>
      </c>
      <c r="BL33" s="114">
        <v>0</v>
      </c>
      <c r="BM33" s="114">
        <v>14865</v>
      </c>
      <c r="BN33" s="114">
        <v>75861</v>
      </c>
      <c r="BO33" s="113">
        <v>161651</v>
      </c>
      <c r="BP33" s="116">
        <v>161651</v>
      </c>
      <c r="BQ33" s="110">
        <v>2682</v>
      </c>
      <c r="BR33" s="114">
        <v>5364</v>
      </c>
      <c r="BS33" s="113">
        <v>8046</v>
      </c>
      <c r="BT33" s="110">
        <v>0</v>
      </c>
      <c r="BU33" s="114">
        <v>153498</v>
      </c>
      <c r="BV33" s="114">
        <v>239720</v>
      </c>
      <c r="BW33" s="114">
        <v>237715</v>
      </c>
      <c r="BX33" s="114">
        <v>289225</v>
      </c>
      <c r="BY33" s="114">
        <v>185219</v>
      </c>
      <c r="BZ33" s="113">
        <v>1105377</v>
      </c>
      <c r="CA33" s="116">
        <v>1113423</v>
      </c>
      <c r="CB33" s="110">
        <v>0</v>
      </c>
      <c r="CC33" s="114">
        <v>214237</v>
      </c>
      <c r="CD33" s="113">
        <v>214237</v>
      </c>
      <c r="CE33" s="110">
        <v>0</v>
      </c>
      <c r="CF33" s="114">
        <v>1999101</v>
      </c>
      <c r="CG33" s="114">
        <v>2994349</v>
      </c>
      <c r="CH33" s="114">
        <v>2127743</v>
      </c>
      <c r="CI33" s="114">
        <v>2291724</v>
      </c>
      <c r="CJ33" s="114">
        <v>1489724</v>
      </c>
      <c r="CK33" s="113">
        <v>10902641</v>
      </c>
      <c r="CL33" s="116">
        <v>11116878</v>
      </c>
      <c r="CM33" s="110">
        <v>0</v>
      </c>
      <c r="CN33" s="114">
        <v>0</v>
      </c>
      <c r="CO33" s="113">
        <v>0</v>
      </c>
      <c r="CP33" s="111">
        <v>0</v>
      </c>
      <c r="CQ33" s="114">
        <v>1685222</v>
      </c>
      <c r="CR33" s="114">
        <v>2026144</v>
      </c>
      <c r="CS33" s="114">
        <v>1492571</v>
      </c>
      <c r="CT33" s="114">
        <v>1476045</v>
      </c>
      <c r="CU33" s="114">
        <v>1036865</v>
      </c>
      <c r="CV33" s="113">
        <v>7716847</v>
      </c>
      <c r="CW33" s="116">
        <v>7716847</v>
      </c>
      <c r="CX33" s="110">
        <v>0</v>
      </c>
      <c r="CY33" s="114">
        <v>214237</v>
      </c>
      <c r="CZ33" s="113">
        <v>214237</v>
      </c>
      <c r="DA33" s="110">
        <v>0</v>
      </c>
      <c r="DB33" s="114">
        <v>313879</v>
      </c>
      <c r="DC33" s="114">
        <v>968205</v>
      </c>
      <c r="DD33" s="114">
        <v>635172</v>
      </c>
      <c r="DE33" s="114">
        <v>815679</v>
      </c>
      <c r="DF33" s="114">
        <v>452859</v>
      </c>
      <c r="DG33" s="113">
        <v>3185794</v>
      </c>
      <c r="DH33" s="116">
        <v>3400031</v>
      </c>
      <c r="DI33" s="110">
        <v>0</v>
      </c>
      <c r="DJ33" s="114">
        <v>0</v>
      </c>
      <c r="DK33" s="112">
        <v>0</v>
      </c>
      <c r="DL33" s="111">
        <v>0</v>
      </c>
      <c r="DM33" s="114">
        <v>372893</v>
      </c>
      <c r="DN33" s="114">
        <v>327126</v>
      </c>
      <c r="DO33" s="114">
        <v>435429</v>
      </c>
      <c r="DP33" s="114">
        <v>762061</v>
      </c>
      <c r="DQ33" s="114">
        <v>447332</v>
      </c>
      <c r="DR33" s="113">
        <v>2344841</v>
      </c>
      <c r="DS33" s="116">
        <v>2344841</v>
      </c>
      <c r="DT33" s="110">
        <v>0</v>
      </c>
      <c r="DU33" s="114">
        <v>0</v>
      </c>
      <c r="DV33" s="113">
        <v>0</v>
      </c>
      <c r="DW33" s="110">
        <v>0</v>
      </c>
      <c r="DX33" s="114">
        <v>120709</v>
      </c>
      <c r="DY33" s="114">
        <v>243542</v>
      </c>
      <c r="DZ33" s="114">
        <v>394182</v>
      </c>
      <c r="EA33" s="114">
        <v>575286</v>
      </c>
      <c r="EB33" s="114">
        <v>447332</v>
      </c>
      <c r="EC33" s="113">
        <v>1781051</v>
      </c>
      <c r="ED33" s="116">
        <v>1781051</v>
      </c>
      <c r="EE33" s="110">
        <v>0</v>
      </c>
      <c r="EF33" s="112">
        <v>0</v>
      </c>
      <c r="EG33" s="113">
        <v>0</v>
      </c>
      <c r="EH33" s="110">
        <v>0</v>
      </c>
      <c r="EI33" s="114">
        <v>252184</v>
      </c>
      <c r="EJ33" s="114">
        <v>83584</v>
      </c>
      <c r="EK33" s="114">
        <v>41247</v>
      </c>
      <c r="EL33" s="114">
        <v>186775</v>
      </c>
      <c r="EM33" s="114">
        <v>0</v>
      </c>
      <c r="EN33" s="112">
        <v>563790</v>
      </c>
      <c r="EO33" s="116">
        <v>563790</v>
      </c>
      <c r="EP33" s="110">
        <v>0</v>
      </c>
      <c r="EQ33" s="114">
        <v>0</v>
      </c>
      <c r="ER33" s="112">
        <v>0</v>
      </c>
      <c r="ES33" s="111">
        <v>0</v>
      </c>
      <c r="ET33" s="114">
        <v>0</v>
      </c>
      <c r="EU33" s="114">
        <v>0</v>
      </c>
      <c r="EV33" s="114">
        <v>0</v>
      </c>
      <c r="EW33" s="114">
        <v>0</v>
      </c>
      <c r="EX33" s="114">
        <v>0</v>
      </c>
      <c r="EY33" s="113">
        <v>0</v>
      </c>
      <c r="EZ33" s="116">
        <v>0</v>
      </c>
      <c r="FA33" s="110">
        <v>0</v>
      </c>
      <c r="FB33" s="114">
        <v>0</v>
      </c>
      <c r="FC33" s="112">
        <v>0</v>
      </c>
      <c r="FD33" s="347"/>
      <c r="FE33" s="114">
        <v>0</v>
      </c>
      <c r="FF33" s="114">
        <v>0</v>
      </c>
      <c r="FG33" s="114">
        <v>0</v>
      </c>
      <c r="FH33" s="114">
        <v>0</v>
      </c>
      <c r="FI33" s="114">
        <v>0</v>
      </c>
      <c r="FJ33" s="113">
        <v>0</v>
      </c>
      <c r="FK33" s="116">
        <v>0</v>
      </c>
      <c r="FL33" s="110">
        <v>39590</v>
      </c>
      <c r="FM33" s="114">
        <v>244276</v>
      </c>
      <c r="FN33" s="113">
        <v>283866</v>
      </c>
      <c r="FO33" s="110">
        <v>0</v>
      </c>
      <c r="FP33" s="114">
        <v>273210</v>
      </c>
      <c r="FQ33" s="114">
        <v>751339</v>
      </c>
      <c r="FR33" s="114">
        <v>578015</v>
      </c>
      <c r="FS33" s="114">
        <v>464508</v>
      </c>
      <c r="FT33" s="114">
        <v>542282</v>
      </c>
      <c r="FU33" s="113">
        <v>2609354</v>
      </c>
      <c r="FV33" s="116">
        <v>2893220</v>
      </c>
      <c r="FW33" s="115">
        <v>39590</v>
      </c>
      <c r="FX33" s="114">
        <v>106270</v>
      </c>
      <c r="FY33" s="112">
        <v>145860</v>
      </c>
      <c r="FZ33" s="111">
        <v>0</v>
      </c>
      <c r="GA33" s="114">
        <v>220110</v>
      </c>
      <c r="GB33" s="114">
        <v>751339</v>
      </c>
      <c r="GC33" s="114">
        <v>554414</v>
      </c>
      <c r="GD33" s="114">
        <v>464508</v>
      </c>
      <c r="GE33" s="114">
        <v>542282</v>
      </c>
      <c r="GF33" s="113">
        <v>2532653</v>
      </c>
      <c r="GG33" s="318">
        <v>2678513</v>
      </c>
      <c r="GH33" s="115">
        <v>0</v>
      </c>
      <c r="GI33" s="114">
        <v>36432</v>
      </c>
      <c r="GJ33" s="112">
        <v>36432</v>
      </c>
      <c r="GK33" s="111">
        <v>0</v>
      </c>
      <c r="GL33" s="114">
        <v>0</v>
      </c>
      <c r="GM33" s="114">
        <v>0</v>
      </c>
      <c r="GN33" s="114">
        <v>23601</v>
      </c>
      <c r="GO33" s="114">
        <v>0</v>
      </c>
      <c r="GP33" s="114">
        <v>0</v>
      </c>
      <c r="GQ33" s="113">
        <v>23601</v>
      </c>
      <c r="GR33" s="116">
        <v>60033</v>
      </c>
      <c r="GS33" s="110">
        <v>0</v>
      </c>
      <c r="GT33" s="114">
        <v>101574</v>
      </c>
      <c r="GU33" s="113">
        <v>101574</v>
      </c>
      <c r="GV33" s="110">
        <v>0</v>
      </c>
      <c r="GW33" s="114">
        <v>53100</v>
      </c>
      <c r="GX33" s="114">
        <v>0</v>
      </c>
      <c r="GY33" s="114">
        <v>0</v>
      </c>
      <c r="GZ33" s="114">
        <v>0</v>
      </c>
      <c r="HA33" s="114">
        <v>0</v>
      </c>
      <c r="HB33" s="112">
        <v>53100</v>
      </c>
      <c r="HC33" s="116">
        <v>154674</v>
      </c>
      <c r="HD33" s="110">
        <v>60560</v>
      </c>
      <c r="HE33" s="114">
        <v>0</v>
      </c>
      <c r="HF33" s="112">
        <v>60560</v>
      </c>
      <c r="HG33" s="111">
        <v>0</v>
      </c>
      <c r="HH33" s="114">
        <v>155881</v>
      </c>
      <c r="HI33" s="114">
        <v>1078930</v>
      </c>
      <c r="HJ33" s="114">
        <v>389135</v>
      </c>
      <c r="HK33" s="114">
        <v>919716</v>
      </c>
      <c r="HL33" s="114">
        <v>516479</v>
      </c>
      <c r="HM33" s="113">
        <v>3060141</v>
      </c>
      <c r="HN33" s="109">
        <v>3120701</v>
      </c>
      <c r="HO33" s="115">
        <v>43800</v>
      </c>
      <c r="HP33" s="114">
        <v>96360</v>
      </c>
      <c r="HQ33" s="113">
        <v>140160</v>
      </c>
      <c r="HR33" s="110">
        <v>0</v>
      </c>
      <c r="HS33" s="114">
        <v>926303</v>
      </c>
      <c r="HT33" s="114">
        <v>1064276</v>
      </c>
      <c r="HU33" s="114">
        <v>639667</v>
      </c>
      <c r="HV33" s="114">
        <v>530865</v>
      </c>
      <c r="HW33" s="114">
        <v>378547</v>
      </c>
      <c r="HX33" s="112">
        <v>3539658</v>
      </c>
      <c r="HY33" s="116">
        <v>3679818</v>
      </c>
      <c r="HZ33" s="131">
        <v>0</v>
      </c>
      <c r="IA33" s="132">
        <v>0</v>
      </c>
      <c r="IB33" s="133">
        <v>0</v>
      </c>
      <c r="IC33" s="146">
        <v>0</v>
      </c>
      <c r="ID33" s="132">
        <v>711571</v>
      </c>
      <c r="IE33" s="147">
        <v>1707973</v>
      </c>
      <c r="IF33" s="133">
        <v>2318689</v>
      </c>
      <c r="IG33" s="132">
        <v>396918</v>
      </c>
      <c r="IH33" s="133">
        <v>983477</v>
      </c>
      <c r="II33" s="148">
        <v>6118628</v>
      </c>
      <c r="IJ33" s="139">
        <v>6118628</v>
      </c>
      <c r="IK33" s="232">
        <v>0</v>
      </c>
      <c r="IL33" s="236">
        <v>0</v>
      </c>
      <c r="IM33" s="237">
        <v>0</v>
      </c>
      <c r="IN33" s="140"/>
      <c r="IO33" s="119">
        <v>0</v>
      </c>
      <c r="IP33" s="119">
        <v>0</v>
      </c>
      <c r="IQ33" s="119">
        <v>0</v>
      </c>
      <c r="IR33" s="119">
        <v>0</v>
      </c>
      <c r="IS33" s="119">
        <v>0</v>
      </c>
      <c r="IT33" s="141">
        <v>0</v>
      </c>
      <c r="IU33" s="320">
        <v>0</v>
      </c>
      <c r="IV33" s="142">
        <v>0</v>
      </c>
      <c r="IW33" s="119">
        <v>0</v>
      </c>
      <c r="IX33" s="120">
        <v>0</v>
      </c>
      <c r="IY33" s="144"/>
      <c r="IZ33" s="119">
        <v>0</v>
      </c>
      <c r="JA33" s="119">
        <v>0</v>
      </c>
      <c r="JB33" s="119">
        <v>0</v>
      </c>
      <c r="JC33" s="119">
        <v>0</v>
      </c>
      <c r="JD33" s="119">
        <v>0</v>
      </c>
      <c r="JE33" s="120">
        <v>0</v>
      </c>
      <c r="JF33" s="121">
        <v>0</v>
      </c>
      <c r="JG33" s="142">
        <v>0</v>
      </c>
      <c r="JH33" s="119">
        <v>0</v>
      </c>
      <c r="JI33" s="141">
        <v>0</v>
      </c>
      <c r="JJ33" s="118">
        <v>0</v>
      </c>
      <c r="JK33" s="119">
        <v>579748</v>
      </c>
      <c r="JL33" s="119">
        <v>517138</v>
      </c>
      <c r="JM33" s="119">
        <v>117289</v>
      </c>
      <c r="JN33" s="119">
        <v>108288</v>
      </c>
      <c r="JO33" s="119">
        <v>52880</v>
      </c>
      <c r="JP33" s="120">
        <v>1375343</v>
      </c>
      <c r="JQ33" s="320">
        <v>1375343</v>
      </c>
      <c r="JR33" s="142">
        <v>0</v>
      </c>
      <c r="JS33" s="119">
        <v>0</v>
      </c>
      <c r="JT33" s="141">
        <v>0</v>
      </c>
      <c r="JU33" s="118">
        <v>0</v>
      </c>
      <c r="JV33" s="119">
        <v>131823</v>
      </c>
      <c r="JW33" s="119">
        <v>96876</v>
      </c>
      <c r="JX33" s="119">
        <v>230742</v>
      </c>
      <c r="JY33" s="119">
        <v>0</v>
      </c>
      <c r="JZ33" s="119">
        <v>0</v>
      </c>
      <c r="KA33" s="120">
        <v>459441</v>
      </c>
      <c r="KB33" s="320">
        <v>459441</v>
      </c>
      <c r="KC33" s="234">
        <v>0</v>
      </c>
      <c r="KD33" s="230">
        <v>0</v>
      </c>
      <c r="KE33" s="120">
        <v>0</v>
      </c>
      <c r="KF33" s="118">
        <v>0</v>
      </c>
      <c r="KG33" s="119">
        <v>0</v>
      </c>
      <c r="KH33" s="119">
        <v>0</v>
      </c>
      <c r="KI33" s="119">
        <v>0</v>
      </c>
      <c r="KJ33" s="119">
        <v>0</v>
      </c>
      <c r="KK33" s="119">
        <v>0</v>
      </c>
      <c r="KL33" s="120">
        <v>0</v>
      </c>
      <c r="KM33" s="143">
        <v>0</v>
      </c>
      <c r="KN33" s="232">
        <v>0</v>
      </c>
      <c r="KO33" s="236">
        <v>0</v>
      </c>
      <c r="KP33" s="237">
        <v>0</v>
      </c>
      <c r="KQ33" s="140"/>
      <c r="KR33" s="119">
        <v>0</v>
      </c>
      <c r="KS33" s="119">
        <v>1093959</v>
      </c>
      <c r="KT33" s="119">
        <v>1700622</v>
      </c>
      <c r="KU33" s="119">
        <v>288630</v>
      </c>
      <c r="KV33" s="119">
        <v>930597</v>
      </c>
      <c r="KW33" s="120">
        <v>4013808</v>
      </c>
      <c r="KX33" s="320">
        <v>4013808</v>
      </c>
      <c r="KY33" s="142">
        <v>0</v>
      </c>
      <c r="KZ33" s="119">
        <v>0</v>
      </c>
      <c r="LA33" s="120">
        <v>0</v>
      </c>
      <c r="LB33" s="145"/>
      <c r="LC33" s="119">
        <v>0</v>
      </c>
      <c r="LD33" s="119">
        <v>0</v>
      </c>
      <c r="LE33" s="119">
        <v>0</v>
      </c>
      <c r="LF33" s="119">
        <v>0</v>
      </c>
      <c r="LG33" s="119">
        <v>0</v>
      </c>
      <c r="LH33" s="120">
        <v>0</v>
      </c>
      <c r="LI33" s="121">
        <v>0</v>
      </c>
      <c r="LJ33" s="142">
        <v>0</v>
      </c>
      <c r="LK33" s="119">
        <v>0</v>
      </c>
      <c r="LL33" s="120">
        <v>0</v>
      </c>
      <c r="LM33" s="145"/>
      <c r="LN33" s="119">
        <v>0</v>
      </c>
      <c r="LO33" s="119">
        <v>0</v>
      </c>
      <c r="LP33" s="119">
        <v>270036</v>
      </c>
      <c r="LQ33" s="119">
        <v>0</v>
      </c>
      <c r="LR33" s="119">
        <v>0</v>
      </c>
      <c r="LS33" s="120">
        <v>270036</v>
      </c>
      <c r="LT33" s="320">
        <v>270036</v>
      </c>
      <c r="LU33" s="142">
        <v>0</v>
      </c>
      <c r="LV33" s="119">
        <v>0</v>
      </c>
      <c r="LW33" s="120">
        <v>0</v>
      </c>
      <c r="LX33" s="145"/>
      <c r="LY33" s="119">
        <v>0</v>
      </c>
      <c r="LZ33" s="119">
        <v>0</v>
      </c>
      <c r="MA33" s="119">
        <v>0</v>
      </c>
      <c r="MB33" s="119">
        <v>0</v>
      </c>
      <c r="MC33" s="119">
        <v>0</v>
      </c>
      <c r="MD33" s="120">
        <v>0</v>
      </c>
      <c r="ME33" s="121">
        <v>0</v>
      </c>
      <c r="MF33" s="142">
        <v>0</v>
      </c>
      <c r="MG33" s="119">
        <v>0</v>
      </c>
      <c r="MH33" s="120">
        <v>0</v>
      </c>
      <c r="MI33" s="145"/>
      <c r="MJ33" s="119">
        <v>617634</v>
      </c>
      <c r="MK33" s="119">
        <v>2808410</v>
      </c>
      <c r="ML33" s="119">
        <v>5053634</v>
      </c>
      <c r="MM33" s="119">
        <v>8486943</v>
      </c>
      <c r="MN33" s="119">
        <v>4427181</v>
      </c>
      <c r="MO33" s="120">
        <v>21393802</v>
      </c>
      <c r="MP33" s="143">
        <v>21393802</v>
      </c>
      <c r="MQ33" s="142">
        <v>0</v>
      </c>
      <c r="MR33" s="119">
        <v>0</v>
      </c>
      <c r="MS33" s="120">
        <v>0</v>
      </c>
      <c r="MT33" s="145"/>
      <c r="MU33" s="119">
        <v>0</v>
      </c>
      <c r="MV33" s="119">
        <v>214209</v>
      </c>
      <c r="MW33" s="119">
        <v>2987685</v>
      </c>
      <c r="MX33" s="119">
        <v>4681558</v>
      </c>
      <c r="MY33" s="119">
        <v>3015330</v>
      </c>
      <c r="MZ33" s="120">
        <v>10898782</v>
      </c>
      <c r="NA33" s="143">
        <v>10898782</v>
      </c>
      <c r="NB33" s="142">
        <v>0</v>
      </c>
      <c r="NC33" s="119">
        <v>0</v>
      </c>
      <c r="ND33" s="120">
        <v>0</v>
      </c>
      <c r="NE33" s="145"/>
      <c r="NF33" s="119">
        <v>617634</v>
      </c>
      <c r="NG33" s="119">
        <v>2594201</v>
      </c>
      <c r="NH33" s="119">
        <v>2065949</v>
      </c>
      <c r="NI33" s="119">
        <v>3805385</v>
      </c>
      <c r="NJ33" s="119">
        <v>1411851</v>
      </c>
      <c r="NK33" s="120">
        <v>10495020</v>
      </c>
      <c r="NL33" s="320">
        <v>10495020</v>
      </c>
      <c r="NM33" s="142">
        <v>0</v>
      </c>
      <c r="NN33" s="119">
        <v>0</v>
      </c>
      <c r="NO33" s="120">
        <v>0</v>
      </c>
      <c r="NP33" s="145"/>
      <c r="NQ33" s="119">
        <v>0</v>
      </c>
      <c r="NR33" s="119">
        <v>0</v>
      </c>
      <c r="NS33" s="119">
        <v>0</v>
      </c>
      <c r="NT33" s="119">
        <v>0</v>
      </c>
      <c r="NU33" s="119">
        <v>0</v>
      </c>
      <c r="NV33" s="120">
        <v>0</v>
      </c>
      <c r="NW33" s="121">
        <v>0</v>
      </c>
      <c r="NX33" s="142">
        <v>0</v>
      </c>
      <c r="NY33" s="119">
        <v>0</v>
      </c>
      <c r="NZ33" s="120">
        <v>0</v>
      </c>
      <c r="OA33" s="145"/>
      <c r="OB33" s="119">
        <v>0</v>
      </c>
      <c r="OC33" s="119">
        <v>0</v>
      </c>
      <c r="OD33" s="119">
        <v>0</v>
      </c>
      <c r="OE33" s="119">
        <v>0</v>
      </c>
      <c r="OF33" s="119">
        <v>0</v>
      </c>
      <c r="OG33" s="120">
        <v>0</v>
      </c>
      <c r="OH33" s="121">
        <v>0</v>
      </c>
      <c r="OI33" s="142">
        <v>166648</v>
      </c>
      <c r="OJ33" s="119">
        <v>622229</v>
      </c>
      <c r="OK33" s="141">
        <v>788877</v>
      </c>
      <c r="OL33" s="118">
        <v>0</v>
      </c>
      <c r="OM33" s="119">
        <v>5753139</v>
      </c>
      <c r="ON33" s="119">
        <v>13402928</v>
      </c>
      <c r="OO33" s="119">
        <v>13308510</v>
      </c>
      <c r="OP33" s="119">
        <v>15677740</v>
      </c>
      <c r="OQ33" s="119">
        <v>10784161</v>
      </c>
      <c r="OR33" s="120">
        <v>58926478</v>
      </c>
      <c r="OS33" s="143">
        <v>59715355</v>
      </c>
    </row>
    <row r="34" spans="2:409" ht="21" customHeight="1" x14ac:dyDescent="0.2">
      <c r="B34" s="62" t="s">
        <v>29</v>
      </c>
      <c r="C34" s="110">
        <v>466923</v>
      </c>
      <c r="D34" s="114">
        <v>686142</v>
      </c>
      <c r="E34" s="113">
        <v>1153065</v>
      </c>
      <c r="F34" s="109">
        <v>0</v>
      </c>
      <c r="G34" s="114">
        <v>7877793</v>
      </c>
      <c r="H34" s="114">
        <v>10946050</v>
      </c>
      <c r="I34" s="114">
        <v>6490324</v>
      </c>
      <c r="J34" s="114">
        <v>9410125</v>
      </c>
      <c r="K34" s="114">
        <v>5722867</v>
      </c>
      <c r="L34" s="173">
        <v>40447159</v>
      </c>
      <c r="M34" s="116">
        <v>41600224</v>
      </c>
      <c r="N34" s="110">
        <v>44343</v>
      </c>
      <c r="O34" s="114">
        <v>140292</v>
      </c>
      <c r="P34" s="113">
        <v>184635</v>
      </c>
      <c r="Q34" s="110">
        <v>0</v>
      </c>
      <c r="R34" s="114">
        <v>2020947</v>
      </c>
      <c r="S34" s="114">
        <v>2132990</v>
      </c>
      <c r="T34" s="114">
        <v>1046844</v>
      </c>
      <c r="U34" s="114">
        <v>3381334</v>
      </c>
      <c r="V34" s="114">
        <v>2212811</v>
      </c>
      <c r="W34" s="113">
        <v>10794926</v>
      </c>
      <c r="X34" s="116">
        <v>10979561</v>
      </c>
      <c r="Y34" s="110">
        <v>0</v>
      </c>
      <c r="Z34" s="114">
        <v>0</v>
      </c>
      <c r="AA34" s="113">
        <v>0</v>
      </c>
      <c r="AB34" s="110">
        <v>0</v>
      </c>
      <c r="AC34" s="114">
        <v>1012485</v>
      </c>
      <c r="AD34" s="114">
        <v>987814</v>
      </c>
      <c r="AE34" s="114">
        <v>416008</v>
      </c>
      <c r="AF34" s="114">
        <v>2035852</v>
      </c>
      <c r="AG34" s="114">
        <v>1509260</v>
      </c>
      <c r="AH34" s="113">
        <v>5961419</v>
      </c>
      <c r="AI34" s="116">
        <v>5961419</v>
      </c>
      <c r="AJ34" s="110">
        <v>0</v>
      </c>
      <c r="AK34" s="114">
        <v>0</v>
      </c>
      <c r="AL34" s="113">
        <v>0</v>
      </c>
      <c r="AM34" s="110">
        <v>0</v>
      </c>
      <c r="AN34" s="114">
        <v>0</v>
      </c>
      <c r="AO34" s="114">
        <v>0</v>
      </c>
      <c r="AP34" s="114">
        <v>0</v>
      </c>
      <c r="AQ34" s="114">
        <v>237595</v>
      </c>
      <c r="AR34" s="114">
        <v>262180</v>
      </c>
      <c r="AS34" s="113">
        <v>499775</v>
      </c>
      <c r="AT34" s="116">
        <v>499775</v>
      </c>
      <c r="AU34" s="110">
        <v>24624</v>
      </c>
      <c r="AV34" s="114">
        <v>108180</v>
      </c>
      <c r="AW34" s="113">
        <v>132804</v>
      </c>
      <c r="AX34" s="110">
        <v>0</v>
      </c>
      <c r="AY34" s="114">
        <v>711000</v>
      </c>
      <c r="AZ34" s="114">
        <v>610028</v>
      </c>
      <c r="BA34" s="114">
        <v>411724</v>
      </c>
      <c r="BB34" s="114">
        <v>617570</v>
      </c>
      <c r="BC34" s="114">
        <v>293481</v>
      </c>
      <c r="BD34" s="113">
        <v>2643803</v>
      </c>
      <c r="BE34" s="116">
        <v>2776607</v>
      </c>
      <c r="BF34" s="110">
        <v>0</v>
      </c>
      <c r="BG34" s="114">
        <v>26028</v>
      </c>
      <c r="BH34" s="112">
        <v>26028</v>
      </c>
      <c r="BI34" s="111">
        <v>0</v>
      </c>
      <c r="BJ34" s="114">
        <v>140634</v>
      </c>
      <c r="BK34" s="114">
        <v>118608</v>
      </c>
      <c r="BL34" s="114">
        <v>53536</v>
      </c>
      <c r="BM34" s="114">
        <v>174952</v>
      </c>
      <c r="BN34" s="114">
        <v>0</v>
      </c>
      <c r="BO34" s="113">
        <v>487730</v>
      </c>
      <c r="BP34" s="116">
        <v>513758</v>
      </c>
      <c r="BQ34" s="110">
        <v>19719</v>
      </c>
      <c r="BR34" s="114">
        <v>6084</v>
      </c>
      <c r="BS34" s="113">
        <v>25803</v>
      </c>
      <c r="BT34" s="110">
        <v>0</v>
      </c>
      <c r="BU34" s="114">
        <v>156828</v>
      </c>
      <c r="BV34" s="114">
        <v>416540</v>
      </c>
      <c r="BW34" s="114">
        <v>165576</v>
      </c>
      <c r="BX34" s="114">
        <v>315365</v>
      </c>
      <c r="BY34" s="114">
        <v>147890</v>
      </c>
      <c r="BZ34" s="113">
        <v>1202199</v>
      </c>
      <c r="CA34" s="116">
        <v>1228002</v>
      </c>
      <c r="CB34" s="110">
        <v>22212</v>
      </c>
      <c r="CC34" s="114">
        <v>76752</v>
      </c>
      <c r="CD34" s="113">
        <v>98964</v>
      </c>
      <c r="CE34" s="110">
        <v>0</v>
      </c>
      <c r="CF34" s="114">
        <v>3222161</v>
      </c>
      <c r="CG34" s="114">
        <v>3798265</v>
      </c>
      <c r="CH34" s="114">
        <v>2274519</v>
      </c>
      <c r="CI34" s="114">
        <v>2367150</v>
      </c>
      <c r="CJ34" s="114">
        <v>574932</v>
      </c>
      <c r="CK34" s="113">
        <v>12237027</v>
      </c>
      <c r="CL34" s="116">
        <v>12335991</v>
      </c>
      <c r="CM34" s="110">
        <v>0</v>
      </c>
      <c r="CN34" s="114">
        <v>0</v>
      </c>
      <c r="CO34" s="113">
        <v>0</v>
      </c>
      <c r="CP34" s="111">
        <v>0</v>
      </c>
      <c r="CQ34" s="114">
        <v>2369900</v>
      </c>
      <c r="CR34" s="114">
        <v>2849600</v>
      </c>
      <c r="CS34" s="114">
        <v>1701871</v>
      </c>
      <c r="CT34" s="114">
        <v>1922698</v>
      </c>
      <c r="CU34" s="114">
        <v>344556</v>
      </c>
      <c r="CV34" s="113">
        <v>9188625</v>
      </c>
      <c r="CW34" s="116">
        <v>9188625</v>
      </c>
      <c r="CX34" s="110">
        <v>22212</v>
      </c>
      <c r="CY34" s="114">
        <v>76752</v>
      </c>
      <c r="CZ34" s="113">
        <v>98964</v>
      </c>
      <c r="DA34" s="110">
        <v>0</v>
      </c>
      <c r="DB34" s="114">
        <v>852261</v>
      </c>
      <c r="DC34" s="114">
        <v>948665</v>
      </c>
      <c r="DD34" s="114">
        <v>572648</v>
      </c>
      <c r="DE34" s="114">
        <v>444452</v>
      </c>
      <c r="DF34" s="114">
        <v>230376</v>
      </c>
      <c r="DG34" s="113">
        <v>3048402</v>
      </c>
      <c r="DH34" s="116">
        <v>3147366</v>
      </c>
      <c r="DI34" s="110">
        <v>4965</v>
      </c>
      <c r="DJ34" s="114">
        <v>0</v>
      </c>
      <c r="DK34" s="112">
        <v>4965</v>
      </c>
      <c r="DL34" s="111">
        <v>0</v>
      </c>
      <c r="DM34" s="114">
        <v>162180</v>
      </c>
      <c r="DN34" s="114">
        <v>1119655</v>
      </c>
      <c r="DO34" s="114">
        <v>942036</v>
      </c>
      <c r="DP34" s="114">
        <v>539980</v>
      </c>
      <c r="DQ34" s="114">
        <v>975860</v>
      </c>
      <c r="DR34" s="113">
        <v>3739711</v>
      </c>
      <c r="DS34" s="116">
        <v>3744676</v>
      </c>
      <c r="DT34" s="110">
        <v>4965</v>
      </c>
      <c r="DU34" s="114">
        <v>0</v>
      </c>
      <c r="DV34" s="113">
        <v>4965</v>
      </c>
      <c r="DW34" s="110">
        <v>0</v>
      </c>
      <c r="DX34" s="114">
        <v>162180</v>
      </c>
      <c r="DY34" s="114">
        <v>752851</v>
      </c>
      <c r="DZ34" s="114">
        <v>726073</v>
      </c>
      <c r="EA34" s="114">
        <v>499784</v>
      </c>
      <c r="EB34" s="114">
        <v>868796</v>
      </c>
      <c r="EC34" s="113">
        <v>3009684</v>
      </c>
      <c r="ED34" s="116">
        <v>3014649</v>
      </c>
      <c r="EE34" s="110">
        <v>0</v>
      </c>
      <c r="EF34" s="112">
        <v>0</v>
      </c>
      <c r="EG34" s="113">
        <v>0</v>
      </c>
      <c r="EH34" s="110">
        <v>0</v>
      </c>
      <c r="EI34" s="114">
        <v>0</v>
      </c>
      <c r="EJ34" s="114">
        <v>366804</v>
      </c>
      <c r="EK34" s="114">
        <v>215963</v>
      </c>
      <c r="EL34" s="114">
        <v>40196</v>
      </c>
      <c r="EM34" s="114">
        <v>107064</v>
      </c>
      <c r="EN34" s="112">
        <v>730027</v>
      </c>
      <c r="EO34" s="116">
        <v>730027</v>
      </c>
      <c r="EP34" s="110">
        <v>0</v>
      </c>
      <c r="EQ34" s="114">
        <v>0</v>
      </c>
      <c r="ER34" s="112">
        <v>0</v>
      </c>
      <c r="ES34" s="111">
        <v>0</v>
      </c>
      <c r="ET34" s="114">
        <v>0</v>
      </c>
      <c r="EU34" s="114">
        <v>0</v>
      </c>
      <c r="EV34" s="114">
        <v>0</v>
      </c>
      <c r="EW34" s="114">
        <v>0</v>
      </c>
      <c r="EX34" s="114">
        <v>0</v>
      </c>
      <c r="EY34" s="113">
        <v>0</v>
      </c>
      <c r="EZ34" s="116">
        <v>0</v>
      </c>
      <c r="FA34" s="110">
        <v>0</v>
      </c>
      <c r="FB34" s="114">
        <v>0</v>
      </c>
      <c r="FC34" s="112">
        <v>0</v>
      </c>
      <c r="FD34" s="347"/>
      <c r="FE34" s="114">
        <v>0</v>
      </c>
      <c r="FF34" s="114">
        <v>0</v>
      </c>
      <c r="FG34" s="114">
        <v>0</v>
      </c>
      <c r="FH34" s="114">
        <v>0</v>
      </c>
      <c r="FI34" s="114">
        <v>0</v>
      </c>
      <c r="FJ34" s="113">
        <v>0</v>
      </c>
      <c r="FK34" s="116">
        <v>0</v>
      </c>
      <c r="FL34" s="110">
        <v>156770</v>
      </c>
      <c r="FM34" s="114">
        <v>325938</v>
      </c>
      <c r="FN34" s="113">
        <v>482708</v>
      </c>
      <c r="FO34" s="110">
        <v>0</v>
      </c>
      <c r="FP34" s="114">
        <v>523402</v>
      </c>
      <c r="FQ34" s="114">
        <v>800351</v>
      </c>
      <c r="FR34" s="114">
        <v>530325</v>
      </c>
      <c r="FS34" s="114">
        <v>869331</v>
      </c>
      <c r="FT34" s="114">
        <v>591847</v>
      </c>
      <c r="FU34" s="113">
        <v>3315256</v>
      </c>
      <c r="FV34" s="116">
        <v>3797964</v>
      </c>
      <c r="FW34" s="115">
        <v>156770</v>
      </c>
      <c r="FX34" s="114">
        <v>215688</v>
      </c>
      <c r="FY34" s="112">
        <v>372458</v>
      </c>
      <c r="FZ34" s="111">
        <v>0</v>
      </c>
      <c r="GA34" s="114">
        <v>359260</v>
      </c>
      <c r="GB34" s="114">
        <v>747881</v>
      </c>
      <c r="GC34" s="114">
        <v>530325</v>
      </c>
      <c r="GD34" s="114">
        <v>761273</v>
      </c>
      <c r="GE34" s="114">
        <v>591847</v>
      </c>
      <c r="GF34" s="113">
        <v>2990586</v>
      </c>
      <c r="GG34" s="318">
        <v>3363044</v>
      </c>
      <c r="GH34" s="115">
        <v>0</v>
      </c>
      <c r="GI34" s="114">
        <v>0</v>
      </c>
      <c r="GJ34" s="112">
        <v>0</v>
      </c>
      <c r="GK34" s="111">
        <v>0</v>
      </c>
      <c r="GL34" s="114">
        <v>0</v>
      </c>
      <c r="GM34" s="114">
        <v>23760</v>
      </c>
      <c r="GN34" s="114">
        <v>0</v>
      </c>
      <c r="GO34" s="114">
        <v>0</v>
      </c>
      <c r="GP34" s="114">
        <v>0</v>
      </c>
      <c r="GQ34" s="113">
        <v>23760</v>
      </c>
      <c r="GR34" s="116">
        <v>23760</v>
      </c>
      <c r="GS34" s="110">
        <v>0</v>
      </c>
      <c r="GT34" s="114">
        <v>110250</v>
      </c>
      <c r="GU34" s="113">
        <v>110250</v>
      </c>
      <c r="GV34" s="110">
        <v>0</v>
      </c>
      <c r="GW34" s="114">
        <v>164142</v>
      </c>
      <c r="GX34" s="114">
        <v>28710</v>
      </c>
      <c r="GY34" s="114">
        <v>0</v>
      </c>
      <c r="GZ34" s="114">
        <v>108058</v>
      </c>
      <c r="HA34" s="114">
        <v>0</v>
      </c>
      <c r="HB34" s="112">
        <v>300910</v>
      </c>
      <c r="HC34" s="116">
        <v>411160</v>
      </c>
      <c r="HD34" s="110">
        <v>106866</v>
      </c>
      <c r="HE34" s="114">
        <v>0</v>
      </c>
      <c r="HF34" s="112">
        <v>106866</v>
      </c>
      <c r="HG34" s="111">
        <v>0</v>
      </c>
      <c r="HH34" s="114">
        <v>797024</v>
      </c>
      <c r="HI34" s="114">
        <v>1953652</v>
      </c>
      <c r="HJ34" s="114">
        <v>914002</v>
      </c>
      <c r="HK34" s="114">
        <v>1587740</v>
      </c>
      <c r="HL34" s="114">
        <v>1002776</v>
      </c>
      <c r="HM34" s="113">
        <v>6255194</v>
      </c>
      <c r="HN34" s="109">
        <v>6362060</v>
      </c>
      <c r="HO34" s="115">
        <v>131767</v>
      </c>
      <c r="HP34" s="114">
        <v>143160</v>
      </c>
      <c r="HQ34" s="113">
        <v>274927</v>
      </c>
      <c r="HR34" s="110">
        <v>0</v>
      </c>
      <c r="HS34" s="114">
        <v>1152079</v>
      </c>
      <c r="HT34" s="114">
        <v>1141137</v>
      </c>
      <c r="HU34" s="114">
        <v>782598</v>
      </c>
      <c r="HV34" s="114">
        <v>664590</v>
      </c>
      <c r="HW34" s="114">
        <v>364641</v>
      </c>
      <c r="HX34" s="112">
        <v>4105045</v>
      </c>
      <c r="HY34" s="116">
        <v>4379972</v>
      </c>
      <c r="HZ34" s="150">
        <v>0</v>
      </c>
      <c r="IA34" s="135">
        <v>264168</v>
      </c>
      <c r="IB34" s="150">
        <v>264168</v>
      </c>
      <c r="IC34" s="134">
        <v>0</v>
      </c>
      <c r="ID34" s="135">
        <v>3720801</v>
      </c>
      <c r="IE34" s="136">
        <v>2799456</v>
      </c>
      <c r="IF34" s="137">
        <v>6255306</v>
      </c>
      <c r="IG34" s="135">
        <v>4290496</v>
      </c>
      <c r="IH34" s="137">
        <v>2371068</v>
      </c>
      <c r="II34" s="138">
        <v>19437127</v>
      </c>
      <c r="IJ34" s="150">
        <v>19701295</v>
      </c>
      <c r="IK34" s="232">
        <v>0</v>
      </c>
      <c r="IL34" s="236">
        <v>0</v>
      </c>
      <c r="IM34" s="237">
        <v>0</v>
      </c>
      <c r="IN34" s="140"/>
      <c r="IO34" s="119">
        <v>0</v>
      </c>
      <c r="IP34" s="119">
        <v>0</v>
      </c>
      <c r="IQ34" s="119">
        <v>139377</v>
      </c>
      <c r="IR34" s="119">
        <v>0</v>
      </c>
      <c r="IS34" s="119">
        <v>0</v>
      </c>
      <c r="IT34" s="141">
        <v>139377</v>
      </c>
      <c r="IU34" s="320">
        <v>139377</v>
      </c>
      <c r="IV34" s="142">
        <v>0</v>
      </c>
      <c r="IW34" s="119">
        <v>0</v>
      </c>
      <c r="IX34" s="120">
        <v>0</v>
      </c>
      <c r="IY34" s="144"/>
      <c r="IZ34" s="119">
        <v>0</v>
      </c>
      <c r="JA34" s="119">
        <v>0</v>
      </c>
      <c r="JB34" s="119">
        <v>0</v>
      </c>
      <c r="JC34" s="119">
        <v>0</v>
      </c>
      <c r="JD34" s="119">
        <v>0</v>
      </c>
      <c r="JE34" s="120">
        <v>0</v>
      </c>
      <c r="JF34" s="121">
        <v>0</v>
      </c>
      <c r="JG34" s="142">
        <v>0</v>
      </c>
      <c r="JH34" s="119">
        <v>0</v>
      </c>
      <c r="JI34" s="141">
        <v>0</v>
      </c>
      <c r="JJ34" s="118">
        <v>0</v>
      </c>
      <c r="JK34" s="119">
        <v>1004418</v>
      </c>
      <c r="JL34" s="119">
        <v>965769</v>
      </c>
      <c r="JM34" s="119">
        <v>173638</v>
      </c>
      <c r="JN34" s="119">
        <v>397044</v>
      </c>
      <c r="JO34" s="119">
        <v>0</v>
      </c>
      <c r="JP34" s="120">
        <v>2540869</v>
      </c>
      <c r="JQ34" s="320">
        <v>2540869</v>
      </c>
      <c r="JR34" s="142">
        <v>0</v>
      </c>
      <c r="JS34" s="119">
        <v>0</v>
      </c>
      <c r="JT34" s="141">
        <v>0</v>
      </c>
      <c r="JU34" s="118">
        <v>0</v>
      </c>
      <c r="JV34" s="119">
        <v>42264</v>
      </c>
      <c r="JW34" s="119">
        <v>0</v>
      </c>
      <c r="JX34" s="119">
        <v>210102</v>
      </c>
      <c r="JY34" s="119">
        <v>100530</v>
      </c>
      <c r="JZ34" s="119">
        <v>0</v>
      </c>
      <c r="KA34" s="120">
        <v>352896</v>
      </c>
      <c r="KB34" s="320">
        <v>352896</v>
      </c>
      <c r="KC34" s="234">
        <v>0</v>
      </c>
      <c r="KD34" s="230">
        <v>264168</v>
      </c>
      <c r="KE34" s="120">
        <v>264168</v>
      </c>
      <c r="KF34" s="118">
        <v>0</v>
      </c>
      <c r="KG34" s="119">
        <v>1006931</v>
      </c>
      <c r="KH34" s="119">
        <v>588807</v>
      </c>
      <c r="KI34" s="119">
        <v>2331710</v>
      </c>
      <c r="KJ34" s="119">
        <v>1454013</v>
      </c>
      <c r="KK34" s="119">
        <v>0</v>
      </c>
      <c r="KL34" s="120">
        <v>5381461</v>
      </c>
      <c r="KM34" s="143">
        <v>5645629</v>
      </c>
      <c r="KN34" s="232">
        <v>0</v>
      </c>
      <c r="KO34" s="236">
        <v>0</v>
      </c>
      <c r="KP34" s="237">
        <v>0</v>
      </c>
      <c r="KQ34" s="140"/>
      <c r="KR34" s="119">
        <v>1255428</v>
      </c>
      <c r="KS34" s="119">
        <v>750510</v>
      </c>
      <c r="KT34" s="119">
        <v>1107162</v>
      </c>
      <c r="KU34" s="119">
        <v>0</v>
      </c>
      <c r="KV34" s="119">
        <v>1116900</v>
      </c>
      <c r="KW34" s="120">
        <v>4230000</v>
      </c>
      <c r="KX34" s="320">
        <v>4230000</v>
      </c>
      <c r="KY34" s="142">
        <v>0</v>
      </c>
      <c r="KZ34" s="119">
        <v>0</v>
      </c>
      <c r="LA34" s="120">
        <v>0</v>
      </c>
      <c r="LB34" s="145"/>
      <c r="LC34" s="119">
        <v>0</v>
      </c>
      <c r="LD34" s="119">
        <v>0</v>
      </c>
      <c r="LE34" s="119">
        <v>0</v>
      </c>
      <c r="LF34" s="119">
        <v>0</v>
      </c>
      <c r="LG34" s="119">
        <v>0</v>
      </c>
      <c r="LH34" s="120">
        <v>0</v>
      </c>
      <c r="LI34" s="121">
        <v>0</v>
      </c>
      <c r="LJ34" s="142">
        <v>0</v>
      </c>
      <c r="LK34" s="119">
        <v>0</v>
      </c>
      <c r="LL34" s="120">
        <v>0</v>
      </c>
      <c r="LM34" s="145"/>
      <c r="LN34" s="119">
        <v>411760</v>
      </c>
      <c r="LO34" s="119">
        <v>494370</v>
      </c>
      <c r="LP34" s="119">
        <v>2293317</v>
      </c>
      <c r="LQ34" s="119">
        <v>2338909</v>
      </c>
      <c r="LR34" s="119">
        <v>1254168</v>
      </c>
      <c r="LS34" s="120">
        <v>6792524</v>
      </c>
      <c r="LT34" s="320">
        <v>6792524</v>
      </c>
      <c r="LU34" s="142">
        <v>0</v>
      </c>
      <c r="LV34" s="119">
        <v>0</v>
      </c>
      <c r="LW34" s="120">
        <v>0</v>
      </c>
      <c r="LX34" s="145"/>
      <c r="LY34" s="119">
        <v>0</v>
      </c>
      <c r="LZ34" s="119">
        <v>0</v>
      </c>
      <c r="MA34" s="119">
        <v>0</v>
      </c>
      <c r="MB34" s="119">
        <v>0</v>
      </c>
      <c r="MC34" s="119">
        <v>0</v>
      </c>
      <c r="MD34" s="120">
        <v>0</v>
      </c>
      <c r="ME34" s="121">
        <v>0</v>
      </c>
      <c r="MF34" s="142">
        <v>0</v>
      </c>
      <c r="MG34" s="119">
        <v>0</v>
      </c>
      <c r="MH34" s="120">
        <v>0</v>
      </c>
      <c r="MI34" s="145"/>
      <c r="MJ34" s="119">
        <v>755001</v>
      </c>
      <c r="MK34" s="119">
        <v>2191447</v>
      </c>
      <c r="ML34" s="119">
        <v>5942510</v>
      </c>
      <c r="MM34" s="119">
        <v>14151815</v>
      </c>
      <c r="MN34" s="119">
        <v>8040578</v>
      </c>
      <c r="MO34" s="120">
        <v>31081351</v>
      </c>
      <c r="MP34" s="143">
        <v>31081351</v>
      </c>
      <c r="MQ34" s="142">
        <v>0</v>
      </c>
      <c r="MR34" s="119">
        <v>0</v>
      </c>
      <c r="MS34" s="120">
        <v>0</v>
      </c>
      <c r="MT34" s="145"/>
      <c r="MU34" s="119">
        <v>0</v>
      </c>
      <c r="MV34" s="119">
        <v>696525</v>
      </c>
      <c r="MW34" s="119">
        <v>3219942</v>
      </c>
      <c r="MX34" s="119">
        <v>8823172</v>
      </c>
      <c r="MY34" s="119">
        <v>5587996</v>
      </c>
      <c r="MZ34" s="120">
        <v>18327635</v>
      </c>
      <c r="NA34" s="143">
        <v>18327635</v>
      </c>
      <c r="NB34" s="142">
        <v>0</v>
      </c>
      <c r="NC34" s="119">
        <v>0</v>
      </c>
      <c r="ND34" s="120">
        <v>0</v>
      </c>
      <c r="NE34" s="145"/>
      <c r="NF34" s="119">
        <v>755001</v>
      </c>
      <c r="NG34" s="119">
        <v>1494922</v>
      </c>
      <c r="NH34" s="119">
        <v>2722568</v>
      </c>
      <c r="NI34" s="119">
        <v>4943310</v>
      </c>
      <c r="NJ34" s="119">
        <v>2452582</v>
      </c>
      <c r="NK34" s="120">
        <v>12368383</v>
      </c>
      <c r="NL34" s="320">
        <v>12368383</v>
      </c>
      <c r="NM34" s="142">
        <v>0</v>
      </c>
      <c r="NN34" s="119">
        <v>0</v>
      </c>
      <c r="NO34" s="120">
        <v>0</v>
      </c>
      <c r="NP34" s="145"/>
      <c r="NQ34" s="119">
        <v>0</v>
      </c>
      <c r="NR34" s="119">
        <v>0</v>
      </c>
      <c r="NS34" s="119">
        <v>0</v>
      </c>
      <c r="NT34" s="119">
        <v>0</v>
      </c>
      <c r="NU34" s="119">
        <v>0</v>
      </c>
      <c r="NV34" s="120">
        <v>0</v>
      </c>
      <c r="NW34" s="121">
        <v>0</v>
      </c>
      <c r="NX34" s="142">
        <v>0</v>
      </c>
      <c r="NY34" s="119">
        <v>0</v>
      </c>
      <c r="NZ34" s="120">
        <v>0</v>
      </c>
      <c r="OA34" s="145"/>
      <c r="OB34" s="119">
        <v>0</v>
      </c>
      <c r="OC34" s="119">
        <v>0</v>
      </c>
      <c r="OD34" s="119">
        <v>0</v>
      </c>
      <c r="OE34" s="119">
        <v>385333</v>
      </c>
      <c r="OF34" s="119">
        <v>0</v>
      </c>
      <c r="OG34" s="120">
        <v>385333</v>
      </c>
      <c r="OH34" s="121">
        <v>385333</v>
      </c>
      <c r="OI34" s="142">
        <v>466923</v>
      </c>
      <c r="OJ34" s="119">
        <v>950310</v>
      </c>
      <c r="OK34" s="141">
        <v>1417233</v>
      </c>
      <c r="OL34" s="118">
        <v>0</v>
      </c>
      <c r="OM34" s="119">
        <v>12353595</v>
      </c>
      <c r="ON34" s="119">
        <v>15936953</v>
      </c>
      <c r="OO34" s="119">
        <v>18688140</v>
      </c>
      <c r="OP34" s="119">
        <v>27852436</v>
      </c>
      <c r="OQ34" s="119">
        <v>16134513</v>
      </c>
      <c r="OR34" s="120">
        <v>90965637</v>
      </c>
      <c r="OS34" s="143">
        <v>92382870</v>
      </c>
    </row>
    <row r="35" spans="2:409" ht="21" customHeight="1" x14ac:dyDescent="0.2">
      <c r="B35" s="62" t="s">
        <v>30</v>
      </c>
      <c r="C35" s="110">
        <v>626060</v>
      </c>
      <c r="D35" s="114">
        <v>660194</v>
      </c>
      <c r="E35" s="174">
        <v>1286254</v>
      </c>
      <c r="F35" s="175">
        <v>0</v>
      </c>
      <c r="G35" s="176">
        <v>6813725</v>
      </c>
      <c r="H35" s="176">
        <v>6916584</v>
      </c>
      <c r="I35" s="176">
        <v>8169829</v>
      </c>
      <c r="J35" s="176">
        <v>8493290</v>
      </c>
      <c r="K35" s="176">
        <v>2888570</v>
      </c>
      <c r="L35" s="177">
        <v>33281998</v>
      </c>
      <c r="M35" s="116">
        <v>34568252</v>
      </c>
      <c r="N35" s="110">
        <v>102051</v>
      </c>
      <c r="O35" s="114">
        <v>241767</v>
      </c>
      <c r="P35" s="113">
        <v>343818</v>
      </c>
      <c r="Q35" s="110">
        <v>0</v>
      </c>
      <c r="R35" s="114">
        <v>2106490</v>
      </c>
      <c r="S35" s="114">
        <v>1938321</v>
      </c>
      <c r="T35" s="114">
        <v>2824727</v>
      </c>
      <c r="U35" s="114">
        <v>3460268</v>
      </c>
      <c r="V35" s="114">
        <v>1809642</v>
      </c>
      <c r="W35" s="113">
        <v>12139448</v>
      </c>
      <c r="X35" s="116">
        <v>12483266</v>
      </c>
      <c r="Y35" s="110">
        <v>0</v>
      </c>
      <c r="Z35" s="114">
        <v>0</v>
      </c>
      <c r="AA35" s="113">
        <v>0</v>
      </c>
      <c r="AB35" s="110">
        <v>0</v>
      </c>
      <c r="AC35" s="114">
        <v>1047747</v>
      </c>
      <c r="AD35" s="114">
        <v>1077686</v>
      </c>
      <c r="AE35" s="114">
        <v>1278068</v>
      </c>
      <c r="AF35" s="114">
        <v>1546892</v>
      </c>
      <c r="AG35" s="114">
        <v>972729</v>
      </c>
      <c r="AH35" s="113">
        <v>5923122</v>
      </c>
      <c r="AI35" s="116">
        <v>5923122</v>
      </c>
      <c r="AJ35" s="110">
        <v>0</v>
      </c>
      <c r="AK35" s="114">
        <v>0</v>
      </c>
      <c r="AL35" s="113">
        <v>0</v>
      </c>
      <c r="AM35" s="110">
        <v>0</v>
      </c>
      <c r="AN35" s="114">
        <v>0</v>
      </c>
      <c r="AO35" s="114">
        <v>0</v>
      </c>
      <c r="AP35" s="114">
        <v>51129</v>
      </c>
      <c r="AQ35" s="114">
        <v>407016</v>
      </c>
      <c r="AR35" s="114">
        <v>348832</v>
      </c>
      <c r="AS35" s="113">
        <v>806977</v>
      </c>
      <c r="AT35" s="116">
        <v>806977</v>
      </c>
      <c r="AU35" s="110">
        <v>74313</v>
      </c>
      <c r="AV35" s="114">
        <v>241767</v>
      </c>
      <c r="AW35" s="113">
        <v>316080</v>
      </c>
      <c r="AX35" s="110">
        <v>0</v>
      </c>
      <c r="AY35" s="114">
        <v>645565</v>
      </c>
      <c r="AZ35" s="114">
        <v>558217</v>
      </c>
      <c r="BA35" s="114">
        <v>1032787</v>
      </c>
      <c r="BB35" s="114">
        <v>1144448</v>
      </c>
      <c r="BC35" s="114">
        <v>382223</v>
      </c>
      <c r="BD35" s="113">
        <v>3763240</v>
      </c>
      <c r="BE35" s="116">
        <v>4079320</v>
      </c>
      <c r="BF35" s="110">
        <v>0</v>
      </c>
      <c r="BG35" s="114">
        <v>0</v>
      </c>
      <c r="BH35" s="112">
        <v>0</v>
      </c>
      <c r="BI35" s="111">
        <v>0</v>
      </c>
      <c r="BJ35" s="114">
        <v>132228</v>
      </c>
      <c r="BK35" s="114">
        <v>89622</v>
      </c>
      <c r="BL35" s="114">
        <v>147562</v>
      </c>
      <c r="BM35" s="114">
        <v>17208</v>
      </c>
      <c r="BN35" s="114">
        <v>0</v>
      </c>
      <c r="BO35" s="113">
        <v>386620</v>
      </c>
      <c r="BP35" s="116">
        <v>386620</v>
      </c>
      <c r="BQ35" s="110">
        <v>27738</v>
      </c>
      <c r="BR35" s="114">
        <v>0</v>
      </c>
      <c r="BS35" s="113">
        <v>27738</v>
      </c>
      <c r="BT35" s="110">
        <v>0</v>
      </c>
      <c r="BU35" s="114">
        <v>280950</v>
      </c>
      <c r="BV35" s="114">
        <v>212796</v>
      </c>
      <c r="BW35" s="114">
        <v>315181</v>
      </c>
      <c r="BX35" s="114">
        <v>344704</v>
      </c>
      <c r="BY35" s="114">
        <v>105858</v>
      </c>
      <c r="BZ35" s="113">
        <v>1259489</v>
      </c>
      <c r="CA35" s="116">
        <v>1287227</v>
      </c>
      <c r="CB35" s="110">
        <v>43268</v>
      </c>
      <c r="CC35" s="114">
        <v>131772</v>
      </c>
      <c r="CD35" s="113">
        <v>175040</v>
      </c>
      <c r="CE35" s="110">
        <v>0</v>
      </c>
      <c r="CF35" s="114">
        <v>1837712</v>
      </c>
      <c r="CG35" s="114">
        <v>2087692</v>
      </c>
      <c r="CH35" s="114">
        <v>2024077</v>
      </c>
      <c r="CI35" s="114">
        <v>2434166</v>
      </c>
      <c r="CJ35" s="114">
        <v>131616</v>
      </c>
      <c r="CK35" s="113">
        <v>8515263</v>
      </c>
      <c r="CL35" s="116">
        <v>8690303</v>
      </c>
      <c r="CM35" s="110">
        <v>0</v>
      </c>
      <c r="CN35" s="114">
        <v>0</v>
      </c>
      <c r="CO35" s="113">
        <v>0</v>
      </c>
      <c r="CP35" s="111">
        <v>0</v>
      </c>
      <c r="CQ35" s="114">
        <v>1632719</v>
      </c>
      <c r="CR35" s="114">
        <v>1636632</v>
      </c>
      <c r="CS35" s="114">
        <v>1786438</v>
      </c>
      <c r="CT35" s="114">
        <v>1941552</v>
      </c>
      <c r="CU35" s="114">
        <v>131616</v>
      </c>
      <c r="CV35" s="113">
        <v>7128957</v>
      </c>
      <c r="CW35" s="116">
        <v>7128957</v>
      </c>
      <c r="CX35" s="110">
        <v>43268</v>
      </c>
      <c r="CY35" s="114">
        <v>131772</v>
      </c>
      <c r="CZ35" s="113">
        <v>175040</v>
      </c>
      <c r="DA35" s="110">
        <v>0</v>
      </c>
      <c r="DB35" s="114">
        <v>204993</v>
      </c>
      <c r="DC35" s="114">
        <v>451060</v>
      </c>
      <c r="DD35" s="114">
        <v>237639</v>
      </c>
      <c r="DE35" s="114">
        <v>492614</v>
      </c>
      <c r="DF35" s="114">
        <v>0</v>
      </c>
      <c r="DG35" s="113">
        <v>1386306</v>
      </c>
      <c r="DH35" s="116">
        <v>1561346</v>
      </c>
      <c r="DI35" s="110">
        <v>0</v>
      </c>
      <c r="DJ35" s="114">
        <v>0</v>
      </c>
      <c r="DK35" s="112">
        <v>0</v>
      </c>
      <c r="DL35" s="111">
        <v>0</v>
      </c>
      <c r="DM35" s="114">
        <v>413151</v>
      </c>
      <c r="DN35" s="114">
        <v>397445</v>
      </c>
      <c r="DO35" s="114">
        <v>660278</v>
      </c>
      <c r="DP35" s="114">
        <v>372882</v>
      </c>
      <c r="DQ35" s="114">
        <v>73512</v>
      </c>
      <c r="DR35" s="113">
        <v>1917268</v>
      </c>
      <c r="DS35" s="116">
        <v>1917268</v>
      </c>
      <c r="DT35" s="110">
        <v>0</v>
      </c>
      <c r="DU35" s="114">
        <v>0</v>
      </c>
      <c r="DV35" s="113">
        <v>0</v>
      </c>
      <c r="DW35" s="110">
        <v>0</v>
      </c>
      <c r="DX35" s="114">
        <v>413151</v>
      </c>
      <c r="DY35" s="114">
        <v>299932</v>
      </c>
      <c r="DZ35" s="114">
        <v>660278</v>
      </c>
      <c r="EA35" s="114">
        <v>333147</v>
      </c>
      <c r="EB35" s="114">
        <v>22077</v>
      </c>
      <c r="EC35" s="113">
        <v>1728585</v>
      </c>
      <c r="ED35" s="116">
        <v>1728585</v>
      </c>
      <c r="EE35" s="110">
        <v>0</v>
      </c>
      <c r="EF35" s="112">
        <v>0</v>
      </c>
      <c r="EG35" s="113">
        <v>0</v>
      </c>
      <c r="EH35" s="110">
        <v>0</v>
      </c>
      <c r="EI35" s="114">
        <v>0</v>
      </c>
      <c r="EJ35" s="114">
        <v>97513</v>
      </c>
      <c r="EK35" s="114">
        <v>0</v>
      </c>
      <c r="EL35" s="114">
        <v>39735</v>
      </c>
      <c r="EM35" s="114">
        <v>51435</v>
      </c>
      <c r="EN35" s="112">
        <v>188683</v>
      </c>
      <c r="EO35" s="116">
        <v>188683</v>
      </c>
      <c r="EP35" s="110">
        <v>0</v>
      </c>
      <c r="EQ35" s="114">
        <v>0</v>
      </c>
      <c r="ER35" s="112">
        <v>0</v>
      </c>
      <c r="ES35" s="111">
        <v>0</v>
      </c>
      <c r="ET35" s="114">
        <v>0</v>
      </c>
      <c r="EU35" s="114">
        <v>0</v>
      </c>
      <c r="EV35" s="114">
        <v>0</v>
      </c>
      <c r="EW35" s="114">
        <v>0</v>
      </c>
      <c r="EX35" s="114">
        <v>0</v>
      </c>
      <c r="EY35" s="113">
        <v>0</v>
      </c>
      <c r="EZ35" s="116">
        <v>0</v>
      </c>
      <c r="FA35" s="110">
        <v>0</v>
      </c>
      <c r="FB35" s="114">
        <v>0</v>
      </c>
      <c r="FC35" s="112">
        <v>0</v>
      </c>
      <c r="FD35" s="347"/>
      <c r="FE35" s="114">
        <v>0</v>
      </c>
      <c r="FF35" s="114">
        <v>0</v>
      </c>
      <c r="FG35" s="114">
        <v>0</v>
      </c>
      <c r="FH35" s="114">
        <v>0</v>
      </c>
      <c r="FI35" s="114">
        <v>0</v>
      </c>
      <c r="FJ35" s="113">
        <v>0</v>
      </c>
      <c r="FK35" s="116">
        <v>0</v>
      </c>
      <c r="FL35" s="110">
        <v>205040</v>
      </c>
      <c r="FM35" s="114">
        <v>140495</v>
      </c>
      <c r="FN35" s="113">
        <v>345535</v>
      </c>
      <c r="FO35" s="110">
        <v>0</v>
      </c>
      <c r="FP35" s="114">
        <v>437836</v>
      </c>
      <c r="FQ35" s="114">
        <v>772810</v>
      </c>
      <c r="FR35" s="114">
        <v>1048434</v>
      </c>
      <c r="FS35" s="114">
        <v>567725</v>
      </c>
      <c r="FT35" s="114">
        <v>294219</v>
      </c>
      <c r="FU35" s="113">
        <v>3121024</v>
      </c>
      <c r="FV35" s="116">
        <v>3466559</v>
      </c>
      <c r="FW35" s="115">
        <v>159860</v>
      </c>
      <c r="FX35" s="114">
        <v>140495</v>
      </c>
      <c r="FY35" s="112">
        <v>300355</v>
      </c>
      <c r="FZ35" s="111">
        <v>0</v>
      </c>
      <c r="GA35" s="114">
        <v>437836</v>
      </c>
      <c r="GB35" s="114">
        <v>743110</v>
      </c>
      <c r="GC35" s="114">
        <v>1026654</v>
      </c>
      <c r="GD35" s="114">
        <v>567725</v>
      </c>
      <c r="GE35" s="114">
        <v>294219</v>
      </c>
      <c r="GF35" s="113">
        <v>3069544</v>
      </c>
      <c r="GG35" s="318">
        <v>3369899</v>
      </c>
      <c r="GH35" s="115">
        <v>45180</v>
      </c>
      <c r="GI35" s="114">
        <v>0</v>
      </c>
      <c r="GJ35" s="112">
        <v>45180</v>
      </c>
      <c r="GK35" s="111">
        <v>0</v>
      </c>
      <c r="GL35" s="114">
        <v>0</v>
      </c>
      <c r="GM35" s="114">
        <v>29700</v>
      </c>
      <c r="GN35" s="114">
        <v>21780</v>
      </c>
      <c r="GO35" s="114">
        <v>0</v>
      </c>
      <c r="GP35" s="114">
        <v>0</v>
      </c>
      <c r="GQ35" s="113">
        <v>51480</v>
      </c>
      <c r="GR35" s="116">
        <v>96660</v>
      </c>
      <c r="GS35" s="110">
        <v>0</v>
      </c>
      <c r="GT35" s="114">
        <v>0</v>
      </c>
      <c r="GU35" s="113">
        <v>0</v>
      </c>
      <c r="GV35" s="110">
        <v>0</v>
      </c>
      <c r="GW35" s="114">
        <v>0</v>
      </c>
      <c r="GX35" s="114">
        <v>0</v>
      </c>
      <c r="GY35" s="114">
        <v>0</v>
      </c>
      <c r="GZ35" s="114">
        <v>0</v>
      </c>
      <c r="HA35" s="114">
        <v>0</v>
      </c>
      <c r="HB35" s="112">
        <v>0</v>
      </c>
      <c r="HC35" s="116">
        <v>0</v>
      </c>
      <c r="HD35" s="110">
        <v>118021</v>
      </c>
      <c r="HE35" s="114">
        <v>0</v>
      </c>
      <c r="HF35" s="112">
        <v>118021</v>
      </c>
      <c r="HG35" s="111">
        <v>0</v>
      </c>
      <c r="HH35" s="114">
        <v>789207</v>
      </c>
      <c r="HI35" s="114">
        <v>731055</v>
      </c>
      <c r="HJ35" s="114">
        <v>669841</v>
      </c>
      <c r="HK35" s="114">
        <v>958118</v>
      </c>
      <c r="HL35" s="114">
        <v>381701</v>
      </c>
      <c r="HM35" s="113">
        <v>3529922</v>
      </c>
      <c r="HN35" s="109">
        <v>3647943</v>
      </c>
      <c r="HO35" s="115">
        <v>157680</v>
      </c>
      <c r="HP35" s="114">
        <v>146160</v>
      </c>
      <c r="HQ35" s="113">
        <v>303840</v>
      </c>
      <c r="HR35" s="110">
        <v>0</v>
      </c>
      <c r="HS35" s="114">
        <v>1229329</v>
      </c>
      <c r="HT35" s="114">
        <v>989261</v>
      </c>
      <c r="HU35" s="114">
        <v>942472</v>
      </c>
      <c r="HV35" s="114">
        <v>700131</v>
      </c>
      <c r="HW35" s="114">
        <v>197880</v>
      </c>
      <c r="HX35" s="112">
        <v>4059073</v>
      </c>
      <c r="HY35" s="116">
        <v>4362913</v>
      </c>
      <c r="HZ35" s="131">
        <v>26763</v>
      </c>
      <c r="IA35" s="132">
        <v>0</v>
      </c>
      <c r="IB35" s="133">
        <v>26763</v>
      </c>
      <c r="IC35" s="146">
        <v>0</v>
      </c>
      <c r="ID35" s="132">
        <v>2968937</v>
      </c>
      <c r="IE35" s="147">
        <v>2017642</v>
      </c>
      <c r="IF35" s="133">
        <v>2159227</v>
      </c>
      <c r="IG35" s="132">
        <v>2438508</v>
      </c>
      <c r="IH35" s="133">
        <v>88128</v>
      </c>
      <c r="II35" s="148">
        <v>9672442</v>
      </c>
      <c r="IJ35" s="139">
        <v>9699205</v>
      </c>
      <c r="IK35" s="232">
        <v>0</v>
      </c>
      <c r="IL35" s="236">
        <v>0</v>
      </c>
      <c r="IM35" s="237">
        <v>0</v>
      </c>
      <c r="IN35" s="140"/>
      <c r="IO35" s="119">
        <v>0</v>
      </c>
      <c r="IP35" s="119">
        <v>0</v>
      </c>
      <c r="IQ35" s="119">
        <v>366498</v>
      </c>
      <c r="IR35" s="119">
        <v>0</v>
      </c>
      <c r="IS35" s="119">
        <v>0</v>
      </c>
      <c r="IT35" s="141">
        <v>366498</v>
      </c>
      <c r="IU35" s="320">
        <v>366498</v>
      </c>
      <c r="IV35" s="142">
        <v>0</v>
      </c>
      <c r="IW35" s="119">
        <v>0</v>
      </c>
      <c r="IX35" s="120">
        <v>0</v>
      </c>
      <c r="IY35" s="144"/>
      <c r="IZ35" s="119">
        <v>0</v>
      </c>
      <c r="JA35" s="119">
        <v>0</v>
      </c>
      <c r="JB35" s="119">
        <v>0</v>
      </c>
      <c r="JC35" s="119">
        <v>0</v>
      </c>
      <c r="JD35" s="119">
        <v>0</v>
      </c>
      <c r="JE35" s="120">
        <v>0</v>
      </c>
      <c r="JF35" s="121">
        <v>0</v>
      </c>
      <c r="JG35" s="142">
        <v>0</v>
      </c>
      <c r="JH35" s="119">
        <v>0</v>
      </c>
      <c r="JI35" s="141">
        <v>0</v>
      </c>
      <c r="JJ35" s="118">
        <v>0</v>
      </c>
      <c r="JK35" s="119">
        <v>1295081</v>
      </c>
      <c r="JL35" s="119">
        <v>730432</v>
      </c>
      <c r="JM35" s="119">
        <v>575727</v>
      </c>
      <c r="JN35" s="119">
        <v>497831</v>
      </c>
      <c r="JO35" s="119">
        <v>0</v>
      </c>
      <c r="JP35" s="120">
        <v>3099071</v>
      </c>
      <c r="JQ35" s="320">
        <v>3099071</v>
      </c>
      <c r="JR35" s="142">
        <v>26763</v>
      </c>
      <c r="JS35" s="119">
        <v>0</v>
      </c>
      <c r="JT35" s="141">
        <v>26763</v>
      </c>
      <c r="JU35" s="118">
        <v>0</v>
      </c>
      <c r="JV35" s="119">
        <v>207522</v>
      </c>
      <c r="JW35" s="119">
        <v>287639</v>
      </c>
      <c r="JX35" s="119">
        <v>162994</v>
      </c>
      <c r="JY35" s="119">
        <v>0</v>
      </c>
      <c r="JZ35" s="119">
        <v>0</v>
      </c>
      <c r="KA35" s="120">
        <v>658155</v>
      </c>
      <c r="KB35" s="320">
        <v>684918</v>
      </c>
      <c r="KC35" s="234">
        <v>0</v>
      </c>
      <c r="KD35" s="230">
        <v>0</v>
      </c>
      <c r="KE35" s="120">
        <v>0</v>
      </c>
      <c r="KF35" s="118">
        <v>0</v>
      </c>
      <c r="KG35" s="119">
        <v>0</v>
      </c>
      <c r="KH35" s="119">
        <v>0</v>
      </c>
      <c r="KI35" s="119">
        <v>0</v>
      </c>
      <c r="KJ35" s="119">
        <v>293661</v>
      </c>
      <c r="KK35" s="119">
        <v>0</v>
      </c>
      <c r="KL35" s="120">
        <v>293661</v>
      </c>
      <c r="KM35" s="143">
        <v>293661</v>
      </c>
      <c r="KN35" s="232">
        <v>0</v>
      </c>
      <c r="KO35" s="236">
        <v>0</v>
      </c>
      <c r="KP35" s="237">
        <v>0</v>
      </c>
      <c r="KQ35" s="140"/>
      <c r="KR35" s="119">
        <v>1466334</v>
      </c>
      <c r="KS35" s="119">
        <v>999571</v>
      </c>
      <c r="KT35" s="119">
        <v>1054008</v>
      </c>
      <c r="KU35" s="119">
        <v>1647016</v>
      </c>
      <c r="KV35" s="119">
        <v>88128</v>
      </c>
      <c r="KW35" s="120">
        <v>5255057</v>
      </c>
      <c r="KX35" s="320">
        <v>5255057</v>
      </c>
      <c r="KY35" s="142">
        <v>0</v>
      </c>
      <c r="KZ35" s="119">
        <v>0</v>
      </c>
      <c r="LA35" s="120">
        <v>0</v>
      </c>
      <c r="LB35" s="145"/>
      <c r="LC35" s="119">
        <v>0</v>
      </c>
      <c r="LD35" s="119">
        <v>0</v>
      </c>
      <c r="LE35" s="119">
        <v>0</v>
      </c>
      <c r="LF35" s="119">
        <v>0</v>
      </c>
      <c r="LG35" s="119">
        <v>0</v>
      </c>
      <c r="LH35" s="120">
        <v>0</v>
      </c>
      <c r="LI35" s="121">
        <v>0</v>
      </c>
      <c r="LJ35" s="142">
        <v>0</v>
      </c>
      <c r="LK35" s="119">
        <v>0</v>
      </c>
      <c r="LL35" s="120">
        <v>0</v>
      </c>
      <c r="LM35" s="145"/>
      <c r="LN35" s="119">
        <v>0</v>
      </c>
      <c r="LO35" s="119">
        <v>0</v>
      </c>
      <c r="LP35" s="119">
        <v>0</v>
      </c>
      <c r="LQ35" s="119">
        <v>0</v>
      </c>
      <c r="LR35" s="119">
        <v>0</v>
      </c>
      <c r="LS35" s="120">
        <v>0</v>
      </c>
      <c r="LT35" s="320">
        <v>0</v>
      </c>
      <c r="LU35" s="142">
        <v>0</v>
      </c>
      <c r="LV35" s="119">
        <v>0</v>
      </c>
      <c r="LW35" s="120">
        <v>0</v>
      </c>
      <c r="LX35" s="145"/>
      <c r="LY35" s="119">
        <v>0</v>
      </c>
      <c r="LZ35" s="119">
        <v>0</v>
      </c>
      <c r="MA35" s="119">
        <v>0</v>
      </c>
      <c r="MB35" s="119">
        <v>0</v>
      </c>
      <c r="MC35" s="119">
        <v>0</v>
      </c>
      <c r="MD35" s="120">
        <v>0</v>
      </c>
      <c r="ME35" s="121">
        <v>0</v>
      </c>
      <c r="MF35" s="142">
        <v>0</v>
      </c>
      <c r="MG35" s="119">
        <v>0</v>
      </c>
      <c r="MH35" s="120">
        <v>0</v>
      </c>
      <c r="MI35" s="145"/>
      <c r="MJ35" s="119">
        <v>2536890</v>
      </c>
      <c r="MK35" s="119">
        <v>995424</v>
      </c>
      <c r="ML35" s="119">
        <v>9904366</v>
      </c>
      <c r="MM35" s="119">
        <v>11830763</v>
      </c>
      <c r="MN35" s="119">
        <v>6301570</v>
      </c>
      <c r="MO35" s="120">
        <v>31569013</v>
      </c>
      <c r="MP35" s="143">
        <v>31569013</v>
      </c>
      <c r="MQ35" s="142">
        <v>0</v>
      </c>
      <c r="MR35" s="119">
        <v>0</v>
      </c>
      <c r="MS35" s="120">
        <v>0</v>
      </c>
      <c r="MT35" s="145"/>
      <c r="MU35" s="119">
        <v>231003</v>
      </c>
      <c r="MV35" s="119">
        <v>210363</v>
      </c>
      <c r="MW35" s="119">
        <v>6203063</v>
      </c>
      <c r="MX35" s="119">
        <v>6474585</v>
      </c>
      <c r="MY35" s="119">
        <v>3346547</v>
      </c>
      <c r="MZ35" s="120">
        <v>16465561</v>
      </c>
      <c r="NA35" s="143">
        <v>16465561</v>
      </c>
      <c r="NB35" s="142">
        <v>0</v>
      </c>
      <c r="NC35" s="119">
        <v>0</v>
      </c>
      <c r="ND35" s="120">
        <v>0</v>
      </c>
      <c r="NE35" s="145"/>
      <c r="NF35" s="119">
        <v>2305887</v>
      </c>
      <c r="NG35" s="119">
        <v>530649</v>
      </c>
      <c r="NH35" s="119">
        <v>3391352</v>
      </c>
      <c r="NI35" s="119">
        <v>5356178</v>
      </c>
      <c r="NJ35" s="119">
        <v>1694788</v>
      </c>
      <c r="NK35" s="120">
        <v>13278854</v>
      </c>
      <c r="NL35" s="320">
        <v>13278854</v>
      </c>
      <c r="NM35" s="142">
        <v>0</v>
      </c>
      <c r="NN35" s="119">
        <v>0</v>
      </c>
      <c r="NO35" s="120">
        <v>0</v>
      </c>
      <c r="NP35" s="145"/>
      <c r="NQ35" s="119">
        <v>0</v>
      </c>
      <c r="NR35" s="119">
        <v>0</v>
      </c>
      <c r="NS35" s="119">
        <v>0</v>
      </c>
      <c r="NT35" s="119">
        <v>0</v>
      </c>
      <c r="NU35" s="119">
        <v>0</v>
      </c>
      <c r="NV35" s="120">
        <v>0</v>
      </c>
      <c r="NW35" s="121">
        <v>0</v>
      </c>
      <c r="NX35" s="142">
        <v>0</v>
      </c>
      <c r="NY35" s="119">
        <v>0</v>
      </c>
      <c r="NZ35" s="120">
        <v>0</v>
      </c>
      <c r="OA35" s="145"/>
      <c r="OB35" s="119">
        <v>0</v>
      </c>
      <c r="OC35" s="119">
        <v>254412</v>
      </c>
      <c r="OD35" s="119">
        <v>309951</v>
      </c>
      <c r="OE35" s="119">
        <v>0</v>
      </c>
      <c r="OF35" s="119">
        <v>1260235</v>
      </c>
      <c r="OG35" s="120">
        <v>1824598</v>
      </c>
      <c r="OH35" s="121">
        <v>1824598</v>
      </c>
      <c r="OI35" s="142">
        <v>652823</v>
      </c>
      <c r="OJ35" s="119">
        <v>660194</v>
      </c>
      <c r="OK35" s="141">
        <v>1313017</v>
      </c>
      <c r="OL35" s="118">
        <v>0</v>
      </c>
      <c r="OM35" s="119">
        <v>12319552</v>
      </c>
      <c r="ON35" s="119">
        <v>9929650</v>
      </c>
      <c r="OO35" s="119">
        <v>20233422</v>
      </c>
      <c r="OP35" s="119">
        <v>22762561</v>
      </c>
      <c r="OQ35" s="119">
        <v>9278268</v>
      </c>
      <c r="OR35" s="120">
        <v>74523453</v>
      </c>
      <c r="OS35" s="143">
        <v>75836470</v>
      </c>
    </row>
    <row r="36" spans="2:409" ht="21" customHeight="1" x14ac:dyDescent="0.2">
      <c r="B36" s="62" t="s">
        <v>31</v>
      </c>
      <c r="C36" s="110">
        <v>429502</v>
      </c>
      <c r="D36" s="114">
        <v>791461</v>
      </c>
      <c r="E36" s="113">
        <v>1220963</v>
      </c>
      <c r="F36" s="109">
        <v>0</v>
      </c>
      <c r="G36" s="114">
        <v>7514344</v>
      </c>
      <c r="H36" s="114">
        <v>9395421</v>
      </c>
      <c r="I36" s="114">
        <v>7483161</v>
      </c>
      <c r="J36" s="114">
        <v>6467894</v>
      </c>
      <c r="K36" s="114">
        <v>4402976</v>
      </c>
      <c r="L36" s="173">
        <v>35263796</v>
      </c>
      <c r="M36" s="116">
        <v>36484759</v>
      </c>
      <c r="N36" s="110">
        <v>79914</v>
      </c>
      <c r="O36" s="114">
        <v>62946</v>
      </c>
      <c r="P36" s="113">
        <v>142860</v>
      </c>
      <c r="Q36" s="110">
        <v>0</v>
      </c>
      <c r="R36" s="114">
        <v>1539324</v>
      </c>
      <c r="S36" s="114">
        <v>1828498</v>
      </c>
      <c r="T36" s="114">
        <v>1405563</v>
      </c>
      <c r="U36" s="114">
        <v>1978465</v>
      </c>
      <c r="V36" s="114">
        <v>2031083</v>
      </c>
      <c r="W36" s="113">
        <v>8782933</v>
      </c>
      <c r="X36" s="116">
        <v>8925793</v>
      </c>
      <c r="Y36" s="110">
        <v>0</v>
      </c>
      <c r="Z36" s="114">
        <v>0</v>
      </c>
      <c r="AA36" s="113">
        <v>0</v>
      </c>
      <c r="AB36" s="110">
        <v>0</v>
      </c>
      <c r="AC36" s="114">
        <v>387831</v>
      </c>
      <c r="AD36" s="114">
        <v>611270</v>
      </c>
      <c r="AE36" s="114">
        <v>116077</v>
      </c>
      <c r="AF36" s="114">
        <v>584637</v>
      </c>
      <c r="AG36" s="114">
        <v>895768</v>
      </c>
      <c r="AH36" s="113">
        <v>2595583</v>
      </c>
      <c r="AI36" s="116">
        <v>2595583</v>
      </c>
      <c r="AJ36" s="110">
        <v>0</v>
      </c>
      <c r="AK36" s="114">
        <v>0</v>
      </c>
      <c r="AL36" s="113">
        <v>0</v>
      </c>
      <c r="AM36" s="110">
        <v>0</v>
      </c>
      <c r="AN36" s="114">
        <v>86049</v>
      </c>
      <c r="AO36" s="114">
        <v>103799</v>
      </c>
      <c r="AP36" s="114">
        <v>430238</v>
      </c>
      <c r="AQ36" s="114">
        <v>356499</v>
      </c>
      <c r="AR36" s="114">
        <v>383803</v>
      </c>
      <c r="AS36" s="113">
        <v>1360388</v>
      </c>
      <c r="AT36" s="116">
        <v>1360388</v>
      </c>
      <c r="AU36" s="110">
        <v>62976</v>
      </c>
      <c r="AV36" s="114">
        <v>44964</v>
      </c>
      <c r="AW36" s="113">
        <v>107940</v>
      </c>
      <c r="AX36" s="110">
        <v>0</v>
      </c>
      <c r="AY36" s="114">
        <v>818418</v>
      </c>
      <c r="AZ36" s="114">
        <v>741600</v>
      </c>
      <c r="BA36" s="114">
        <v>402189</v>
      </c>
      <c r="BB36" s="114">
        <v>793706</v>
      </c>
      <c r="BC36" s="114">
        <v>554044</v>
      </c>
      <c r="BD36" s="113">
        <v>3309957</v>
      </c>
      <c r="BE36" s="116">
        <v>3417897</v>
      </c>
      <c r="BF36" s="110">
        <v>0</v>
      </c>
      <c r="BG36" s="114">
        <v>17982</v>
      </c>
      <c r="BH36" s="112">
        <v>17982</v>
      </c>
      <c r="BI36" s="111">
        <v>0</v>
      </c>
      <c r="BJ36" s="114">
        <v>66015</v>
      </c>
      <c r="BK36" s="114">
        <v>146188</v>
      </c>
      <c r="BL36" s="114">
        <v>343434</v>
      </c>
      <c r="BM36" s="114">
        <v>172080</v>
      </c>
      <c r="BN36" s="114">
        <v>140499</v>
      </c>
      <c r="BO36" s="113">
        <v>868216</v>
      </c>
      <c r="BP36" s="116">
        <v>886198</v>
      </c>
      <c r="BQ36" s="110">
        <v>16938</v>
      </c>
      <c r="BR36" s="114">
        <v>0</v>
      </c>
      <c r="BS36" s="113">
        <v>16938</v>
      </c>
      <c r="BT36" s="110">
        <v>0</v>
      </c>
      <c r="BU36" s="114">
        <v>181011</v>
      </c>
      <c r="BV36" s="114">
        <v>225641</v>
      </c>
      <c r="BW36" s="114">
        <v>113625</v>
      </c>
      <c r="BX36" s="114">
        <v>71543</v>
      </c>
      <c r="BY36" s="114">
        <v>56969</v>
      </c>
      <c r="BZ36" s="113">
        <v>648789</v>
      </c>
      <c r="CA36" s="116">
        <v>665727</v>
      </c>
      <c r="CB36" s="110">
        <v>0</v>
      </c>
      <c r="CC36" s="114">
        <v>0</v>
      </c>
      <c r="CD36" s="113">
        <v>0</v>
      </c>
      <c r="CE36" s="110">
        <v>0</v>
      </c>
      <c r="CF36" s="114">
        <v>2503847</v>
      </c>
      <c r="CG36" s="114">
        <v>3557865</v>
      </c>
      <c r="CH36" s="114">
        <v>2185461</v>
      </c>
      <c r="CI36" s="114">
        <v>1644531</v>
      </c>
      <c r="CJ36" s="114">
        <v>553588</v>
      </c>
      <c r="CK36" s="113">
        <v>10445292</v>
      </c>
      <c r="CL36" s="116">
        <v>10445292</v>
      </c>
      <c r="CM36" s="110">
        <v>0</v>
      </c>
      <c r="CN36" s="114">
        <v>0</v>
      </c>
      <c r="CO36" s="113">
        <v>0</v>
      </c>
      <c r="CP36" s="111">
        <v>0</v>
      </c>
      <c r="CQ36" s="114">
        <v>2214948</v>
      </c>
      <c r="CR36" s="114">
        <v>2883561</v>
      </c>
      <c r="CS36" s="114">
        <v>1815269</v>
      </c>
      <c r="CT36" s="114">
        <v>1297861</v>
      </c>
      <c r="CU36" s="114">
        <v>338765</v>
      </c>
      <c r="CV36" s="113">
        <v>8550404</v>
      </c>
      <c r="CW36" s="116">
        <v>8550404</v>
      </c>
      <c r="CX36" s="110">
        <v>0</v>
      </c>
      <c r="CY36" s="114">
        <v>0</v>
      </c>
      <c r="CZ36" s="113">
        <v>0</v>
      </c>
      <c r="DA36" s="110">
        <v>0</v>
      </c>
      <c r="DB36" s="114">
        <v>288899</v>
      </c>
      <c r="DC36" s="114">
        <v>674304</v>
      </c>
      <c r="DD36" s="114">
        <v>370192</v>
      </c>
      <c r="DE36" s="114">
        <v>346670</v>
      </c>
      <c r="DF36" s="114">
        <v>214823</v>
      </c>
      <c r="DG36" s="113">
        <v>1894888</v>
      </c>
      <c r="DH36" s="116">
        <v>1894888</v>
      </c>
      <c r="DI36" s="110">
        <v>0</v>
      </c>
      <c r="DJ36" s="114">
        <v>63375</v>
      </c>
      <c r="DK36" s="112">
        <v>63375</v>
      </c>
      <c r="DL36" s="111">
        <v>0</v>
      </c>
      <c r="DM36" s="114">
        <v>132277</v>
      </c>
      <c r="DN36" s="114">
        <v>791412</v>
      </c>
      <c r="DO36" s="114">
        <v>1225935</v>
      </c>
      <c r="DP36" s="114">
        <v>799599</v>
      </c>
      <c r="DQ36" s="114">
        <v>318690</v>
      </c>
      <c r="DR36" s="113">
        <v>3267913</v>
      </c>
      <c r="DS36" s="116">
        <v>3331288</v>
      </c>
      <c r="DT36" s="110">
        <v>0</v>
      </c>
      <c r="DU36" s="114">
        <v>63375</v>
      </c>
      <c r="DV36" s="113">
        <v>63375</v>
      </c>
      <c r="DW36" s="110">
        <v>0</v>
      </c>
      <c r="DX36" s="114">
        <v>132277</v>
      </c>
      <c r="DY36" s="114">
        <v>692135</v>
      </c>
      <c r="DZ36" s="114">
        <v>1225935</v>
      </c>
      <c r="EA36" s="114">
        <v>799599</v>
      </c>
      <c r="EB36" s="114">
        <v>257472</v>
      </c>
      <c r="EC36" s="113">
        <v>3107418</v>
      </c>
      <c r="ED36" s="116">
        <v>3170793</v>
      </c>
      <c r="EE36" s="110">
        <v>0</v>
      </c>
      <c r="EF36" s="112">
        <v>0</v>
      </c>
      <c r="EG36" s="113">
        <v>0</v>
      </c>
      <c r="EH36" s="110">
        <v>0</v>
      </c>
      <c r="EI36" s="114">
        <v>0</v>
      </c>
      <c r="EJ36" s="114">
        <v>99277</v>
      </c>
      <c r="EK36" s="114">
        <v>0</v>
      </c>
      <c r="EL36" s="114">
        <v>0</v>
      </c>
      <c r="EM36" s="114">
        <v>61218</v>
      </c>
      <c r="EN36" s="112">
        <v>160495</v>
      </c>
      <c r="EO36" s="116">
        <v>160495</v>
      </c>
      <c r="EP36" s="110">
        <v>0</v>
      </c>
      <c r="EQ36" s="114">
        <v>0</v>
      </c>
      <c r="ER36" s="112">
        <v>0</v>
      </c>
      <c r="ES36" s="111">
        <v>0</v>
      </c>
      <c r="ET36" s="114">
        <v>0</v>
      </c>
      <c r="EU36" s="114">
        <v>0</v>
      </c>
      <c r="EV36" s="114">
        <v>0</v>
      </c>
      <c r="EW36" s="114">
        <v>0</v>
      </c>
      <c r="EX36" s="114">
        <v>0</v>
      </c>
      <c r="EY36" s="113">
        <v>0</v>
      </c>
      <c r="EZ36" s="116">
        <v>0</v>
      </c>
      <c r="FA36" s="110">
        <v>0</v>
      </c>
      <c r="FB36" s="114">
        <v>0</v>
      </c>
      <c r="FC36" s="112">
        <v>0</v>
      </c>
      <c r="FD36" s="347"/>
      <c r="FE36" s="114">
        <v>0</v>
      </c>
      <c r="FF36" s="114">
        <v>0</v>
      </c>
      <c r="FG36" s="114">
        <v>0</v>
      </c>
      <c r="FH36" s="114">
        <v>0</v>
      </c>
      <c r="FI36" s="114">
        <v>0</v>
      </c>
      <c r="FJ36" s="113">
        <v>0</v>
      </c>
      <c r="FK36" s="116">
        <v>0</v>
      </c>
      <c r="FL36" s="110">
        <v>175490</v>
      </c>
      <c r="FM36" s="114">
        <v>322772</v>
      </c>
      <c r="FN36" s="113">
        <v>498262</v>
      </c>
      <c r="FO36" s="110">
        <v>0</v>
      </c>
      <c r="FP36" s="114">
        <v>594213</v>
      </c>
      <c r="FQ36" s="114">
        <v>1038232</v>
      </c>
      <c r="FR36" s="114">
        <v>794032</v>
      </c>
      <c r="FS36" s="114">
        <v>778267</v>
      </c>
      <c r="FT36" s="114">
        <v>623222</v>
      </c>
      <c r="FU36" s="113">
        <v>3827966</v>
      </c>
      <c r="FV36" s="116">
        <v>4326228</v>
      </c>
      <c r="FW36" s="115">
        <v>123290</v>
      </c>
      <c r="FX36" s="114">
        <v>322772</v>
      </c>
      <c r="FY36" s="112">
        <v>446062</v>
      </c>
      <c r="FZ36" s="111">
        <v>0</v>
      </c>
      <c r="GA36" s="114">
        <v>594213</v>
      </c>
      <c r="GB36" s="114">
        <v>1038232</v>
      </c>
      <c r="GC36" s="114">
        <v>770272</v>
      </c>
      <c r="GD36" s="114">
        <v>778267</v>
      </c>
      <c r="GE36" s="114">
        <v>623222</v>
      </c>
      <c r="GF36" s="113">
        <v>3804206</v>
      </c>
      <c r="GG36" s="318">
        <v>4250268</v>
      </c>
      <c r="GH36" s="115">
        <v>52200</v>
      </c>
      <c r="GI36" s="114">
        <v>0</v>
      </c>
      <c r="GJ36" s="112">
        <v>52200</v>
      </c>
      <c r="GK36" s="111">
        <v>0</v>
      </c>
      <c r="GL36" s="114">
        <v>0</v>
      </c>
      <c r="GM36" s="114">
        <v>0</v>
      </c>
      <c r="GN36" s="114">
        <v>23760</v>
      </c>
      <c r="GO36" s="114">
        <v>0</v>
      </c>
      <c r="GP36" s="114">
        <v>0</v>
      </c>
      <c r="GQ36" s="113">
        <v>23760</v>
      </c>
      <c r="GR36" s="116">
        <v>75960</v>
      </c>
      <c r="GS36" s="110">
        <v>0</v>
      </c>
      <c r="GT36" s="114">
        <v>0</v>
      </c>
      <c r="GU36" s="113">
        <v>0</v>
      </c>
      <c r="GV36" s="110">
        <v>0</v>
      </c>
      <c r="GW36" s="114">
        <v>0</v>
      </c>
      <c r="GX36" s="114">
        <v>0</v>
      </c>
      <c r="GY36" s="114">
        <v>0</v>
      </c>
      <c r="GZ36" s="114">
        <v>0</v>
      </c>
      <c r="HA36" s="114">
        <v>0</v>
      </c>
      <c r="HB36" s="112">
        <v>0</v>
      </c>
      <c r="HC36" s="116">
        <v>0</v>
      </c>
      <c r="HD36" s="110">
        <v>59260</v>
      </c>
      <c r="HE36" s="114">
        <v>99279</v>
      </c>
      <c r="HF36" s="112">
        <v>158539</v>
      </c>
      <c r="HG36" s="111">
        <v>0</v>
      </c>
      <c r="HH36" s="114">
        <v>1188353</v>
      </c>
      <c r="HI36" s="114">
        <v>969768</v>
      </c>
      <c r="HJ36" s="114">
        <v>1080166</v>
      </c>
      <c r="HK36" s="114">
        <v>738903</v>
      </c>
      <c r="HL36" s="114">
        <v>573540</v>
      </c>
      <c r="HM36" s="113">
        <v>4550730</v>
      </c>
      <c r="HN36" s="109">
        <v>4709269</v>
      </c>
      <c r="HO36" s="115">
        <v>114838</v>
      </c>
      <c r="HP36" s="114">
        <v>243089</v>
      </c>
      <c r="HQ36" s="113">
        <v>357927</v>
      </c>
      <c r="HR36" s="110">
        <v>0</v>
      </c>
      <c r="HS36" s="114">
        <v>1556330</v>
      </c>
      <c r="HT36" s="114">
        <v>1209646</v>
      </c>
      <c r="HU36" s="114">
        <v>792004</v>
      </c>
      <c r="HV36" s="114">
        <v>528129</v>
      </c>
      <c r="HW36" s="114">
        <v>302853</v>
      </c>
      <c r="HX36" s="112">
        <v>4388962</v>
      </c>
      <c r="HY36" s="116">
        <v>4746889</v>
      </c>
      <c r="HZ36" s="150">
        <v>0</v>
      </c>
      <c r="IA36" s="135">
        <v>179104</v>
      </c>
      <c r="IB36" s="150">
        <v>179104</v>
      </c>
      <c r="IC36" s="134">
        <v>0</v>
      </c>
      <c r="ID36" s="135">
        <v>4361769</v>
      </c>
      <c r="IE36" s="136">
        <v>4196818</v>
      </c>
      <c r="IF36" s="137">
        <v>5751836</v>
      </c>
      <c r="IG36" s="135">
        <v>3840186</v>
      </c>
      <c r="IH36" s="137">
        <v>1902822</v>
      </c>
      <c r="II36" s="138">
        <v>20053431</v>
      </c>
      <c r="IJ36" s="150">
        <v>20232535</v>
      </c>
      <c r="IK36" s="232">
        <v>0</v>
      </c>
      <c r="IL36" s="236">
        <v>0</v>
      </c>
      <c r="IM36" s="237">
        <v>0</v>
      </c>
      <c r="IN36" s="140"/>
      <c r="IO36" s="119">
        <v>0</v>
      </c>
      <c r="IP36" s="119">
        <v>197626</v>
      </c>
      <c r="IQ36" s="119">
        <v>0</v>
      </c>
      <c r="IR36" s="119">
        <v>0</v>
      </c>
      <c r="IS36" s="119">
        <v>0</v>
      </c>
      <c r="IT36" s="141">
        <v>197626</v>
      </c>
      <c r="IU36" s="320">
        <v>197626</v>
      </c>
      <c r="IV36" s="142">
        <v>0</v>
      </c>
      <c r="IW36" s="119">
        <v>0</v>
      </c>
      <c r="IX36" s="120">
        <v>0</v>
      </c>
      <c r="IY36" s="144"/>
      <c r="IZ36" s="119">
        <v>0</v>
      </c>
      <c r="JA36" s="119">
        <v>0</v>
      </c>
      <c r="JB36" s="119">
        <v>0</v>
      </c>
      <c r="JC36" s="119">
        <v>0</v>
      </c>
      <c r="JD36" s="119">
        <v>0</v>
      </c>
      <c r="JE36" s="120">
        <v>0</v>
      </c>
      <c r="JF36" s="121">
        <v>0</v>
      </c>
      <c r="JG36" s="142">
        <v>0</v>
      </c>
      <c r="JH36" s="119">
        <v>0</v>
      </c>
      <c r="JI36" s="141">
        <v>0</v>
      </c>
      <c r="JJ36" s="118">
        <v>0</v>
      </c>
      <c r="JK36" s="119">
        <v>1393583</v>
      </c>
      <c r="JL36" s="119">
        <v>610914</v>
      </c>
      <c r="JM36" s="119">
        <v>594105</v>
      </c>
      <c r="JN36" s="119">
        <v>274355</v>
      </c>
      <c r="JO36" s="119">
        <v>498339</v>
      </c>
      <c r="JP36" s="120">
        <v>3371296</v>
      </c>
      <c r="JQ36" s="320">
        <v>3371296</v>
      </c>
      <c r="JR36" s="142">
        <v>0</v>
      </c>
      <c r="JS36" s="119">
        <v>0</v>
      </c>
      <c r="JT36" s="141">
        <v>0</v>
      </c>
      <c r="JU36" s="118">
        <v>0</v>
      </c>
      <c r="JV36" s="119">
        <v>0</v>
      </c>
      <c r="JW36" s="119">
        <v>0</v>
      </c>
      <c r="JX36" s="119">
        <v>181020</v>
      </c>
      <c r="JY36" s="119">
        <v>0</v>
      </c>
      <c r="JZ36" s="119">
        <v>278766</v>
      </c>
      <c r="KA36" s="120">
        <v>459786</v>
      </c>
      <c r="KB36" s="320">
        <v>459786</v>
      </c>
      <c r="KC36" s="234">
        <v>0</v>
      </c>
      <c r="KD36" s="230">
        <v>179104</v>
      </c>
      <c r="KE36" s="120">
        <v>179104</v>
      </c>
      <c r="KF36" s="118">
        <v>0</v>
      </c>
      <c r="KG36" s="119">
        <v>1307608</v>
      </c>
      <c r="KH36" s="119">
        <v>952749</v>
      </c>
      <c r="KI36" s="119">
        <v>1586906</v>
      </c>
      <c r="KJ36" s="119">
        <v>914950</v>
      </c>
      <c r="KK36" s="119">
        <v>318615</v>
      </c>
      <c r="KL36" s="120">
        <v>5080828</v>
      </c>
      <c r="KM36" s="143">
        <v>5259932</v>
      </c>
      <c r="KN36" s="232">
        <v>0</v>
      </c>
      <c r="KO36" s="236">
        <v>0</v>
      </c>
      <c r="KP36" s="237">
        <v>0</v>
      </c>
      <c r="KQ36" s="140"/>
      <c r="KR36" s="119">
        <v>1660578</v>
      </c>
      <c r="KS36" s="119">
        <v>2435529</v>
      </c>
      <c r="KT36" s="119">
        <v>3389805</v>
      </c>
      <c r="KU36" s="119">
        <v>2650881</v>
      </c>
      <c r="KV36" s="119">
        <v>807102</v>
      </c>
      <c r="KW36" s="120">
        <v>10943895</v>
      </c>
      <c r="KX36" s="320">
        <v>10943895</v>
      </c>
      <c r="KY36" s="142">
        <v>0</v>
      </c>
      <c r="KZ36" s="119">
        <v>0</v>
      </c>
      <c r="LA36" s="120">
        <v>0</v>
      </c>
      <c r="LB36" s="145"/>
      <c r="LC36" s="119">
        <v>0</v>
      </c>
      <c r="LD36" s="119">
        <v>0</v>
      </c>
      <c r="LE36" s="119">
        <v>0</v>
      </c>
      <c r="LF36" s="119">
        <v>0</v>
      </c>
      <c r="LG36" s="119">
        <v>0</v>
      </c>
      <c r="LH36" s="120">
        <v>0</v>
      </c>
      <c r="LI36" s="121">
        <v>0</v>
      </c>
      <c r="LJ36" s="142">
        <v>0</v>
      </c>
      <c r="LK36" s="119">
        <v>0</v>
      </c>
      <c r="LL36" s="120">
        <v>0</v>
      </c>
      <c r="LM36" s="145"/>
      <c r="LN36" s="119">
        <v>0</v>
      </c>
      <c r="LO36" s="119">
        <v>0</v>
      </c>
      <c r="LP36" s="119">
        <v>0</v>
      </c>
      <c r="LQ36" s="119">
        <v>0</v>
      </c>
      <c r="LR36" s="119">
        <v>0</v>
      </c>
      <c r="LS36" s="120">
        <v>0</v>
      </c>
      <c r="LT36" s="320">
        <v>0</v>
      </c>
      <c r="LU36" s="142">
        <v>0</v>
      </c>
      <c r="LV36" s="119">
        <v>0</v>
      </c>
      <c r="LW36" s="120">
        <v>0</v>
      </c>
      <c r="LX36" s="145"/>
      <c r="LY36" s="119">
        <v>0</v>
      </c>
      <c r="LZ36" s="119">
        <v>0</v>
      </c>
      <c r="MA36" s="119">
        <v>0</v>
      </c>
      <c r="MB36" s="119">
        <v>0</v>
      </c>
      <c r="MC36" s="119">
        <v>0</v>
      </c>
      <c r="MD36" s="120">
        <v>0</v>
      </c>
      <c r="ME36" s="121">
        <v>0</v>
      </c>
      <c r="MF36" s="142">
        <v>0</v>
      </c>
      <c r="MG36" s="119">
        <v>0</v>
      </c>
      <c r="MH36" s="120">
        <v>0</v>
      </c>
      <c r="MI36" s="145"/>
      <c r="MJ36" s="119">
        <v>476660</v>
      </c>
      <c r="MK36" s="119">
        <v>4083492</v>
      </c>
      <c r="ML36" s="119">
        <v>10423538</v>
      </c>
      <c r="MM36" s="119">
        <v>10348607</v>
      </c>
      <c r="MN36" s="119">
        <v>8177232</v>
      </c>
      <c r="MO36" s="120">
        <v>33509529</v>
      </c>
      <c r="MP36" s="143">
        <v>33509529</v>
      </c>
      <c r="MQ36" s="142">
        <v>0</v>
      </c>
      <c r="MR36" s="119">
        <v>0</v>
      </c>
      <c r="MS36" s="120">
        <v>0</v>
      </c>
      <c r="MT36" s="145"/>
      <c r="MU36" s="119">
        <v>0</v>
      </c>
      <c r="MV36" s="119">
        <v>452136</v>
      </c>
      <c r="MW36" s="119">
        <v>7987495</v>
      </c>
      <c r="MX36" s="119">
        <v>7393242</v>
      </c>
      <c r="MY36" s="119">
        <v>6651803</v>
      </c>
      <c r="MZ36" s="120">
        <v>22484676</v>
      </c>
      <c r="NA36" s="143">
        <v>22484676</v>
      </c>
      <c r="NB36" s="142">
        <v>0</v>
      </c>
      <c r="NC36" s="119">
        <v>0</v>
      </c>
      <c r="ND36" s="120">
        <v>0</v>
      </c>
      <c r="NE36" s="145"/>
      <c r="NF36" s="119">
        <v>476660</v>
      </c>
      <c r="NG36" s="119">
        <v>3631356</v>
      </c>
      <c r="NH36" s="119">
        <v>2436043</v>
      </c>
      <c r="NI36" s="119">
        <v>2955365</v>
      </c>
      <c r="NJ36" s="119">
        <v>1525429</v>
      </c>
      <c r="NK36" s="120">
        <v>11024853</v>
      </c>
      <c r="NL36" s="320">
        <v>11024853</v>
      </c>
      <c r="NM36" s="142">
        <v>0</v>
      </c>
      <c r="NN36" s="119">
        <v>0</v>
      </c>
      <c r="NO36" s="120">
        <v>0</v>
      </c>
      <c r="NP36" s="145"/>
      <c r="NQ36" s="119">
        <v>0</v>
      </c>
      <c r="NR36" s="119">
        <v>0</v>
      </c>
      <c r="NS36" s="119">
        <v>0</v>
      </c>
      <c r="NT36" s="119">
        <v>0</v>
      </c>
      <c r="NU36" s="119">
        <v>0</v>
      </c>
      <c r="NV36" s="120">
        <v>0</v>
      </c>
      <c r="NW36" s="121">
        <v>0</v>
      </c>
      <c r="NX36" s="142">
        <v>0</v>
      </c>
      <c r="NY36" s="119">
        <v>0</v>
      </c>
      <c r="NZ36" s="120">
        <v>0</v>
      </c>
      <c r="OA36" s="145"/>
      <c r="OB36" s="119">
        <v>0</v>
      </c>
      <c r="OC36" s="119">
        <v>0</v>
      </c>
      <c r="OD36" s="119">
        <v>0</v>
      </c>
      <c r="OE36" s="119">
        <v>0</v>
      </c>
      <c r="OF36" s="119">
        <v>0</v>
      </c>
      <c r="OG36" s="120">
        <v>0</v>
      </c>
      <c r="OH36" s="121">
        <v>0</v>
      </c>
      <c r="OI36" s="142">
        <v>429502</v>
      </c>
      <c r="OJ36" s="119">
        <v>970565</v>
      </c>
      <c r="OK36" s="141">
        <v>1400067</v>
      </c>
      <c r="OL36" s="118">
        <v>0</v>
      </c>
      <c r="OM36" s="119">
        <v>12352773</v>
      </c>
      <c r="ON36" s="119">
        <v>17675731</v>
      </c>
      <c r="OO36" s="119">
        <v>23658535</v>
      </c>
      <c r="OP36" s="119">
        <v>20656687</v>
      </c>
      <c r="OQ36" s="119">
        <v>14483030</v>
      </c>
      <c r="OR36" s="120">
        <v>88826756</v>
      </c>
      <c r="OS36" s="143">
        <v>90226823</v>
      </c>
    </row>
    <row r="37" spans="2:409" ht="21" customHeight="1" x14ac:dyDescent="0.2">
      <c r="B37" s="62" t="s">
        <v>32</v>
      </c>
      <c r="C37" s="110">
        <v>981477</v>
      </c>
      <c r="D37" s="114">
        <v>1152075</v>
      </c>
      <c r="E37" s="174">
        <v>2133552</v>
      </c>
      <c r="F37" s="175">
        <v>0</v>
      </c>
      <c r="G37" s="176">
        <v>10198476</v>
      </c>
      <c r="H37" s="176">
        <v>10237768</v>
      </c>
      <c r="I37" s="176">
        <v>7876004</v>
      </c>
      <c r="J37" s="176">
        <v>8497359</v>
      </c>
      <c r="K37" s="176">
        <v>6529747</v>
      </c>
      <c r="L37" s="177">
        <v>43339354</v>
      </c>
      <c r="M37" s="116">
        <v>45472906</v>
      </c>
      <c r="N37" s="110">
        <v>224093</v>
      </c>
      <c r="O37" s="114">
        <v>183310</v>
      </c>
      <c r="P37" s="113">
        <v>407403</v>
      </c>
      <c r="Q37" s="110">
        <v>0</v>
      </c>
      <c r="R37" s="114">
        <v>3044948</v>
      </c>
      <c r="S37" s="114">
        <v>1963964</v>
      </c>
      <c r="T37" s="114">
        <v>2397828</v>
      </c>
      <c r="U37" s="114">
        <v>2493955</v>
      </c>
      <c r="V37" s="114">
        <v>3018972</v>
      </c>
      <c r="W37" s="113">
        <v>12919667</v>
      </c>
      <c r="X37" s="116">
        <v>13327070</v>
      </c>
      <c r="Y37" s="110">
        <v>0</v>
      </c>
      <c r="Z37" s="114">
        <v>0</v>
      </c>
      <c r="AA37" s="113">
        <v>0</v>
      </c>
      <c r="AB37" s="110">
        <v>0</v>
      </c>
      <c r="AC37" s="114">
        <v>1556049</v>
      </c>
      <c r="AD37" s="114">
        <v>979840</v>
      </c>
      <c r="AE37" s="114">
        <v>1653495</v>
      </c>
      <c r="AF37" s="114">
        <v>1348593</v>
      </c>
      <c r="AG37" s="114">
        <v>1798859</v>
      </c>
      <c r="AH37" s="113">
        <v>7336836</v>
      </c>
      <c r="AI37" s="116">
        <v>7336836</v>
      </c>
      <c r="AJ37" s="110">
        <v>0</v>
      </c>
      <c r="AK37" s="114">
        <v>0</v>
      </c>
      <c r="AL37" s="113">
        <v>0</v>
      </c>
      <c r="AM37" s="110">
        <v>0</v>
      </c>
      <c r="AN37" s="114">
        <v>0</v>
      </c>
      <c r="AO37" s="114">
        <v>0</v>
      </c>
      <c r="AP37" s="114">
        <v>101650</v>
      </c>
      <c r="AQ37" s="114">
        <v>110628</v>
      </c>
      <c r="AR37" s="114">
        <v>481184</v>
      </c>
      <c r="AS37" s="113">
        <v>693462</v>
      </c>
      <c r="AT37" s="116">
        <v>693462</v>
      </c>
      <c r="AU37" s="110">
        <v>164829</v>
      </c>
      <c r="AV37" s="114">
        <v>160423</v>
      </c>
      <c r="AW37" s="113">
        <v>325252</v>
      </c>
      <c r="AX37" s="110">
        <v>0</v>
      </c>
      <c r="AY37" s="114">
        <v>1045712</v>
      </c>
      <c r="AZ37" s="114">
        <v>741253</v>
      </c>
      <c r="BA37" s="114">
        <v>421163</v>
      </c>
      <c r="BB37" s="114">
        <v>586314</v>
      </c>
      <c r="BC37" s="114">
        <v>449837</v>
      </c>
      <c r="BD37" s="113">
        <v>3244279</v>
      </c>
      <c r="BE37" s="116">
        <v>3569531</v>
      </c>
      <c r="BF37" s="110">
        <v>18368</v>
      </c>
      <c r="BG37" s="114">
        <v>0</v>
      </c>
      <c r="BH37" s="112">
        <v>18368</v>
      </c>
      <c r="BI37" s="111">
        <v>0</v>
      </c>
      <c r="BJ37" s="114">
        <v>184878</v>
      </c>
      <c r="BK37" s="114">
        <v>22944</v>
      </c>
      <c r="BL37" s="114">
        <v>8604</v>
      </c>
      <c r="BM37" s="114">
        <v>79399</v>
      </c>
      <c r="BN37" s="114">
        <v>44397</v>
      </c>
      <c r="BO37" s="113">
        <v>340222</v>
      </c>
      <c r="BP37" s="116">
        <v>358590</v>
      </c>
      <c r="BQ37" s="110">
        <v>40896</v>
      </c>
      <c r="BR37" s="114">
        <v>22887</v>
      </c>
      <c r="BS37" s="113">
        <v>63783</v>
      </c>
      <c r="BT37" s="110">
        <v>0</v>
      </c>
      <c r="BU37" s="114">
        <v>258309</v>
      </c>
      <c r="BV37" s="114">
        <v>219927</v>
      </c>
      <c r="BW37" s="114">
        <v>212916</v>
      </c>
      <c r="BX37" s="114">
        <v>369021</v>
      </c>
      <c r="BY37" s="114">
        <v>244695</v>
      </c>
      <c r="BZ37" s="113">
        <v>1304868</v>
      </c>
      <c r="CA37" s="116">
        <v>1368651</v>
      </c>
      <c r="CB37" s="110">
        <v>56483</v>
      </c>
      <c r="CC37" s="114">
        <v>76752</v>
      </c>
      <c r="CD37" s="113">
        <v>133235</v>
      </c>
      <c r="CE37" s="110">
        <v>0</v>
      </c>
      <c r="CF37" s="114">
        <v>3094088</v>
      </c>
      <c r="CG37" s="114">
        <v>3961540</v>
      </c>
      <c r="CH37" s="114">
        <v>2359328</v>
      </c>
      <c r="CI37" s="114">
        <v>2176541</v>
      </c>
      <c r="CJ37" s="114">
        <v>1042686</v>
      </c>
      <c r="CK37" s="113">
        <v>12634183</v>
      </c>
      <c r="CL37" s="116">
        <v>12767418</v>
      </c>
      <c r="CM37" s="110">
        <v>0</v>
      </c>
      <c r="CN37" s="114">
        <v>0</v>
      </c>
      <c r="CO37" s="113">
        <v>0</v>
      </c>
      <c r="CP37" s="111">
        <v>0</v>
      </c>
      <c r="CQ37" s="114">
        <v>2668393</v>
      </c>
      <c r="CR37" s="114">
        <v>3381791</v>
      </c>
      <c r="CS37" s="114">
        <v>1904799</v>
      </c>
      <c r="CT37" s="114">
        <v>1693192</v>
      </c>
      <c r="CU37" s="114">
        <v>783207</v>
      </c>
      <c r="CV37" s="113">
        <v>10431382</v>
      </c>
      <c r="CW37" s="116">
        <v>10431382</v>
      </c>
      <c r="CX37" s="110">
        <v>56483</v>
      </c>
      <c r="CY37" s="114">
        <v>76752</v>
      </c>
      <c r="CZ37" s="113">
        <v>133235</v>
      </c>
      <c r="DA37" s="110">
        <v>0</v>
      </c>
      <c r="DB37" s="114">
        <v>425695</v>
      </c>
      <c r="DC37" s="114">
        <v>579749</v>
      </c>
      <c r="DD37" s="114">
        <v>454529</v>
      </c>
      <c r="DE37" s="114">
        <v>483349</v>
      </c>
      <c r="DF37" s="114">
        <v>259479</v>
      </c>
      <c r="DG37" s="113">
        <v>2202801</v>
      </c>
      <c r="DH37" s="116">
        <v>2336036</v>
      </c>
      <c r="DI37" s="110">
        <v>0</v>
      </c>
      <c r="DJ37" s="114">
        <v>0</v>
      </c>
      <c r="DK37" s="112">
        <v>0</v>
      </c>
      <c r="DL37" s="111">
        <v>0</v>
      </c>
      <c r="DM37" s="114">
        <v>106957</v>
      </c>
      <c r="DN37" s="114">
        <v>961984</v>
      </c>
      <c r="DO37" s="114">
        <v>582374</v>
      </c>
      <c r="DP37" s="114">
        <v>580993</v>
      </c>
      <c r="DQ37" s="114">
        <v>584892</v>
      </c>
      <c r="DR37" s="113">
        <v>2817200</v>
      </c>
      <c r="DS37" s="116">
        <v>2817200</v>
      </c>
      <c r="DT37" s="110">
        <v>0</v>
      </c>
      <c r="DU37" s="114">
        <v>0</v>
      </c>
      <c r="DV37" s="113">
        <v>0</v>
      </c>
      <c r="DW37" s="110">
        <v>0</v>
      </c>
      <c r="DX37" s="114">
        <v>86365</v>
      </c>
      <c r="DY37" s="114">
        <v>939628</v>
      </c>
      <c r="DZ37" s="114">
        <v>461860</v>
      </c>
      <c r="EA37" s="114">
        <v>400371</v>
      </c>
      <c r="EB37" s="114">
        <v>584892</v>
      </c>
      <c r="EC37" s="113">
        <v>2473116</v>
      </c>
      <c r="ED37" s="116">
        <v>2473116</v>
      </c>
      <c r="EE37" s="110">
        <v>0</v>
      </c>
      <c r="EF37" s="112">
        <v>0</v>
      </c>
      <c r="EG37" s="113">
        <v>0</v>
      </c>
      <c r="EH37" s="110">
        <v>0</v>
      </c>
      <c r="EI37" s="114">
        <v>20592</v>
      </c>
      <c r="EJ37" s="114">
        <v>22356</v>
      </c>
      <c r="EK37" s="114">
        <v>120514</v>
      </c>
      <c r="EL37" s="114">
        <v>180622</v>
      </c>
      <c r="EM37" s="114">
        <v>0</v>
      </c>
      <c r="EN37" s="112">
        <v>344084</v>
      </c>
      <c r="EO37" s="116">
        <v>344084</v>
      </c>
      <c r="EP37" s="110">
        <v>0</v>
      </c>
      <c r="EQ37" s="114">
        <v>0</v>
      </c>
      <c r="ER37" s="112">
        <v>0</v>
      </c>
      <c r="ES37" s="111">
        <v>0</v>
      </c>
      <c r="ET37" s="114">
        <v>0</v>
      </c>
      <c r="EU37" s="114">
        <v>0</v>
      </c>
      <c r="EV37" s="114">
        <v>0</v>
      </c>
      <c r="EW37" s="114">
        <v>0</v>
      </c>
      <c r="EX37" s="114">
        <v>0</v>
      </c>
      <c r="EY37" s="113">
        <v>0</v>
      </c>
      <c r="EZ37" s="116">
        <v>0</v>
      </c>
      <c r="FA37" s="110">
        <v>0</v>
      </c>
      <c r="FB37" s="114">
        <v>0</v>
      </c>
      <c r="FC37" s="112">
        <v>0</v>
      </c>
      <c r="FD37" s="347"/>
      <c r="FE37" s="114">
        <v>0</v>
      </c>
      <c r="FF37" s="114">
        <v>0</v>
      </c>
      <c r="FG37" s="114">
        <v>0</v>
      </c>
      <c r="FH37" s="114">
        <v>0</v>
      </c>
      <c r="FI37" s="114">
        <v>0</v>
      </c>
      <c r="FJ37" s="113">
        <v>0</v>
      </c>
      <c r="FK37" s="116">
        <v>0</v>
      </c>
      <c r="FL37" s="110">
        <v>448000</v>
      </c>
      <c r="FM37" s="114">
        <v>421664</v>
      </c>
      <c r="FN37" s="113">
        <v>869664</v>
      </c>
      <c r="FO37" s="110">
        <v>0</v>
      </c>
      <c r="FP37" s="114">
        <v>655639</v>
      </c>
      <c r="FQ37" s="114">
        <v>1112385</v>
      </c>
      <c r="FR37" s="114">
        <v>867799</v>
      </c>
      <c r="FS37" s="114">
        <v>591724</v>
      </c>
      <c r="FT37" s="114">
        <v>470340</v>
      </c>
      <c r="FU37" s="113">
        <v>3697887</v>
      </c>
      <c r="FV37" s="116">
        <v>4567551</v>
      </c>
      <c r="FW37" s="115">
        <v>140200</v>
      </c>
      <c r="FX37" s="114">
        <v>317990</v>
      </c>
      <c r="FY37" s="112">
        <v>458190</v>
      </c>
      <c r="FZ37" s="111">
        <v>0</v>
      </c>
      <c r="GA37" s="114">
        <v>562455</v>
      </c>
      <c r="GB37" s="114">
        <v>958431</v>
      </c>
      <c r="GC37" s="114">
        <v>823249</v>
      </c>
      <c r="GD37" s="114">
        <v>591724</v>
      </c>
      <c r="GE37" s="114">
        <v>470340</v>
      </c>
      <c r="GF37" s="113">
        <v>3406199</v>
      </c>
      <c r="GG37" s="318">
        <v>3864389</v>
      </c>
      <c r="GH37" s="115">
        <v>0</v>
      </c>
      <c r="GI37" s="114">
        <v>70564</v>
      </c>
      <c r="GJ37" s="112">
        <v>70564</v>
      </c>
      <c r="GK37" s="111">
        <v>0</v>
      </c>
      <c r="GL37" s="114">
        <v>41814</v>
      </c>
      <c r="GM37" s="114">
        <v>31392</v>
      </c>
      <c r="GN37" s="114">
        <v>0</v>
      </c>
      <c r="GO37" s="114">
        <v>0</v>
      </c>
      <c r="GP37" s="114">
        <v>0</v>
      </c>
      <c r="GQ37" s="113">
        <v>73206</v>
      </c>
      <c r="GR37" s="116">
        <v>143770</v>
      </c>
      <c r="GS37" s="110">
        <v>307800</v>
      </c>
      <c r="GT37" s="114">
        <v>33110</v>
      </c>
      <c r="GU37" s="113">
        <v>340910</v>
      </c>
      <c r="GV37" s="110">
        <v>0</v>
      </c>
      <c r="GW37" s="114">
        <v>51370</v>
      </c>
      <c r="GX37" s="114">
        <v>122562</v>
      </c>
      <c r="GY37" s="114">
        <v>44550</v>
      </c>
      <c r="GZ37" s="114">
        <v>0</v>
      </c>
      <c r="HA37" s="114">
        <v>0</v>
      </c>
      <c r="HB37" s="112">
        <v>218482</v>
      </c>
      <c r="HC37" s="116">
        <v>559392</v>
      </c>
      <c r="HD37" s="110">
        <v>125881</v>
      </c>
      <c r="HE37" s="114">
        <v>299529</v>
      </c>
      <c r="HF37" s="112">
        <v>425410</v>
      </c>
      <c r="HG37" s="111">
        <v>0</v>
      </c>
      <c r="HH37" s="114">
        <v>1547898</v>
      </c>
      <c r="HI37" s="114">
        <v>719088</v>
      </c>
      <c r="HJ37" s="114">
        <v>748849</v>
      </c>
      <c r="HK37" s="114">
        <v>2113706</v>
      </c>
      <c r="HL37" s="114">
        <v>988583</v>
      </c>
      <c r="HM37" s="113">
        <v>6118124</v>
      </c>
      <c r="HN37" s="109">
        <v>6543534</v>
      </c>
      <c r="HO37" s="115">
        <v>127020</v>
      </c>
      <c r="HP37" s="114">
        <v>170820</v>
      </c>
      <c r="HQ37" s="113">
        <v>297840</v>
      </c>
      <c r="HR37" s="110">
        <v>0</v>
      </c>
      <c r="HS37" s="114">
        <v>1748946</v>
      </c>
      <c r="HT37" s="114">
        <v>1518807</v>
      </c>
      <c r="HU37" s="114">
        <v>919826</v>
      </c>
      <c r="HV37" s="114">
        <v>540440</v>
      </c>
      <c r="HW37" s="114">
        <v>424274</v>
      </c>
      <c r="HX37" s="112">
        <v>5152293</v>
      </c>
      <c r="HY37" s="116">
        <v>5450133</v>
      </c>
      <c r="HZ37" s="131">
        <v>88092</v>
      </c>
      <c r="IA37" s="132">
        <v>236682</v>
      </c>
      <c r="IB37" s="133">
        <v>324774</v>
      </c>
      <c r="IC37" s="146">
        <v>0</v>
      </c>
      <c r="ID37" s="132">
        <v>3023275</v>
      </c>
      <c r="IE37" s="147">
        <v>3195578</v>
      </c>
      <c r="IF37" s="133">
        <v>8634822</v>
      </c>
      <c r="IG37" s="132">
        <v>4960540</v>
      </c>
      <c r="IH37" s="133">
        <v>2510083</v>
      </c>
      <c r="II37" s="148">
        <v>22324298</v>
      </c>
      <c r="IJ37" s="139">
        <v>22649072</v>
      </c>
      <c r="IK37" s="232">
        <v>0</v>
      </c>
      <c r="IL37" s="236">
        <v>0</v>
      </c>
      <c r="IM37" s="237">
        <v>0</v>
      </c>
      <c r="IN37" s="140"/>
      <c r="IO37" s="119">
        <v>136827</v>
      </c>
      <c r="IP37" s="119">
        <v>88424</v>
      </c>
      <c r="IQ37" s="119">
        <v>0</v>
      </c>
      <c r="IR37" s="119">
        <v>231327</v>
      </c>
      <c r="IS37" s="119">
        <v>0</v>
      </c>
      <c r="IT37" s="141">
        <v>456578</v>
      </c>
      <c r="IU37" s="320">
        <v>456578</v>
      </c>
      <c r="IV37" s="142">
        <v>0</v>
      </c>
      <c r="IW37" s="119">
        <v>0</v>
      </c>
      <c r="IX37" s="120">
        <v>0</v>
      </c>
      <c r="IY37" s="144"/>
      <c r="IZ37" s="119">
        <v>0</v>
      </c>
      <c r="JA37" s="119">
        <v>0</v>
      </c>
      <c r="JB37" s="119">
        <v>0</v>
      </c>
      <c r="JC37" s="119">
        <v>0</v>
      </c>
      <c r="JD37" s="119">
        <v>0</v>
      </c>
      <c r="JE37" s="120">
        <v>0</v>
      </c>
      <c r="JF37" s="121">
        <v>0</v>
      </c>
      <c r="JG37" s="142">
        <v>0</v>
      </c>
      <c r="JH37" s="119">
        <v>0</v>
      </c>
      <c r="JI37" s="141">
        <v>0</v>
      </c>
      <c r="JJ37" s="118">
        <v>0</v>
      </c>
      <c r="JK37" s="119">
        <v>1864273</v>
      </c>
      <c r="JL37" s="119">
        <v>2025082</v>
      </c>
      <c r="JM37" s="119">
        <v>744890</v>
      </c>
      <c r="JN37" s="119">
        <v>0</v>
      </c>
      <c r="JO37" s="119">
        <v>176347</v>
      </c>
      <c r="JP37" s="120">
        <v>4810592</v>
      </c>
      <c r="JQ37" s="320">
        <v>4810592</v>
      </c>
      <c r="JR37" s="142">
        <v>0</v>
      </c>
      <c r="JS37" s="119">
        <v>0</v>
      </c>
      <c r="JT37" s="141">
        <v>0</v>
      </c>
      <c r="JU37" s="118">
        <v>0</v>
      </c>
      <c r="JV37" s="119">
        <v>230042</v>
      </c>
      <c r="JW37" s="119">
        <v>108999</v>
      </c>
      <c r="JX37" s="119">
        <v>315558</v>
      </c>
      <c r="JY37" s="119">
        <v>0</v>
      </c>
      <c r="JZ37" s="119">
        <v>150751</v>
      </c>
      <c r="KA37" s="120">
        <v>805350</v>
      </c>
      <c r="KB37" s="320">
        <v>805350</v>
      </c>
      <c r="KC37" s="234">
        <v>88092</v>
      </c>
      <c r="KD37" s="230">
        <v>236682</v>
      </c>
      <c r="KE37" s="120">
        <v>324774</v>
      </c>
      <c r="KF37" s="118">
        <v>0</v>
      </c>
      <c r="KG37" s="119">
        <v>348732</v>
      </c>
      <c r="KH37" s="119">
        <v>125993</v>
      </c>
      <c r="KI37" s="119">
        <v>1394334</v>
      </c>
      <c r="KJ37" s="119">
        <v>285498</v>
      </c>
      <c r="KK37" s="119">
        <v>0</v>
      </c>
      <c r="KL37" s="120">
        <v>2154557</v>
      </c>
      <c r="KM37" s="143">
        <v>2479331</v>
      </c>
      <c r="KN37" s="232">
        <v>0</v>
      </c>
      <c r="KO37" s="236">
        <v>0</v>
      </c>
      <c r="KP37" s="237">
        <v>0</v>
      </c>
      <c r="KQ37" s="140"/>
      <c r="KR37" s="119">
        <v>259333</v>
      </c>
      <c r="KS37" s="119">
        <v>687123</v>
      </c>
      <c r="KT37" s="119">
        <v>3105905</v>
      </c>
      <c r="KU37" s="119">
        <v>2553003</v>
      </c>
      <c r="KV37" s="119">
        <v>1911896</v>
      </c>
      <c r="KW37" s="120">
        <v>8517260</v>
      </c>
      <c r="KX37" s="320">
        <v>8517260</v>
      </c>
      <c r="KY37" s="142">
        <v>0</v>
      </c>
      <c r="KZ37" s="119">
        <v>0</v>
      </c>
      <c r="LA37" s="120">
        <v>0</v>
      </c>
      <c r="LB37" s="145"/>
      <c r="LC37" s="119">
        <v>0</v>
      </c>
      <c r="LD37" s="119">
        <v>0</v>
      </c>
      <c r="LE37" s="119">
        <v>0</v>
      </c>
      <c r="LF37" s="119">
        <v>0</v>
      </c>
      <c r="LG37" s="119">
        <v>0</v>
      </c>
      <c r="LH37" s="120">
        <v>0</v>
      </c>
      <c r="LI37" s="121">
        <v>0</v>
      </c>
      <c r="LJ37" s="142">
        <v>0</v>
      </c>
      <c r="LK37" s="119">
        <v>0</v>
      </c>
      <c r="LL37" s="120">
        <v>0</v>
      </c>
      <c r="LM37" s="145"/>
      <c r="LN37" s="119">
        <v>184068</v>
      </c>
      <c r="LO37" s="119">
        <v>159957</v>
      </c>
      <c r="LP37" s="119">
        <v>3074135</v>
      </c>
      <c r="LQ37" s="119">
        <v>1890712</v>
      </c>
      <c r="LR37" s="119">
        <v>271089</v>
      </c>
      <c r="LS37" s="120">
        <v>5579961</v>
      </c>
      <c r="LT37" s="320">
        <v>5579961</v>
      </c>
      <c r="LU37" s="142">
        <v>0</v>
      </c>
      <c r="LV37" s="119">
        <v>0</v>
      </c>
      <c r="LW37" s="120">
        <v>0</v>
      </c>
      <c r="LX37" s="145"/>
      <c r="LY37" s="119">
        <v>0</v>
      </c>
      <c r="LZ37" s="119">
        <v>0</v>
      </c>
      <c r="MA37" s="119">
        <v>0</v>
      </c>
      <c r="MB37" s="119">
        <v>0</v>
      </c>
      <c r="MC37" s="119">
        <v>0</v>
      </c>
      <c r="MD37" s="120">
        <v>0</v>
      </c>
      <c r="ME37" s="121">
        <v>0</v>
      </c>
      <c r="MF37" s="142">
        <v>0</v>
      </c>
      <c r="MG37" s="119">
        <v>0</v>
      </c>
      <c r="MH37" s="120">
        <v>0</v>
      </c>
      <c r="MI37" s="145"/>
      <c r="MJ37" s="119">
        <v>1024852</v>
      </c>
      <c r="MK37" s="119">
        <v>2353833</v>
      </c>
      <c r="ML37" s="119">
        <v>6508342</v>
      </c>
      <c r="MM37" s="119">
        <v>12120479</v>
      </c>
      <c r="MN37" s="119">
        <v>6125795</v>
      </c>
      <c r="MO37" s="120">
        <v>28133301</v>
      </c>
      <c r="MP37" s="143">
        <v>28133301</v>
      </c>
      <c r="MQ37" s="142">
        <v>0</v>
      </c>
      <c r="MR37" s="119">
        <v>0</v>
      </c>
      <c r="MS37" s="120">
        <v>0</v>
      </c>
      <c r="MT37" s="145"/>
      <c r="MU37" s="119">
        <v>433719</v>
      </c>
      <c r="MV37" s="119">
        <v>0</v>
      </c>
      <c r="MW37" s="119">
        <v>2746662</v>
      </c>
      <c r="MX37" s="119">
        <v>5911555</v>
      </c>
      <c r="MY37" s="119">
        <v>3608439</v>
      </c>
      <c r="MZ37" s="120">
        <v>12700375</v>
      </c>
      <c r="NA37" s="143">
        <v>12700375</v>
      </c>
      <c r="NB37" s="142">
        <v>0</v>
      </c>
      <c r="NC37" s="119">
        <v>0</v>
      </c>
      <c r="ND37" s="120">
        <v>0</v>
      </c>
      <c r="NE37" s="145"/>
      <c r="NF37" s="119">
        <v>591133</v>
      </c>
      <c r="NG37" s="119">
        <v>2353833</v>
      </c>
      <c r="NH37" s="119">
        <v>3761680</v>
      </c>
      <c r="NI37" s="119">
        <v>6208924</v>
      </c>
      <c r="NJ37" s="119">
        <v>2097415</v>
      </c>
      <c r="NK37" s="120">
        <v>15012985</v>
      </c>
      <c r="NL37" s="320">
        <v>15012985</v>
      </c>
      <c r="NM37" s="142">
        <v>0</v>
      </c>
      <c r="NN37" s="119">
        <v>0</v>
      </c>
      <c r="NO37" s="120">
        <v>0</v>
      </c>
      <c r="NP37" s="145"/>
      <c r="NQ37" s="119">
        <v>0</v>
      </c>
      <c r="NR37" s="119">
        <v>0</v>
      </c>
      <c r="NS37" s="119">
        <v>0</v>
      </c>
      <c r="NT37" s="119">
        <v>0</v>
      </c>
      <c r="NU37" s="119">
        <v>0</v>
      </c>
      <c r="NV37" s="120">
        <v>0</v>
      </c>
      <c r="NW37" s="121">
        <v>0</v>
      </c>
      <c r="NX37" s="142">
        <v>0</v>
      </c>
      <c r="NY37" s="119">
        <v>0</v>
      </c>
      <c r="NZ37" s="120">
        <v>0</v>
      </c>
      <c r="OA37" s="145"/>
      <c r="OB37" s="119">
        <v>0</v>
      </c>
      <c r="OC37" s="119">
        <v>0</v>
      </c>
      <c r="OD37" s="119">
        <v>0</v>
      </c>
      <c r="OE37" s="119">
        <v>0</v>
      </c>
      <c r="OF37" s="119">
        <v>419941</v>
      </c>
      <c r="OG37" s="120">
        <v>419941</v>
      </c>
      <c r="OH37" s="121">
        <v>419941</v>
      </c>
      <c r="OI37" s="142">
        <v>1069569</v>
      </c>
      <c r="OJ37" s="119">
        <v>1388757</v>
      </c>
      <c r="OK37" s="141">
        <v>2458326</v>
      </c>
      <c r="OL37" s="118">
        <v>0</v>
      </c>
      <c r="OM37" s="119">
        <v>14246603</v>
      </c>
      <c r="ON37" s="119">
        <v>15787179</v>
      </c>
      <c r="OO37" s="119">
        <v>23019168</v>
      </c>
      <c r="OP37" s="119">
        <v>25578378</v>
      </c>
      <c r="OQ37" s="119">
        <v>15165625</v>
      </c>
      <c r="OR37" s="120">
        <v>93796953</v>
      </c>
      <c r="OS37" s="143">
        <v>96255279</v>
      </c>
    </row>
    <row r="38" spans="2:409" ht="21" customHeight="1" x14ac:dyDescent="0.2">
      <c r="B38" s="62" t="s">
        <v>33</v>
      </c>
      <c r="C38" s="110">
        <v>1161078</v>
      </c>
      <c r="D38" s="114">
        <v>2310396</v>
      </c>
      <c r="E38" s="113">
        <v>3471474</v>
      </c>
      <c r="F38" s="109">
        <v>0</v>
      </c>
      <c r="G38" s="114">
        <v>9146868</v>
      </c>
      <c r="H38" s="114">
        <v>8351614</v>
      </c>
      <c r="I38" s="114">
        <v>6140416</v>
      </c>
      <c r="J38" s="114">
        <v>6172134</v>
      </c>
      <c r="K38" s="114">
        <v>4208789</v>
      </c>
      <c r="L38" s="173">
        <v>34019821</v>
      </c>
      <c r="M38" s="116">
        <v>37491295</v>
      </c>
      <c r="N38" s="110">
        <v>497789</v>
      </c>
      <c r="O38" s="114">
        <v>912538</v>
      </c>
      <c r="P38" s="113">
        <v>1410327</v>
      </c>
      <c r="Q38" s="110">
        <v>0</v>
      </c>
      <c r="R38" s="114">
        <v>2823206</v>
      </c>
      <c r="S38" s="114">
        <v>2293460</v>
      </c>
      <c r="T38" s="114">
        <v>1893142</v>
      </c>
      <c r="U38" s="114">
        <v>1988613</v>
      </c>
      <c r="V38" s="114">
        <v>2423695</v>
      </c>
      <c r="W38" s="113">
        <v>11422116</v>
      </c>
      <c r="X38" s="116">
        <v>12832443</v>
      </c>
      <c r="Y38" s="110">
        <v>0</v>
      </c>
      <c r="Z38" s="114">
        <v>0</v>
      </c>
      <c r="AA38" s="113">
        <v>0</v>
      </c>
      <c r="AB38" s="110">
        <v>0</v>
      </c>
      <c r="AC38" s="114">
        <v>687367</v>
      </c>
      <c r="AD38" s="114">
        <v>829068</v>
      </c>
      <c r="AE38" s="114">
        <v>1062210</v>
      </c>
      <c r="AF38" s="114">
        <v>923884</v>
      </c>
      <c r="AG38" s="114">
        <v>1615906</v>
      </c>
      <c r="AH38" s="113">
        <v>5118435</v>
      </c>
      <c r="AI38" s="116">
        <v>5118435</v>
      </c>
      <c r="AJ38" s="110">
        <v>0</v>
      </c>
      <c r="AK38" s="114">
        <v>0</v>
      </c>
      <c r="AL38" s="113">
        <v>0</v>
      </c>
      <c r="AM38" s="110">
        <v>0</v>
      </c>
      <c r="AN38" s="114">
        <v>0</v>
      </c>
      <c r="AO38" s="114">
        <v>0</v>
      </c>
      <c r="AP38" s="114">
        <v>61305</v>
      </c>
      <c r="AQ38" s="114">
        <v>231387</v>
      </c>
      <c r="AR38" s="114">
        <v>283554</v>
      </c>
      <c r="AS38" s="113">
        <v>576246</v>
      </c>
      <c r="AT38" s="116">
        <v>576246</v>
      </c>
      <c r="AU38" s="110">
        <v>45837</v>
      </c>
      <c r="AV38" s="114">
        <v>60201</v>
      </c>
      <c r="AW38" s="113">
        <v>106038</v>
      </c>
      <c r="AX38" s="110">
        <v>0</v>
      </c>
      <c r="AY38" s="114">
        <v>418159</v>
      </c>
      <c r="AZ38" s="114">
        <v>444749</v>
      </c>
      <c r="BA38" s="114">
        <v>291044</v>
      </c>
      <c r="BB38" s="114">
        <v>243820</v>
      </c>
      <c r="BC38" s="114">
        <v>226924</v>
      </c>
      <c r="BD38" s="113">
        <v>1624696</v>
      </c>
      <c r="BE38" s="116">
        <v>1730734</v>
      </c>
      <c r="BF38" s="110">
        <v>340226</v>
      </c>
      <c r="BG38" s="114">
        <v>741403</v>
      </c>
      <c r="BH38" s="112">
        <v>1081629</v>
      </c>
      <c r="BI38" s="111">
        <v>0</v>
      </c>
      <c r="BJ38" s="114">
        <v>1356261</v>
      </c>
      <c r="BK38" s="114">
        <v>636279</v>
      </c>
      <c r="BL38" s="114">
        <v>146822</v>
      </c>
      <c r="BM38" s="114">
        <v>451057</v>
      </c>
      <c r="BN38" s="114">
        <v>150881</v>
      </c>
      <c r="BO38" s="113">
        <v>2741300</v>
      </c>
      <c r="BP38" s="116">
        <v>3822929</v>
      </c>
      <c r="BQ38" s="110">
        <v>111726</v>
      </c>
      <c r="BR38" s="114">
        <v>110934</v>
      </c>
      <c r="BS38" s="113">
        <v>222660</v>
      </c>
      <c r="BT38" s="110">
        <v>0</v>
      </c>
      <c r="BU38" s="114">
        <v>361419</v>
      </c>
      <c r="BV38" s="114">
        <v>383364</v>
      </c>
      <c r="BW38" s="114">
        <v>331761</v>
      </c>
      <c r="BX38" s="114">
        <v>138465</v>
      </c>
      <c r="BY38" s="114">
        <v>146430</v>
      </c>
      <c r="BZ38" s="113">
        <v>1361439</v>
      </c>
      <c r="CA38" s="116">
        <v>1584099</v>
      </c>
      <c r="CB38" s="110">
        <v>159797</v>
      </c>
      <c r="CC38" s="114">
        <v>469555</v>
      </c>
      <c r="CD38" s="113">
        <v>629352</v>
      </c>
      <c r="CE38" s="110">
        <v>0</v>
      </c>
      <c r="CF38" s="114">
        <v>1421855</v>
      </c>
      <c r="CG38" s="114">
        <v>1187272</v>
      </c>
      <c r="CH38" s="114">
        <v>883146</v>
      </c>
      <c r="CI38" s="114">
        <v>373762</v>
      </c>
      <c r="CJ38" s="114">
        <v>415964</v>
      </c>
      <c r="CK38" s="113">
        <v>4281999</v>
      </c>
      <c r="CL38" s="116">
        <v>4911351</v>
      </c>
      <c r="CM38" s="110">
        <v>0</v>
      </c>
      <c r="CN38" s="114">
        <v>0</v>
      </c>
      <c r="CO38" s="113">
        <v>0</v>
      </c>
      <c r="CP38" s="111">
        <v>0</v>
      </c>
      <c r="CQ38" s="114">
        <v>637734</v>
      </c>
      <c r="CR38" s="114">
        <v>613531</v>
      </c>
      <c r="CS38" s="114">
        <v>383479</v>
      </c>
      <c r="CT38" s="114">
        <v>275609</v>
      </c>
      <c r="CU38" s="114">
        <v>277325</v>
      </c>
      <c r="CV38" s="113">
        <v>2187678</v>
      </c>
      <c r="CW38" s="116">
        <v>2187678</v>
      </c>
      <c r="CX38" s="110">
        <v>159797</v>
      </c>
      <c r="CY38" s="114">
        <v>469555</v>
      </c>
      <c r="CZ38" s="113">
        <v>629352</v>
      </c>
      <c r="DA38" s="110">
        <v>0</v>
      </c>
      <c r="DB38" s="114">
        <v>784121</v>
      </c>
      <c r="DC38" s="114">
        <v>573741</v>
      </c>
      <c r="DD38" s="114">
        <v>499667</v>
      </c>
      <c r="DE38" s="114">
        <v>98153</v>
      </c>
      <c r="DF38" s="114">
        <v>138639</v>
      </c>
      <c r="DG38" s="113">
        <v>2094321</v>
      </c>
      <c r="DH38" s="116">
        <v>2723673</v>
      </c>
      <c r="DI38" s="110">
        <v>0</v>
      </c>
      <c r="DJ38" s="114">
        <v>0</v>
      </c>
      <c r="DK38" s="112">
        <v>0</v>
      </c>
      <c r="DL38" s="111">
        <v>0</v>
      </c>
      <c r="DM38" s="114">
        <v>632319</v>
      </c>
      <c r="DN38" s="114">
        <v>468543</v>
      </c>
      <c r="DO38" s="114">
        <v>429771</v>
      </c>
      <c r="DP38" s="114">
        <v>1122434</v>
      </c>
      <c r="DQ38" s="114">
        <v>152308</v>
      </c>
      <c r="DR38" s="113">
        <v>2805375</v>
      </c>
      <c r="DS38" s="116">
        <v>2805375</v>
      </c>
      <c r="DT38" s="110">
        <v>0</v>
      </c>
      <c r="DU38" s="114">
        <v>0</v>
      </c>
      <c r="DV38" s="113">
        <v>0</v>
      </c>
      <c r="DW38" s="110">
        <v>0</v>
      </c>
      <c r="DX38" s="114">
        <v>512067</v>
      </c>
      <c r="DY38" s="114">
        <v>468543</v>
      </c>
      <c r="DZ38" s="114">
        <v>238043</v>
      </c>
      <c r="EA38" s="114">
        <v>1012932</v>
      </c>
      <c r="EB38" s="114">
        <v>63638</v>
      </c>
      <c r="EC38" s="113">
        <v>2295223</v>
      </c>
      <c r="ED38" s="116">
        <v>2295223</v>
      </c>
      <c r="EE38" s="110">
        <v>0</v>
      </c>
      <c r="EF38" s="112">
        <v>0</v>
      </c>
      <c r="EG38" s="113">
        <v>0</v>
      </c>
      <c r="EH38" s="110">
        <v>0</v>
      </c>
      <c r="EI38" s="114">
        <v>120252</v>
      </c>
      <c r="EJ38" s="114">
        <v>0</v>
      </c>
      <c r="EK38" s="114">
        <v>120928</v>
      </c>
      <c r="EL38" s="114">
        <v>109502</v>
      </c>
      <c r="EM38" s="114">
        <v>88670</v>
      </c>
      <c r="EN38" s="112">
        <v>439352</v>
      </c>
      <c r="EO38" s="116">
        <v>439352</v>
      </c>
      <c r="EP38" s="110">
        <v>0</v>
      </c>
      <c r="EQ38" s="114">
        <v>0</v>
      </c>
      <c r="ER38" s="112">
        <v>0</v>
      </c>
      <c r="ES38" s="111">
        <v>0</v>
      </c>
      <c r="ET38" s="114">
        <v>0</v>
      </c>
      <c r="EU38" s="114">
        <v>0</v>
      </c>
      <c r="EV38" s="114">
        <v>0</v>
      </c>
      <c r="EW38" s="114">
        <v>0</v>
      </c>
      <c r="EX38" s="114">
        <v>0</v>
      </c>
      <c r="EY38" s="113">
        <v>0</v>
      </c>
      <c r="EZ38" s="116">
        <v>0</v>
      </c>
      <c r="FA38" s="110">
        <v>0</v>
      </c>
      <c r="FB38" s="114">
        <v>0</v>
      </c>
      <c r="FC38" s="112">
        <v>0</v>
      </c>
      <c r="FD38" s="347"/>
      <c r="FE38" s="114">
        <v>0</v>
      </c>
      <c r="FF38" s="114">
        <v>0</v>
      </c>
      <c r="FG38" s="114">
        <v>70800</v>
      </c>
      <c r="FH38" s="114">
        <v>0</v>
      </c>
      <c r="FI38" s="114">
        <v>0</v>
      </c>
      <c r="FJ38" s="113">
        <v>70800</v>
      </c>
      <c r="FK38" s="116">
        <v>70800</v>
      </c>
      <c r="FL38" s="110">
        <v>118716</v>
      </c>
      <c r="FM38" s="114">
        <v>236650</v>
      </c>
      <c r="FN38" s="113">
        <v>355366</v>
      </c>
      <c r="FO38" s="110">
        <v>0</v>
      </c>
      <c r="FP38" s="114">
        <v>646804</v>
      </c>
      <c r="FQ38" s="114">
        <v>593067</v>
      </c>
      <c r="FR38" s="114">
        <v>408144</v>
      </c>
      <c r="FS38" s="114">
        <v>277591</v>
      </c>
      <c r="FT38" s="114">
        <v>450224</v>
      </c>
      <c r="FU38" s="113">
        <v>2375830</v>
      </c>
      <c r="FV38" s="116">
        <v>2731196</v>
      </c>
      <c r="FW38" s="115">
        <v>118716</v>
      </c>
      <c r="FX38" s="114">
        <v>208057</v>
      </c>
      <c r="FY38" s="112">
        <v>326773</v>
      </c>
      <c r="FZ38" s="111">
        <v>0</v>
      </c>
      <c r="GA38" s="114">
        <v>461638</v>
      </c>
      <c r="GB38" s="114">
        <v>582357</v>
      </c>
      <c r="GC38" s="114">
        <v>380964</v>
      </c>
      <c r="GD38" s="114">
        <v>277591</v>
      </c>
      <c r="GE38" s="114">
        <v>450224</v>
      </c>
      <c r="GF38" s="113">
        <v>2152774</v>
      </c>
      <c r="GG38" s="318">
        <v>2479547</v>
      </c>
      <c r="GH38" s="115">
        <v>0</v>
      </c>
      <c r="GI38" s="114">
        <v>16200</v>
      </c>
      <c r="GJ38" s="112">
        <v>16200</v>
      </c>
      <c r="GK38" s="111">
        <v>0</v>
      </c>
      <c r="GL38" s="114">
        <v>185166</v>
      </c>
      <c r="GM38" s="114">
        <v>10710</v>
      </c>
      <c r="GN38" s="114">
        <v>0</v>
      </c>
      <c r="GO38" s="114">
        <v>0</v>
      </c>
      <c r="GP38" s="114">
        <v>0</v>
      </c>
      <c r="GQ38" s="113">
        <v>195876</v>
      </c>
      <c r="GR38" s="116">
        <v>212076</v>
      </c>
      <c r="GS38" s="110">
        <v>0</v>
      </c>
      <c r="GT38" s="114">
        <v>12393</v>
      </c>
      <c r="GU38" s="113">
        <v>12393</v>
      </c>
      <c r="GV38" s="110">
        <v>0</v>
      </c>
      <c r="GW38" s="114">
        <v>0</v>
      </c>
      <c r="GX38" s="114">
        <v>0</v>
      </c>
      <c r="GY38" s="114">
        <v>27180</v>
      </c>
      <c r="GZ38" s="114">
        <v>0</v>
      </c>
      <c r="HA38" s="114">
        <v>0</v>
      </c>
      <c r="HB38" s="112">
        <v>27180</v>
      </c>
      <c r="HC38" s="116">
        <v>39573</v>
      </c>
      <c r="HD38" s="110">
        <v>237018</v>
      </c>
      <c r="HE38" s="114">
        <v>463109</v>
      </c>
      <c r="HF38" s="112">
        <v>700127</v>
      </c>
      <c r="HG38" s="111">
        <v>0</v>
      </c>
      <c r="HH38" s="114">
        <v>2260116</v>
      </c>
      <c r="HI38" s="114">
        <v>3023572</v>
      </c>
      <c r="HJ38" s="114">
        <v>1973663</v>
      </c>
      <c r="HK38" s="114">
        <v>2105959</v>
      </c>
      <c r="HL38" s="114">
        <v>528083</v>
      </c>
      <c r="HM38" s="113">
        <v>9891393</v>
      </c>
      <c r="HN38" s="109">
        <v>10591520</v>
      </c>
      <c r="HO38" s="115">
        <v>147758</v>
      </c>
      <c r="HP38" s="114">
        <v>228544</v>
      </c>
      <c r="HQ38" s="113">
        <v>376302</v>
      </c>
      <c r="HR38" s="110">
        <v>0</v>
      </c>
      <c r="HS38" s="114">
        <v>1362568</v>
      </c>
      <c r="HT38" s="114">
        <v>785700</v>
      </c>
      <c r="HU38" s="114">
        <v>552550</v>
      </c>
      <c r="HV38" s="114">
        <v>303775</v>
      </c>
      <c r="HW38" s="114">
        <v>238515</v>
      </c>
      <c r="HX38" s="112">
        <v>3243108</v>
      </c>
      <c r="HY38" s="116">
        <v>3619410</v>
      </c>
      <c r="HZ38" s="150">
        <v>0</v>
      </c>
      <c r="IA38" s="135">
        <v>490302</v>
      </c>
      <c r="IB38" s="150">
        <v>490302</v>
      </c>
      <c r="IC38" s="146">
        <v>0</v>
      </c>
      <c r="ID38" s="132">
        <v>2771618</v>
      </c>
      <c r="IE38" s="147">
        <v>2730779</v>
      </c>
      <c r="IF38" s="133">
        <v>4720048</v>
      </c>
      <c r="IG38" s="132">
        <v>1771862</v>
      </c>
      <c r="IH38" s="133">
        <v>1782590</v>
      </c>
      <c r="II38" s="148">
        <v>13776897</v>
      </c>
      <c r="IJ38" s="150">
        <v>14267199</v>
      </c>
      <c r="IK38" s="232">
        <v>0</v>
      </c>
      <c r="IL38" s="236">
        <v>0</v>
      </c>
      <c r="IM38" s="237">
        <v>0</v>
      </c>
      <c r="IN38" s="140"/>
      <c r="IO38" s="119">
        <v>0</v>
      </c>
      <c r="IP38" s="119">
        <v>0</v>
      </c>
      <c r="IQ38" s="119">
        <v>0</v>
      </c>
      <c r="IR38" s="119">
        <v>0</v>
      </c>
      <c r="IS38" s="119">
        <v>0</v>
      </c>
      <c r="IT38" s="141">
        <v>0</v>
      </c>
      <c r="IU38" s="320">
        <v>0</v>
      </c>
      <c r="IV38" s="142">
        <v>0</v>
      </c>
      <c r="IW38" s="119">
        <v>0</v>
      </c>
      <c r="IX38" s="120">
        <v>0</v>
      </c>
      <c r="IY38" s="144"/>
      <c r="IZ38" s="119">
        <v>0</v>
      </c>
      <c r="JA38" s="119">
        <v>0</v>
      </c>
      <c r="JB38" s="119">
        <v>0</v>
      </c>
      <c r="JC38" s="119">
        <v>0</v>
      </c>
      <c r="JD38" s="119">
        <v>0</v>
      </c>
      <c r="JE38" s="120">
        <v>0</v>
      </c>
      <c r="JF38" s="121">
        <v>0</v>
      </c>
      <c r="JG38" s="142">
        <v>0</v>
      </c>
      <c r="JH38" s="119">
        <v>0</v>
      </c>
      <c r="JI38" s="141">
        <v>0</v>
      </c>
      <c r="JJ38" s="118">
        <v>0</v>
      </c>
      <c r="JK38" s="119">
        <v>1498592</v>
      </c>
      <c r="JL38" s="119">
        <v>866641</v>
      </c>
      <c r="JM38" s="119">
        <v>582110</v>
      </c>
      <c r="JN38" s="119">
        <v>272893</v>
      </c>
      <c r="JO38" s="119">
        <v>0</v>
      </c>
      <c r="JP38" s="120">
        <v>3220236</v>
      </c>
      <c r="JQ38" s="320">
        <v>3220236</v>
      </c>
      <c r="JR38" s="142">
        <v>0</v>
      </c>
      <c r="JS38" s="119">
        <v>0</v>
      </c>
      <c r="JT38" s="141">
        <v>0</v>
      </c>
      <c r="JU38" s="118">
        <v>0</v>
      </c>
      <c r="JV38" s="119">
        <v>0</v>
      </c>
      <c r="JW38" s="119">
        <v>0</v>
      </c>
      <c r="JX38" s="119">
        <v>182979</v>
      </c>
      <c r="JY38" s="119">
        <v>0</v>
      </c>
      <c r="JZ38" s="119">
        <v>0</v>
      </c>
      <c r="KA38" s="120">
        <v>182979</v>
      </c>
      <c r="KB38" s="320">
        <v>182979</v>
      </c>
      <c r="KC38" s="234">
        <v>0</v>
      </c>
      <c r="KD38" s="230">
        <v>0</v>
      </c>
      <c r="KE38" s="120">
        <v>0</v>
      </c>
      <c r="KF38" s="118">
        <v>0</v>
      </c>
      <c r="KG38" s="119">
        <v>0</v>
      </c>
      <c r="KH38" s="119">
        <v>0</v>
      </c>
      <c r="KI38" s="119">
        <v>0</v>
      </c>
      <c r="KJ38" s="119">
        <v>0</v>
      </c>
      <c r="KK38" s="119">
        <v>0</v>
      </c>
      <c r="KL38" s="120">
        <v>0</v>
      </c>
      <c r="KM38" s="143">
        <v>0</v>
      </c>
      <c r="KN38" s="232">
        <v>0</v>
      </c>
      <c r="KO38" s="236">
        <v>490302</v>
      </c>
      <c r="KP38" s="237">
        <v>490302</v>
      </c>
      <c r="KQ38" s="140"/>
      <c r="KR38" s="119">
        <v>495448</v>
      </c>
      <c r="KS38" s="119">
        <v>756943</v>
      </c>
      <c r="KT38" s="119">
        <v>1917939</v>
      </c>
      <c r="KU38" s="119">
        <v>257589</v>
      </c>
      <c r="KV38" s="119">
        <v>289339</v>
      </c>
      <c r="KW38" s="120">
        <v>3717258</v>
      </c>
      <c r="KX38" s="320">
        <v>4207560</v>
      </c>
      <c r="KY38" s="142">
        <v>0</v>
      </c>
      <c r="KZ38" s="119">
        <v>0</v>
      </c>
      <c r="LA38" s="120">
        <v>0</v>
      </c>
      <c r="LB38" s="145"/>
      <c r="LC38" s="119">
        <v>0</v>
      </c>
      <c r="LD38" s="119">
        <v>0</v>
      </c>
      <c r="LE38" s="119">
        <v>0</v>
      </c>
      <c r="LF38" s="119">
        <v>0</v>
      </c>
      <c r="LG38" s="119">
        <v>0</v>
      </c>
      <c r="LH38" s="120">
        <v>0</v>
      </c>
      <c r="LI38" s="121">
        <v>0</v>
      </c>
      <c r="LJ38" s="142">
        <v>0</v>
      </c>
      <c r="LK38" s="119">
        <v>0</v>
      </c>
      <c r="LL38" s="120">
        <v>0</v>
      </c>
      <c r="LM38" s="145"/>
      <c r="LN38" s="119">
        <v>0</v>
      </c>
      <c r="LO38" s="119">
        <v>0</v>
      </c>
      <c r="LP38" s="119">
        <v>0</v>
      </c>
      <c r="LQ38" s="119">
        <v>0</v>
      </c>
      <c r="LR38" s="119">
        <v>0</v>
      </c>
      <c r="LS38" s="120">
        <v>0</v>
      </c>
      <c r="LT38" s="320">
        <v>0</v>
      </c>
      <c r="LU38" s="142">
        <v>0</v>
      </c>
      <c r="LV38" s="119">
        <v>0</v>
      </c>
      <c r="LW38" s="120">
        <v>0</v>
      </c>
      <c r="LX38" s="145"/>
      <c r="LY38" s="119">
        <v>777578</v>
      </c>
      <c r="LZ38" s="119">
        <v>1107195</v>
      </c>
      <c r="MA38" s="119">
        <v>2037020</v>
      </c>
      <c r="MB38" s="119">
        <v>1241380</v>
      </c>
      <c r="MC38" s="119">
        <v>1493251</v>
      </c>
      <c r="MD38" s="120">
        <v>6656424</v>
      </c>
      <c r="ME38" s="121">
        <v>6656424</v>
      </c>
      <c r="MF38" s="142">
        <v>0</v>
      </c>
      <c r="MG38" s="119">
        <v>0</v>
      </c>
      <c r="MH38" s="120">
        <v>0</v>
      </c>
      <c r="MI38" s="145"/>
      <c r="MJ38" s="119">
        <v>3284845</v>
      </c>
      <c r="MK38" s="119">
        <v>5240908</v>
      </c>
      <c r="ML38" s="119">
        <v>10200642</v>
      </c>
      <c r="MM38" s="119">
        <v>16926468</v>
      </c>
      <c r="MN38" s="119">
        <v>10233023</v>
      </c>
      <c r="MO38" s="120">
        <v>45885886</v>
      </c>
      <c r="MP38" s="143">
        <v>45885886</v>
      </c>
      <c r="MQ38" s="142">
        <v>0</v>
      </c>
      <c r="MR38" s="119">
        <v>0</v>
      </c>
      <c r="MS38" s="120">
        <v>0</v>
      </c>
      <c r="MT38" s="145"/>
      <c r="MU38" s="119">
        <v>0</v>
      </c>
      <c r="MV38" s="119">
        <v>1119791</v>
      </c>
      <c r="MW38" s="119">
        <v>6102304</v>
      </c>
      <c r="MX38" s="119">
        <v>9262121</v>
      </c>
      <c r="MY38" s="119">
        <v>6263889</v>
      </c>
      <c r="MZ38" s="120">
        <v>22748105</v>
      </c>
      <c r="NA38" s="143">
        <v>22748105</v>
      </c>
      <c r="NB38" s="142">
        <v>0</v>
      </c>
      <c r="NC38" s="119">
        <v>0</v>
      </c>
      <c r="ND38" s="120">
        <v>0</v>
      </c>
      <c r="NE38" s="145"/>
      <c r="NF38" s="119">
        <v>2499663</v>
      </c>
      <c r="NG38" s="119">
        <v>2181757</v>
      </c>
      <c r="NH38" s="119">
        <v>2672776</v>
      </c>
      <c r="NI38" s="119">
        <v>5090285</v>
      </c>
      <c r="NJ38" s="119">
        <v>1363180</v>
      </c>
      <c r="NK38" s="120">
        <v>13807661</v>
      </c>
      <c r="NL38" s="320">
        <v>13807661</v>
      </c>
      <c r="NM38" s="142">
        <v>0</v>
      </c>
      <c r="NN38" s="119">
        <v>0</v>
      </c>
      <c r="NO38" s="120">
        <v>0</v>
      </c>
      <c r="NP38" s="145"/>
      <c r="NQ38" s="119">
        <v>0</v>
      </c>
      <c r="NR38" s="119">
        <v>0</v>
      </c>
      <c r="NS38" s="119">
        <v>0</v>
      </c>
      <c r="NT38" s="119">
        <v>0</v>
      </c>
      <c r="NU38" s="119">
        <v>0</v>
      </c>
      <c r="NV38" s="120">
        <v>0</v>
      </c>
      <c r="NW38" s="121">
        <v>0</v>
      </c>
      <c r="NX38" s="142">
        <v>0</v>
      </c>
      <c r="NY38" s="119">
        <v>0</v>
      </c>
      <c r="NZ38" s="120">
        <v>0</v>
      </c>
      <c r="OA38" s="145"/>
      <c r="OB38" s="119">
        <v>785182</v>
      </c>
      <c r="OC38" s="119">
        <v>1939360</v>
      </c>
      <c r="OD38" s="119">
        <v>1425562</v>
      </c>
      <c r="OE38" s="119">
        <v>2574062</v>
      </c>
      <c r="OF38" s="119">
        <v>2605954</v>
      </c>
      <c r="OG38" s="120">
        <v>9330120</v>
      </c>
      <c r="OH38" s="121">
        <v>9330120</v>
      </c>
      <c r="OI38" s="142">
        <v>1161078</v>
      </c>
      <c r="OJ38" s="119">
        <v>2800698</v>
      </c>
      <c r="OK38" s="141">
        <v>3961776</v>
      </c>
      <c r="OL38" s="118">
        <v>0</v>
      </c>
      <c r="OM38" s="119">
        <v>15203331</v>
      </c>
      <c r="ON38" s="119">
        <v>16323301</v>
      </c>
      <c r="OO38" s="119">
        <v>21061106</v>
      </c>
      <c r="OP38" s="119">
        <v>24870464</v>
      </c>
      <c r="OQ38" s="119">
        <v>16224402</v>
      </c>
      <c r="OR38" s="120">
        <v>93682604</v>
      </c>
      <c r="OS38" s="143">
        <v>97644380</v>
      </c>
    </row>
    <row r="39" spans="2:409" ht="21" customHeight="1" x14ac:dyDescent="0.2">
      <c r="B39" s="62" t="s">
        <v>34</v>
      </c>
      <c r="C39" s="110">
        <v>703143</v>
      </c>
      <c r="D39" s="114">
        <v>636051</v>
      </c>
      <c r="E39" s="174">
        <v>1339194</v>
      </c>
      <c r="F39" s="175">
        <v>0</v>
      </c>
      <c r="G39" s="176">
        <v>7125156</v>
      </c>
      <c r="H39" s="176">
        <v>5947860</v>
      </c>
      <c r="I39" s="176">
        <v>5249328</v>
      </c>
      <c r="J39" s="176">
        <v>5493265</v>
      </c>
      <c r="K39" s="176">
        <v>3269446</v>
      </c>
      <c r="L39" s="177">
        <v>27085055</v>
      </c>
      <c r="M39" s="116">
        <v>28424249</v>
      </c>
      <c r="N39" s="110">
        <v>61308</v>
      </c>
      <c r="O39" s="114">
        <v>192519</v>
      </c>
      <c r="P39" s="113">
        <v>253827</v>
      </c>
      <c r="Q39" s="110">
        <v>0</v>
      </c>
      <c r="R39" s="114">
        <v>1241623</v>
      </c>
      <c r="S39" s="114">
        <v>1483034</v>
      </c>
      <c r="T39" s="114">
        <v>1333015</v>
      </c>
      <c r="U39" s="114">
        <v>1689467</v>
      </c>
      <c r="V39" s="114">
        <v>1509661</v>
      </c>
      <c r="W39" s="113">
        <v>7256800</v>
      </c>
      <c r="X39" s="116">
        <v>7510627</v>
      </c>
      <c r="Y39" s="110">
        <v>0</v>
      </c>
      <c r="Z39" s="114">
        <v>0</v>
      </c>
      <c r="AA39" s="113">
        <v>0</v>
      </c>
      <c r="AB39" s="110">
        <v>0</v>
      </c>
      <c r="AC39" s="114">
        <v>352898</v>
      </c>
      <c r="AD39" s="114">
        <v>701553</v>
      </c>
      <c r="AE39" s="114">
        <v>815711</v>
      </c>
      <c r="AF39" s="114">
        <v>863942</v>
      </c>
      <c r="AG39" s="114">
        <v>608470</v>
      </c>
      <c r="AH39" s="113">
        <v>3342574</v>
      </c>
      <c r="AI39" s="116">
        <v>3342574</v>
      </c>
      <c r="AJ39" s="110">
        <v>0</v>
      </c>
      <c r="AK39" s="114">
        <v>0</v>
      </c>
      <c r="AL39" s="113">
        <v>0</v>
      </c>
      <c r="AM39" s="110">
        <v>0</v>
      </c>
      <c r="AN39" s="114">
        <v>0</v>
      </c>
      <c r="AO39" s="114">
        <v>30618</v>
      </c>
      <c r="AP39" s="114">
        <v>0</v>
      </c>
      <c r="AQ39" s="114">
        <v>114183</v>
      </c>
      <c r="AR39" s="114">
        <v>436905</v>
      </c>
      <c r="AS39" s="113">
        <v>581706</v>
      </c>
      <c r="AT39" s="116">
        <v>581706</v>
      </c>
      <c r="AU39" s="110">
        <v>8100</v>
      </c>
      <c r="AV39" s="114">
        <v>149886</v>
      </c>
      <c r="AW39" s="113">
        <v>157986</v>
      </c>
      <c r="AX39" s="110">
        <v>0</v>
      </c>
      <c r="AY39" s="114">
        <v>347112</v>
      </c>
      <c r="AZ39" s="114">
        <v>358503</v>
      </c>
      <c r="BA39" s="114">
        <v>229887</v>
      </c>
      <c r="BB39" s="114">
        <v>407565</v>
      </c>
      <c r="BC39" s="114">
        <v>153648</v>
      </c>
      <c r="BD39" s="113">
        <v>1496715</v>
      </c>
      <c r="BE39" s="116">
        <v>1654701</v>
      </c>
      <c r="BF39" s="110">
        <v>0</v>
      </c>
      <c r="BG39" s="114">
        <v>0</v>
      </c>
      <c r="BH39" s="112">
        <v>0</v>
      </c>
      <c r="BI39" s="111">
        <v>0</v>
      </c>
      <c r="BJ39" s="114">
        <v>164439</v>
      </c>
      <c r="BK39" s="114">
        <v>117485</v>
      </c>
      <c r="BL39" s="114">
        <v>108696</v>
      </c>
      <c r="BM39" s="114">
        <v>33480</v>
      </c>
      <c r="BN39" s="114">
        <v>59112</v>
      </c>
      <c r="BO39" s="113">
        <v>483212</v>
      </c>
      <c r="BP39" s="116">
        <v>483212</v>
      </c>
      <c r="BQ39" s="110">
        <v>53208</v>
      </c>
      <c r="BR39" s="114">
        <v>42633</v>
      </c>
      <c r="BS39" s="113">
        <v>95841</v>
      </c>
      <c r="BT39" s="110">
        <v>0</v>
      </c>
      <c r="BU39" s="114">
        <v>377174</v>
      </c>
      <c r="BV39" s="114">
        <v>274875</v>
      </c>
      <c r="BW39" s="114">
        <v>178721</v>
      </c>
      <c r="BX39" s="114">
        <v>270297</v>
      </c>
      <c r="BY39" s="114">
        <v>251526</v>
      </c>
      <c r="BZ39" s="113">
        <v>1352593</v>
      </c>
      <c r="CA39" s="116">
        <v>1448434</v>
      </c>
      <c r="CB39" s="110">
        <v>73269</v>
      </c>
      <c r="CC39" s="114">
        <v>131805</v>
      </c>
      <c r="CD39" s="113">
        <v>205074</v>
      </c>
      <c r="CE39" s="110">
        <v>0</v>
      </c>
      <c r="CF39" s="114">
        <v>2370540</v>
      </c>
      <c r="CG39" s="114">
        <v>1764247</v>
      </c>
      <c r="CH39" s="114">
        <v>2223190</v>
      </c>
      <c r="CI39" s="114">
        <v>1657854</v>
      </c>
      <c r="CJ39" s="114">
        <v>85883</v>
      </c>
      <c r="CK39" s="113">
        <v>8101714</v>
      </c>
      <c r="CL39" s="116">
        <v>8306788</v>
      </c>
      <c r="CM39" s="110">
        <v>0</v>
      </c>
      <c r="CN39" s="114">
        <v>0</v>
      </c>
      <c r="CO39" s="113">
        <v>0</v>
      </c>
      <c r="CP39" s="111">
        <v>0</v>
      </c>
      <c r="CQ39" s="114">
        <v>1866015</v>
      </c>
      <c r="CR39" s="114">
        <v>1650307</v>
      </c>
      <c r="CS39" s="114">
        <v>1944806</v>
      </c>
      <c r="CT39" s="114">
        <v>1164546</v>
      </c>
      <c r="CU39" s="114">
        <v>85883</v>
      </c>
      <c r="CV39" s="113">
        <v>6711557</v>
      </c>
      <c r="CW39" s="116">
        <v>6711557</v>
      </c>
      <c r="CX39" s="110">
        <v>73269</v>
      </c>
      <c r="CY39" s="114">
        <v>131805</v>
      </c>
      <c r="CZ39" s="113">
        <v>205074</v>
      </c>
      <c r="DA39" s="110">
        <v>0</v>
      </c>
      <c r="DB39" s="114">
        <v>504525</v>
      </c>
      <c r="DC39" s="114">
        <v>113940</v>
      </c>
      <c r="DD39" s="114">
        <v>278384</v>
      </c>
      <c r="DE39" s="114">
        <v>493308</v>
      </c>
      <c r="DF39" s="114">
        <v>0</v>
      </c>
      <c r="DG39" s="113">
        <v>1390157</v>
      </c>
      <c r="DH39" s="116">
        <v>1595231</v>
      </c>
      <c r="DI39" s="110">
        <v>0</v>
      </c>
      <c r="DJ39" s="114">
        <v>0</v>
      </c>
      <c r="DK39" s="112">
        <v>0</v>
      </c>
      <c r="DL39" s="111">
        <v>0</v>
      </c>
      <c r="DM39" s="114">
        <v>134685</v>
      </c>
      <c r="DN39" s="114">
        <v>76797</v>
      </c>
      <c r="DO39" s="114">
        <v>43740</v>
      </c>
      <c r="DP39" s="114">
        <v>235584</v>
      </c>
      <c r="DQ39" s="114">
        <v>469530</v>
      </c>
      <c r="DR39" s="113">
        <v>960336</v>
      </c>
      <c r="DS39" s="116">
        <v>960336</v>
      </c>
      <c r="DT39" s="110">
        <v>0</v>
      </c>
      <c r="DU39" s="114">
        <v>0</v>
      </c>
      <c r="DV39" s="113">
        <v>0</v>
      </c>
      <c r="DW39" s="110">
        <v>0</v>
      </c>
      <c r="DX39" s="114">
        <v>97668</v>
      </c>
      <c r="DY39" s="114">
        <v>20187</v>
      </c>
      <c r="DZ39" s="114">
        <v>43740</v>
      </c>
      <c r="EA39" s="114">
        <v>125955</v>
      </c>
      <c r="EB39" s="114">
        <v>469530</v>
      </c>
      <c r="EC39" s="113">
        <v>757080</v>
      </c>
      <c r="ED39" s="116">
        <v>757080</v>
      </c>
      <c r="EE39" s="110">
        <v>0</v>
      </c>
      <c r="EF39" s="112">
        <v>0</v>
      </c>
      <c r="EG39" s="113">
        <v>0</v>
      </c>
      <c r="EH39" s="110">
        <v>0</v>
      </c>
      <c r="EI39" s="114">
        <v>37017</v>
      </c>
      <c r="EJ39" s="114">
        <v>56610</v>
      </c>
      <c r="EK39" s="114">
        <v>0</v>
      </c>
      <c r="EL39" s="114">
        <v>109629</v>
      </c>
      <c r="EM39" s="114">
        <v>0</v>
      </c>
      <c r="EN39" s="112">
        <v>203256</v>
      </c>
      <c r="EO39" s="116">
        <v>203256</v>
      </c>
      <c r="EP39" s="110">
        <v>0</v>
      </c>
      <c r="EQ39" s="114">
        <v>0</v>
      </c>
      <c r="ER39" s="112">
        <v>0</v>
      </c>
      <c r="ES39" s="111">
        <v>0</v>
      </c>
      <c r="ET39" s="114">
        <v>0</v>
      </c>
      <c r="EU39" s="114">
        <v>0</v>
      </c>
      <c r="EV39" s="114">
        <v>0</v>
      </c>
      <c r="EW39" s="114">
        <v>0</v>
      </c>
      <c r="EX39" s="114">
        <v>0</v>
      </c>
      <c r="EY39" s="113">
        <v>0</v>
      </c>
      <c r="EZ39" s="116">
        <v>0</v>
      </c>
      <c r="FA39" s="110">
        <v>0</v>
      </c>
      <c r="FB39" s="114">
        <v>0</v>
      </c>
      <c r="FC39" s="112">
        <v>0</v>
      </c>
      <c r="FD39" s="347"/>
      <c r="FE39" s="114">
        <v>0</v>
      </c>
      <c r="FF39" s="114">
        <v>0</v>
      </c>
      <c r="FG39" s="114">
        <v>0</v>
      </c>
      <c r="FH39" s="114">
        <v>0</v>
      </c>
      <c r="FI39" s="114">
        <v>0</v>
      </c>
      <c r="FJ39" s="113">
        <v>0</v>
      </c>
      <c r="FK39" s="116">
        <v>0</v>
      </c>
      <c r="FL39" s="110">
        <v>324216</v>
      </c>
      <c r="FM39" s="114">
        <v>102852</v>
      </c>
      <c r="FN39" s="113">
        <v>427068</v>
      </c>
      <c r="FO39" s="110">
        <v>0</v>
      </c>
      <c r="FP39" s="114">
        <v>408624</v>
      </c>
      <c r="FQ39" s="114">
        <v>570379</v>
      </c>
      <c r="FR39" s="114">
        <v>418532</v>
      </c>
      <c r="FS39" s="114">
        <v>354792</v>
      </c>
      <c r="FT39" s="114">
        <v>283028</v>
      </c>
      <c r="FU39" s="113">
        <v>2035355</v>
      </c>
      <c r="FV39" s="116">
        <v>2462423</v>
      </c>
      <c r="FW39" s="115">
        <v>82260</v>
      </c>
      <c r="FX39" s="114">
        <v>102852</v>
      </c>
      <c r="FY39" s="112">
        <v>185112</v>
      </c>
      <c r="FZ39" s="111">
        <v>0</v>
      </c>
      <c r="GA39" s="114">
        <v>389517</v>
      </c>
      <c r="GB39" s="114">
        <v>570379</v>
      </c>
      <c r="GC39" s="114">
        <v>418532</v>
      </c>
      <c r="GD39" s="114">
        <v>354792</v>
      </c>
      <c r="GE39" s="114">
        <v>283028</v>
      </c>
      <c r="GF39" s="113">
        <v>2016248</v>
      </c>
      <c r="GG39" s="318">
        <v>2201360</v>
      </c>
      <c r="GH39" s="115">
        <v>0</v>
      </c>
      <c r="GI39" s="114">
        <v>0</v>
      </c>
      <c r="GJ39" s="112">
        <v>0</v>
      </c>
      <c r="GK39" s="111">
        <v>0</v>
      </c>
      <c r="GL39" s="114">
        <v>0</v>
      </c>
      <c r="GM39" s="114">
        <v>0</v>
      </c>
      <c r="GN39" s="114">
        <v>0</v>
      </c>
      <c r="GO39" s="114">
        <v>0</v>
      </c>
      <c r="GP39" s="114">
        <v>0</v>
      </c>
      <c r="GQ39" s="113">
        <v>0</v>
      </c>
      <c r="GR39" s="116">
        <v>0</v>
      </c>
      <c r="GS39" s="110">
        <v>241956</v>
      </c>
      <c r="GT39" s="114">
        <v>0</v>
      </c>
      <c r="GU39" s="113">
        <v>241956</v>
      </c>
      <c r="GV39" s="110">
        <v>0</v>
      </c>
      <c r="GW39" s="114">
        <v>19107</v>
      </c>
      <c r="GX39" s="114">
        <v>0</v>
      </c>
      <c r="GY39" s="114">
        <v>0</v>
      </c>
      <c r="GZ39" s="114">
        <v>0</v>
      </c>
      <c r="HA39" s="114">
        <v>0</v>
      </c>
      <c r="HB39" s="112">
        <v>19107</v>
      </c>
      <c r="HC39" s="116">
        <v>261063</v>
      </c>
      <c r="HD39" s="110">
        <v>178650</v>
      </c>
      <c r="HE39" s="114">
        <v>108135</v>
      </c>
      <c r="HF39" s="112">
        <v>286785</v>
      </c>
      <c r="HG39" s="111">
        <v>0</v>
      </c>
      <c r="HH39" s="114">
        <v>1931068</v>
      </c>
      <c r="HI39" s="114">
        <v>1334294</v>
      </c>
      <c r="HJ39" s="114">
        <v>761395</v>
      </c>
      <c r="HK39" s="114">
        <v>1174008</v>
      </c>
      <c r="HL39" s="114">
        <v>753577</v>
      </c>
      <c r="HM39" s="113">
        <v>5954342</v>
      </c>
      <c r="HN39" s="109">
        <v>6241127</v>
      </c>
      <c r="HO39" s="115">
        <v>65700</v>
      </c>
      <c r="HP39" s="114">
        <v>100740</v>
      </c>
      <c r="HQ39" s="113">
        <v>166440</v>
      </c>
      <c r="HR39" s="110">
        <v>0</v>
      </c>
      <c r="HS39" s="114">
        <v>1038616</v>
      </c>
      <c r="HT39" s="114">
        <v>719109</v>
      </c>
      <c r="HU39" s="114">
        <v>469456</v>
      </c>
      <c r="HV39" s="114">
        <v>381560</v>
      </c>
      <c r="HW39" s="114">
        <v>167767</v>
      </c>
      <c r="HX39" s="112">
        <v>2776508</v>
      </c>
      <c r="HY39" s="116">
        <v>2942948</v>
      </c>
      <c r="HZ39" s="131">
        <v>45171</v>
      </c>
      <c r="IA39" s="132">
        <v>242703</v>
      </c>
      <c r="IB39" s="133">
        <v>287874</v>
      </c>
      <c r="IC39" s="146">
        <v>0</v>
      </c>
      <c r="ID39" s="132">
        <v>3399660</v>
      </c>
      <c r="IE39" s="147">
        <v>4266628</v>
      </c>
      <c r="IF39" s="133">
        <v>2491308</v>
      </c>
      <c r="IG39" s="132">
        <v>1761606</v>
      </c>
      <c r="IH39" s="133">
        <v>2859273</v>
      </c>
      <c r="II39" s="148">
        <v>14778475</v>
      </c>
      <c r="IJ39" s="139">
        <v>15066349</v>
      </c>
      <c r="IK39" s="232">
        <v>0</v>
      </c>
      <c r="IL39" s="236">
        <v>0</v>
      </c>
      <c r="IM39" s="237">
        <v>0</v>
      </c>
      <c r="IN39" s="140"/>
      <c r="IO39" s="119">
        <v>0</v>
      </c>
      <c r="IP39" s="119">
        <v>0</v>
      </c>
      <c r="IQ39" s="119">
        <v>0</v>
      </c>
      <c r="IR39" s="119">
        <v>0</v>
      </c>
      <c r="IS39" s="119">
        <v>0</v>
      </c>
      <c r="IT39" s="141">
        <v>0</v>
      </c>
      <c r="IU39" s="320">
        <v>0</v>
      </c>
      <c r="IV39" s="142">
        <v>0</v>
      </c>
      <c r="IW39" s="119">
        <v>0</v>
      </c>
      <c r="IX39" s="120">
        <v>0</v>
      </c>
      <c r="IY39" s="144"/>
      <c r="IZ39" s="119">
        <v>0</v>
      </c>
      <c r="JA39" s="119">
        <v>0</v>
      </c>
      <c r="JB39" s="119">
        <v>0</v>
      </c>
      <c r="JC39" s="119">
        <v>0</v>
      </c>
      <c r="JD39" s="119">
        <v>0</v>
      </c>
      <c r="JE39" s="120">
        <v>0</v>
      </c>
      <c r="JF39" s="121">
        <v>0</v>
      </c>
      <c r="JG39" s="142">
        <v>0</v>
      </c>
      <c r="JH39" s="119">
        <v>0</v>
      </c>
      <c r="JI39" s="141">
        <v>0</v>
      </c>
      <c r="JJ39" s="118">
        <v>0</v>
      </c>
      <c r="JK39" s="119">
        <v>946893</v>
      </c>
      <c r="JL39" s="119">
        <v>385011</v>
      </c>
      <c r="JM39" s="119">
        <v>300879</v>
      </c>
      <c r="JN39" s="119">
        <v>128493</v>
      </c>
      <c r="JO39" s="119">
        <v>37233</v>
      </c>
      <c r="JP39" s="120">
        <v>1798509</v>
      </c>
      <c r="JQ39" s="320">
        <v>1798509</v>
      </c>
      <c r="JR39" s="142">
        <v>0</v>
      </c>
      <c r="JS39" s="119">
        <v>0</v>
      </c>
      <c r="JT39" s="141">
        <v>0</v>
      </c>
      <c r="JU39" s="118">
        <v>0</v>
      </c>
      <c r="JV39" s="119">
        <v>0</v>
      </c>
      <c r="JW39" s="119">
        <v>0</v>
      </c>
      <c r="JX39" s="119">
        <v>0</v>
      </c>
      <c r="JY39" s="119">
        <v>0</v>
      </c>
      <c r="JZ39" s="119">
        <v>77839</v>
      </c>
      <c r="KA39" s="120">
        <v>77839</v>
      </c>
      <c r="KB39" s="320">
        <v>77839</v>
      </c>
      <c r="KC39" s="234">
        <v>45171</v>
      </c>
      <c r="KD39" s="230">
        <v>242703</v>
      </c>
      <c r="KE39" s="120">
        <v>287874</v>
      </c>
      <c r="KF39" s="118">
        <v>0</v>
      </c>
      <c r="KG39" s="119">
        <v>710421</v>
      </c>
      <c r="KH39" s="119">
        <v>1078344</v>
      </c>
      <c r="KI39" s="119">
        <v>1504827</v>
      </c>
      <c r="KJ39" s="119">
        <v>0</v>
      </c>
      <c r="KK39" s="119">
        <v>304533</v>
      </c>
      <c r="KL39" s="120">
        <v>3598125</v>
      </c>
      <c r="KM39" s="143">
        <v>3885999</v>
      </c>
      <c r="KN39" s="232">
        <v>0</v>
      </c>
      <c r="KO39" s="236">
        <v>0</v>
      </c>
      <c r="KP39" s="237">
        <v>0</v>
      </c>
      <c r="KQ39" s="140"/>
      <c r="KR39" s="119">
        <v>514530</v>
      </c>
      <c r="KS39" s="119">
        <v>797049</v>
      </c>
      <c r="KT39" s="119">
        <v>276309</v>
      </c>
      <c r="KU39" s="119">
        <v>562986</v>
      </c>
      <c r="KV39" s="119">
        <v>860922</v>
      </c>
      <c r="KW39" s="120">
        <v>3011796</v>
      </c>
      <c r="KX39" s="320">
        <v>3011796</v>
      </c>
      <c r="KY39" s="142">
        <v>0</v>
      </c>
      <c r="KZ39" s="119">
        <v>0</v>
      </c>
      <c r="LA39" s="120">
        <v>0</v>
      </c>
      <c r="LB39" s="145"/>
      <c r="LC39" s="119">
        <v>0</v>
      </c>
      <c r="LD39" s="119">
        <v>0</v>
      </c>
      <c r="LE39" s="119">
        <v>0</v>
      </c>
      <c r="LF39" s="119">
        <v>0</v>
      </c>
      <c r="LG39" s="119">
        <v>0</v>
      </c>
      <c r="LH39" s="120">
        <v>0</v>
      </c>
      <c r="LI39" s="121">
        <v>0</v>
      </c>
      <c r="LJ39" s="142">
        <v>0</v>
      </c>
      <c r="LK39" s="119">
        <v>0</v>
      </c>
      <c r="LL39" s="120">
        <v>0</v>
      </c>
      <c r="LM39" s="145"/>
      <c r="LN39" s="119">
        <v>0</v>
      </c>
      <c r="LO39" s="119">
        <v>0</v>
      </c>
      <c r="LP39" s="119">
        <v>0</v>
      </c>
      <c r="LQ39" s="119">
        <v>0</v>
      </c>
      <c r="LR39" s="119">
        <v>0</v>
      </c>
      <c r="LS39" s="120">
        <v>0</v>
      </c>
      <c r="LT39" s="320">
        <v>0</v>
      </c>
      <c r="LU39" s="142">
        <v>0</v>
      </c>
      <c r="LV39" s="119">
        <v>0</v>
      </c>
      <c r="LW39" s="120">
        <v>0</v>
      </c>
      <c r="LX39" s="145"/>
      <c r="LY39" s="119">
        <v>1227816</v>
      </c>
      <c r="LZ39" s="119">
        <v>2006224</v>
      </c>
      <c r="MA39" s="119">
        <v>409293</v>
      </c>
      <c r="MB39" s="119">
        <v>1070127</v>
      </c>
      <c r="MC39" s="119">
        <v>1578746</v>
      </c>
      <c r="MD39" s="120">
        <v>6292206</v>
      </c>
      <c r="ME39" s="121">
        <v>6292206</v>
      </c>
      <c r="MF39" s="142">
        <v>0</v>
      </c>
      <c r="MG39" s="119">
        <v>0</v>
      </c>
      <c r="MH39" s="120">
        <v>0</v>
      </c>
      <c r="MI39" s="145"/>
      <c r="MJ39" s="119">
        <v>630696</v>
      </c>
      <c r="MK39" s="119">
        <v>2943437</v>
      </c>
      <c r="ML39" s="119">
        <v>4597978</v>
      </c>
      <c r="MM39" s="119">
        <v>12710947</v>
      </c>
      <c r="MN39" s="119">
        <v>5503913</v>
      </c>
      <c r="MO39" s="120">
        <v>26386971</v>
      </c>
      <c r="MP39" s="143">
        <v>26386971</v>
      </c>
      <c r="MQ39" s="142">
        <v>0</v>
      </c>
      <c r="MR39" s="119">
        <v>0</v>
      </c>
      <c r="MS39" s="120">
        <v>0</v>
      </c>
      <c r="MT39" s="145"/>
      <c r="MU39" s="119">
        <v>0</v>
      </c>
      <c r="MV39" s="119">
        <v>0</v>
      </c>
      <c r="MW39" s="119">
        <v>1855782</v>
      </c>
      <c r="MX39" s="119">
        <v>6600912</v>
      </c>
      <c r="MY39" s="119">
        <v>3482879</v>
      </c>
      <c r="MZ39" s="120">
        <v>11939573</v>
      </c>
      <c r="NA39" s="143">
        <v>11939573</v>
      </c>
      <c r="NB39" s="142">
        <v>0</v>
      </c>
      <c r="NC39" s="119">
        <v>0</v>
      </c>
      <c r="ND39" s="120">
        <v>0</v>
      </c>
      <c r="NE39" s="145"/>
      <c r="NF39" s="119">
        <v>630696</v>
      </c>
      <c r="NG39" s="119">
        <v>2686811</v>
      </c>
      <c r="NH39" s="119">
        <v>2742196</v>
      </c>
      <c r="NI39" s="119">
        <v>4350753</v>
      </c>
      <c r="NJ39" s="119">
        <v>2021034</v>
      </c>
      <c r="NK39" s="120">
        <v>12431490</v>
      </c>
      <c r="NL39" s="320">
        <v>12431490</v>
      </c>
      <c r="NM39" s="142">
        <v>0</v>
      </c>
      <c r="NN39" s="119">
        <v>0</v>
      </c>
      <c r="NO39" s="120">
        <v>0</v>
      </c>
      <c r="NP39" s="145"/>
      <c r="NQ39" s="119">
        <v>0</v>
      </c>
      <c r="NR39" s="119">
        <v>0</v>
      </c>
      <c r="NS39" s="119">
        <v>0</v>
      </c>
      <c r="NT39" s="119">
        <v>0</v>
      </c>
      <c r="NU39" s="119">
        <v>0</v>
      </c>
      <c r="NV39" s="120">
        <v>0</v>
      </c>
      <c r="NW39" s="121">
        <v>0</v>
      </c>
      <c r="NX39" s="142">
        <v>0</v>
      </c>
      <c r="NY39" s="119">
        <v>0</v>
      </c>
      <c r="NZ39" s="120">
        <v>0</v>
      </c>
      <c r="OA39" s="145"/>
      <c r="OB39" s="119">
        <v>0</v>
      </c>
      <c r="OC39" s="119">
        <v>256626</v>
      </c>
      <c r="OD39" s="119">
        <v>0</v>
      </c>
      <c r="OE39" s="119">
        <v>1759282</v>
      </c>
      <c r="OF39" s="119">
        <v>0</v>
      </c>
      <c r="OG39" s="120">
        <v>2015908</v>
      </c>
      <c r="OH39" s="121">
        <v>2015908</v>
      </c>
      <c r="OI39" s="142">
        <v>748314</v>
      </c>
      <c r="OJ39" s="119">
        <v>878754</v>
      </c>
      <c r="OK39" s="141">
        <v>1627068</v>
      </c>
      <c r="OL39" s="118">
        <v>0</v>
      </c>
      <c r="OM39" s="119">
        <v>11155512</v>
      </c>
      <c r="ON39" s="119">
        <v>13157925</v>
      </c>
      <c r="OO39" s="119">
        <v>12338614</v>
      </c>
      <c r="OP39" s="119">
        <v>19965818</v>
      </c>
      <c r="OQ39" s="119">
        <v>11632632</v>
      </c>
      <c r="OR39" s="120">
        <v>68250501</v>
      </c>
      <c r="OS39" s="143">
        <v>69877569</v>
      </c>
    </row>
    <row r="40" spans="2:409" ht="21" customHeight="1" x14ac:dyDescent="0.2">
      <c r="B40" s="62" t="s">
        <v>35</v>
      </c>
      <c r="C40" s="110">
        <v>2448012</v>
      </c>
      <c r="D40" s="114">
        <v>4357557</v>
      </c>
      <c r="E40" s="113">
        <v>6805569</v>
      </c>
      <c r="F40" s="109">
        <v>0</v>
      </c>
      <c r="G40" s="114">
        <v>31056896</v>
      </c>
      <c r="H40" s="114">
        <v>25585511</v>
      </c>
      <c r="I40" s="114">
        <v>19399222</v>
      </c>
      <c r="J40" s="114">
        <v>22355292</v>
      </c>
      <c r="K40" s="114">
        <v>12491856</v>
      </c>
      <c r="L40" s="173">
        <v>110888777</v>
      </c>
      <c r="M40" s="116">
        <v>117694346</v>
      </c>
      <c r="N40" s="110">
        <v>312789</v>
      </c>
      <c r="O40" s="114">
        <v>706587</v>
      </c>
      <c r="P40" s="113">
        <v>1019376</v>
      </c>
      <c r="Q40" s="110">
        <v>0</v>
      </c>
      <c r="R40" s="114">
        <v>7330291</v>
      </c>
      <c r="S40" s="114">
        <v>5855207</v>
      </c>
      <c r="T40" s="114">
        <v>5946778</v>
      </c>
      <c r="U40" s="114">
        <v>6799674</v>
      </c>
      <c r="V40" s="114">
        <v>6494229</v>
      </c>
      <c r="W40" s="113">
        <v>32426179</v>
      </c>
      <c r="X40" s="116">
        <v>33445555</v>
      </c>
      <c r="Y40" s="110">
        <v>0</v>
      </c>
      <c r="Z40" s="114">
        <v>0</v>
      </c>
      <c r="AA40" s="113">
        <v>0</v>
      </c>
      <c r="AB40" s="110">
        <v>0</v>
      </c>
      <c r="AC40" s="114">
        <v>3793570</v>
      </c>
      <c r="AD40" s="114">
        <v>2839565</v>
      </c>
      <c r="AE40" s="114">
        <v>3488946</v>
      </c>
      <c r="AF40" s="114">
        <v>3172343</v>
      </c>
      <c r="AG40" s="114">
        <v>3842650</v>
      </c>
      <c r="AH40" s="113">
        <v>17137074</v>
      </c>
      <c r="AI40" s="116">
        <v>17137074</v>
      </c>
      <c r="AJ40" s="110">
        <v>0</v>
      </c>
      <c r="AK40" s="114">
        <v>0</v>
      </c>
      <c r="AL40" s="113">
        <v>0</v>
      </c>
      <c r="AM40" s="110">
        <v>0</v>
      </c>
      <c r="AN40" s="114">
        <v>0</v>
      </c>
      <c r="AO40" s="114">
        <v>390753</v>
      </c>
      <c r="AP40" s="114">
        <v>177858</v>
      </c>
      <c r="AQ40" s="114">
        <v>639072</v>
      </c>
      <c r="AR40" s="114">
        <v>1073910</v>
      </c>
      <c r="AS40" s="113">
        <v>2281593</v>
      </c>
      <c r="AT40" s="116">
        <v>2281593</v>
      </c>
      <c r="AU40" s="110">
        <v>0</v>
      </c>
      <c r="AV40" s="114">
        <v>336934</v>
      </c>
      <c r="AW40" s="113">
        <v>336934</v>
      </c>
      <c r="AX40" s="110">
        <v>0</v>
      </c>
      <c r="AY40" s="114">
        <v>1865193</v>
      </c>
      <c r="AZ40" s="114">
        <v>1249117</v>
      </c>
      <c r="BA40" s="114">
        <v>873700</v>
      </c>
      <c r="BB40" s="114">
        <v>1270884</v>
      </c>
      <c r="BC40" s="114">
        <v>916375</v>
      </c>
      <c r="BD40" s="113">
        <v>6175269</v>
      </c>
      <c r="BE40" s="116">
        <v>6512203</v>
      </c>
      <c r="BF40" s="110">
        <v>59880</v>
      </c>
      <c r="BG40" s="114">
        <v>93330</v>
      </c>
      <c r="BH40" s="112">
        <v>153210</v>
      </c>
      <c r="BI40" s="111">
        <v>0</v>
      </c>
      <c r="BJ40" s="114">
        <v>556014</v>
      </c>
      <c r="BK40" s="114">
        <v>303832</v>
      </c>
      <c r="BL40" s="114">
        <v>406194</v>
      </c>
      <c r="BM40" s="114">
        <v>589382</v>
      </c>
      <c r="BN40" s="114">
        <v>113211</v>
      </c>
      <c r="BO40" s="113">
        <v>1968633</v>
      </c>
      <c r="BP40" s="116">
        <v>2121843</v>
      </c>
      <c r="BQ40" s="110">
        <v>252909</v>
      </c>
      <c r="BR40" s="114">
        <v>276323</v>
      </c>
      <c r="BS40" s="113">
        <v>529232</v>
      </c>
      <c r="BT40" s="110">
        <v>0</v>
      </c>
      <c r="BU40" s="114">
        <v>1115514</v>
      </c>
      <c r="BV40" s="114">
        <v>1071940</v>
      </c>
      <c r="BW40" s="114">
        <v>1000080</v>
      </c>
      <c r="BX40" s="114">
        <v>1127993</v>
      </c>
      <c r="BY40" s="114">
        <v>548083</v>
      </c>
      <c r="BZ40" s="113">
        <v>4863610</v>
      </c>
      <c r="CA40" s="116">
        <v>5392842</v>
      </c>
      <c r="CB40" s="110">
        <v>210645</v>
      </c>
      <c r="CC40" s="114">
        <v>945561</v>
      </c>
      <c r="CD40" s="113">
        <v>1156206</v>
      </c>
      <c r="CE40" s="110">
        <v>0</v>
      </c>
      <c r="CF40" s="114">
        <v>11717385</v>
      </c>
      <c r="CG40" s="114">
        <v>8781190</v>
      </c>
      <c r="CH40" s="114">
        <v>4547080</v>
      </c>
      <c r="CI40" s="114">
        <v>3522707</v>
      </c>
      <c r="CJ40" s="114">
        <v>2207788</v>
      </c>
      <c r="CK40" s="113">
        <v>30776150</v>
      </c>
      <c r="CL40" s="116">
        <v>31932356</v>
      </c>
      <c r="CM40" s="110">
        <v>0</v>
      </c>
      <c r="CN40" s="114">
        <v>0</v>
      </c>
      <c r="CO40" s="113">
        <v>0</v>
      </c>
      <c r="CP40" s="111">
        <v>0</v>
      </c>
      <c r="CQ40" s="114">
        <v>8183693</v>
      </c>
      <c r="CR40" s="114">
        <v>7382037</v>
      </c>
      <c r="CS40" s="114">
        <v>3414613</v>
      </c>
      <c r="CT40" s="114">
        <v>2515164</v>
      </c>
      <c r="CU40" s="114">
        <v>2183362</v>
      </c>
      <c r="CV40" s="113">
        <v>23678869</v>
      </c>
      <c r="CW40" s="116">
        <v>23678869</v>
      </c>
      <c r="CX40" s="110">
        <v>210645</v>
      </c>
      <c r="CY40" s="114">
        <v>945561</v>
      </c>
      <c r="CZ40" s="113">
        <v>1156206</v>
      </c>
      <c r="DA40" s="110">
        <v>0</v>
      </c>
      <c r="DB40" s="114">
        <v>3533692</v>
      </c>
      <c r="DC40" s="114">
        <v>1399153</v>
      </c>
      <c r="DD40" s="114">
        <v>1132467</v>
      </c>
      <c r="DE40" s="114">
        <v>1007543</v>
      </c>
      <c r="DF40" s="114">
        <v>24426</v>
      </c>
      <c r="DG40" s="113">
        <v>7097281</v>
      </c>
      <c r="DH40" s="116">
        <v>8253487</v>
      </c>
      <c r="DI40" s="110">
        <v>0</v>
      </c>
      <c r="DJ40" s="114">
        <v>102105</v>
      </c>
      <c r="DK40" s="112">
        <v>102105</v>
      </c>
      <c r="DL40" s="111">
        <v>0</v>
      </c>
      <c r="DM40" s="114">
        <v>418903</v>
      </c>
      <c r="DN40" s="114">
        <v>1117031</v>
      </c>
      <c r="DO40" s="114">
        <v>747594</v>
      </c>
      <c r="DP40" s="114">
        <v>1545752</v>
      </c>
      <c r="DQ40" s="114">
        <v>364014</v>
      </c>
      <c r="DR40" s="113">
        <v>4193294</v>
      </c>
      <c r="DS40" s="116">
        <v>4295399</v>
      </c>
      <c r="DT40" s="110">
        <v>0</v>
      </c>
      <c r="DU40" s="114">
        <v>0</v>
      </c>
      <c r="DV40" s="113">
        <v>0</v>
      </c>
      <c r="DW40" s="110">
        <v>0</v>
      </c>
      <c r="DX40" s="114">
        <v>274282</v>
      </c>
      <c r="DY40" s="114">
        <v>1073948</v>
      </c>
      <c r="DZ40" s="114">
        <v>662670</v>
      </c>
      <c r="EA40" s="114">
        <v>1364465</v>
      </c>
      <c r="EB40" s="114">
        <v>364014</v>
      </c>
      <c r="EC40" s="113">
        <v>3739379</v>
      </c>
      <c r="ED40" s="116">
        <v>3739379</v>
      </c>
      <c r="EE40" s="110">
        <v>0</v>
      </c>
      <c r="EF40" s="112">
        <v>102105</v>
      </c>
      <c r="EG40" s="113">
        <v>102105</v>
      </c>
      <c r="EH40" s="110">
        <v>0</v>
      </c>
      <c r="EI40" s="114">
        <v>144621</v>
      </c>
      <c r="EJ40" s="114">
        <v>43083</v>
      </c>
      <c r="EK40" s="114">
        <v>84924</v>
      </c>
      <c r="EL40" s="114">
        <v>181287</v>
      </c>
      <c r="EM40" s="114">
        <v>0</v>
      </c>
      <c r="EN40" s="112">
        <v>453915</v>
      </c>
      <c r="EO40" s="116">
        <v>556020</v>
      </c>
      <c r="EP40" s="110">
        <v>0</v>
      </c>
      <c r="EQ40" s="114">
        <v>0</v>
      </c>
      <c r="ER40" s="112">
        <v>0</v>
      </c>
      <c r="ES40" s="111">
        <v>0</v>
      </c>
      <c r="ET40" s="114">
        <v>0</v>
      </c>
      <c r="EU40" s="114">
        <v>0</v>
      </c>
      <c r="EV40" s="114">
        <v>0</v>
      </c>
      <c r="EW40" s="114">
        <v>0</v>
      </c>
      <c r="EX40" s="114">
        <v>0</v>
      </c>
      <c r="EY40" s="113">
        <v>0</v>
      </c>
      <c r="EZ40" s="116">
        <v>0</v>
      </c>
      <c r="FA40" s="110">
        <v>0</v>
      </c>
      <c r="FB40" s="114">
        <v>0</v>
      </c>
      <c r="FC40" s="112">
        <v>0</v>
      </c>
      <c r="FD40" s="347"/>
      <c r="FE40" s="114">
        <v>0</v>
      </c>
      <c r="FF40" s="114">
        <v>0</v>
      </c>
      <c r="FG40" s="114">
        <v>0</v>
      </c>
      <c r="FH40" s="114">
        <v>0</v>
      </c>
      <c r="FI40" s="114">
        <v>0</v>
      </c>
      <c r="FJ40" s="113">
        <v>0</v>
      </c>
      <c r="FK40" s="116">
        <v>0</v>
      </c>
      <c r="FL40" s="110">
        <v>520959</v>
      </c>
      <c r="FM40" s="114">
        <v>748807</v>
      </c>
      <c r="FN40" s="113">
        <v>1269766</v>
      </c>
      <c r="FO40" s="110">
        <v>0</v>
      </c>
      <c r="FP40" s="114">
        <v>1642527</v>
      </c>
      <c r="FQ40" s="114">
        <v>2328681</v>
      </c>
      <c r="FR40" s="114">
        <v>1655794</v>
      </c>
      <c r="FS40" s="114">
        <v>1511590</v>
      </c>
      <c r="FT40" s="114">
        <v>744075</v>
      </c>
      <c r="FU40" s="113">
        <v>7882667</v>
      </c>
      <c r="FV40" s="116">
        <v>9152433</v>
      </c>
      <c r="FW40" s="115">
        <v>208083</v>
      </c>
      <c r="FX40" s="114">
        <v>485467</v>
      </c>
      <c r="FY40" s="112">
        <v>693550</v>
      </c>
      <c r="FZ40" s="111">
        <v>0</v>
      </c>
      <c r="GA40" s="114">
        <v>1133993</v>
      </c>
      <c r="GB40" s="114">
        <v>2078926</v>
      </c>
      <c r="GC40" s="114">
        <v>1320528</v>
      </c>
      <c r="GD40" s="114">
        <v>1399900</v>
      </c>
      <c r="GE40" s="114">
        <v>744075</v>
      </c>
      <c r="GF40" s="113">
        <v>6677422</v>
      </c>
      <c r="GG40" s="318">
        <v>7370972</v>
      </c>
      <c r="GH40" s="115">
        <v>69021</v>
      </c>
      <c r="GI40" s="114">
        <v>82566</v>
      </c>
      <c r="GJ40" s="112">
        <v>151587</v>
      </c>
      <c r="GK40" s="111">
        <v>0</v>
      </c>
      <c r="GL40" s="114">
        <v>293884</v>
      </c>
      <c r="GM40" s="114">
        <v>154935</v>
      </c>
      <c r="GN40" s="114">
        <v>0</v>
      </c>
      <c r="GO40" s="114">
        <v>0</v>
      </c>
      <c r="GP40" s="114">
        <v>0</v>
      </c>
      <c r="GQ40" s="113">
        <v>448819</v>
      </c>
      <c r="GR40" s="116">
        <v>600406</v>
      </c>
      <c r="GS40" s="110">
        <v>243855</v>
      </c>
      <c r="GT40" s="114">
        <v>180774</v>
      </c>
      <c r="GU40" s="113">
        <v>424629</v>
      </c>
      <c r="GV40" s="110">
        <v>0</v>
      </c>
      <c r="GW40" s="114">
        <v>214650</v>
      </c>
      <c r="GX40" s="114">
        <v>94820</v>
      </c>
      <c r="GY40" s="114">
        <v>335266</v>
      </c>
      <c r="GZ40" s="114">
        <v>111690</v>
      </c>
      <c r="HA40" s="114">
        <v>0</v>
      </c>
      <c r="HB40" s="112">
        <v>756426</v>
      </c>
      <c r="HC40" s="116">
        <v>1181055</v>
      </c>
      <c r="HD40" s="110">
        <v>1167749</v>
      </c>
      <c r="HE40" s="114">
        <v>1435864</v>
      </c>
      <c r="HF40" s="112">
        <v>2603613</v>
      </c>
      <c r="HG40" s="111">
        <v>0</v>
      </c>
      <c r="HH40" s="114">
        <v>5571178</v>
      </c>
      <c r="HI40" s="114">
        <v>4804301</v>
      </c>
      <c r="HJ40" s="114">
        <v>4995197</v>
      </c>
      <c r="HK40" s="114">
        <v>7498042</v>
      </c>
      <c r="HL40" s="114">
        <v>2029398</v>
      </c>
      <c r="HM40" s="113">
        <v>24898116</v>
      </c>
      <c r="HN40" s="109">
        <v>27501729</v>
      </c>
      <c r="HO40" s="115">
        <v>235870</v>
      </c>
      <c r="HP40" s="114">
        <v>418633</v>
      </c>
      <c r="HQ40" s="113">
        <v>654503</v>
      </c>
      <c r="HR40" s="110">
        <v>0</v>
      </c>
      <c r="HS40" s="114">
        <v>4376612</v>
      </c>
      <c r="HT40" s="114">
        <v>2699101</v>
      </c>
      <c r="HU40" s="114">
        <v>1506779</v>
      </c>
      <c r="HV40" s="114">
        <v>1477527</v>
      </c>
      <c r="HW40" s="114">
        <v>652352</v>
      </c>
      <c r="HX40" s="112">
        <v>10712371</v>
      </c>
      <c r="HY40" s="116">
        <v>11366874</v>
      </c>
      <c r="HZ40" s="150">
        <v>133623</v>
      </c>
      <c r="IA40" s="135">
        <v>162630</v>
      </c>
      <c r="IB40" s="150">
        <v>296253</v>
      </c>
      <c r="IC40" s="146">
        <v>0</v>
      </c>
      <c r="ID40" s="132">
        <v>5603454</v>
      </c>
      <c r="IE40" s="147">
        <v>6271817</v>
      </c>
      <c r="IF40" s="133">
        <v>7030285</v>
      </c>
      <c r="IG40" s="132">
        <v>6936546</v>
      </c>
      <c r="IH40" s="133">
        <v>2594556</v>
      </c>
      <c r="II40" s="148">
        <v>28436658</v>
      </c>
      <c r="IJ40" s="150">
        <v>28732911</v>
      </c>
      <c r="IK40" s="232">
        <v>0</v>
      </c>
      <c r="IL40" s="236">
        <v>0</v>
      </c>
      <c r="IM40" s="237">
        <v>0</v>
      </c>
      <c r="IN40" s="140"/>
      <c r="IO40" s="119">
        <v>0</v>
      </c>
      <c r="IP40" s="119">
        <v>64624</v>
      </c>
      <c r="IQ40" s="119">
        <v>185814</v>
      </c>
      <c r="IR40" s="119">
        <v>230238</v>
      </c>
      <c r="IS40" s="119">
        <v>0</v>
      </c>
      <c r="IT40" s="141">
        <v>480676</v>
      </c>
      <c r="IU40" s="320">
        <v>480676</v>
      </c>
      <c r="IV40" s="142">
        <v>0</v>
      </c>
      <c r="IW40" s="119">
        <v>0</v>
      </c>
      <c r="IX40" s="120">
        <v>0</v>
      </c>
      <c r="IY40" s="144"/>
      <c r="IZ40" s="119">
        <v>0</v>
      </c>
      <c r="JA40" s="119">
        <v>0</v>
      </c>
      <c r="JB40" s="119">
        <v>0</v>
      </c>
      <c r="JC40" s="119">
        <v>0</v>
      </c>
      <c r="JD40" s="119">
        <v>0</v>
      </c>
      <c r="JE40" s="120">
        <v>0</v>
      </c>
      <c r="JF40" s="121">
        <v>0</v>
      </c>
      <c r="JG40" s="142">
        <v>0</v>
      </c>
      <c r="JH40" s="119">
        <v>0</v>
      </c>
      <c r="JI40" s="141">
        <v>0</v>
      </c>
      <c r="JJ40" s="118">
        <v>0</v>
      </c>
      <c r="JK40" s="119">
        <v>1333161</v>
      </c>
      <c r="JL40" s="119">
        <v>1891727</v>
      </c>
      <c r="JM40" s="119">
        <v>1144564</v>
      </c>
      <c r="JN40" s="119">
        <v>2148292</v>
      </c>
      <c r="JO40" s="119">
        <v>571680</v>
      </c>
      <c r="JP40" s="120">
        <v>7089424</v>
      </c>
      <c r="JQ40" s="320">
        <v>7089424</v>
      </c>
      <c r="JR40" s="142">
        <v>0</v>
      </c>
      <c r="JS40" s="119">
        <v>0</v>
      </c>
      <c r="JT40" s="141">
        <v>0</v>
      </c>
      <c r="JU40" s="118">
        <v>0</v>
      </c>
      <c r="JV40" s="119">
        <v>0</v>
      </c>
      <c r="JW40" s="119">
        <v>0</v>
      </c>
      <c r="JX40" s="119">
        <v>0</v>
      </c>
      <c r="JY40" s="119">
        <v>0</v>
      </c>
      <c r="JZ40" s="119">
        <v>0</v>
      </c>
      <c r="KA40" s="120">
        <v>0</v>
      </c>
      <c r="KB40" s="320">
        <v>0</v>
      </c>
      <c r="KC40" s="234">
        <v>133623</v>
      </c>
      <c r="KD40" s="230">
        <v>162630</v>
      </c>
      <c r="KE40" s="120">
        <v>296253</v>
      </c>
      <c r="KF40" s="118">
        <v>0</v>
      </c>
      <c r="KG40" s="119">
        <v>1162638</v>
      </c>
      <c r="KH40" s="119">
        <v>1124370</v>
      </c>
      <c r="KI40" s="119">
        <v>1289709</v>
      </c>
      <c r="KJ40" s="119">
        <v>645693</v>
      </c>
      <c r="KK40" s="119">
        <v>590526</v>
      </c>
      <c r="KL40" s="120">
        <v>4812936</v>
      </c>
      <c r="KM40" s="143">
        <v>5109189</v>
      </c>
      <c r="KN40" s="232">
        <v>0</v>
      </c>
      <c r="KO40" s="236">
        <v>0</v>
      </c>
      <c r="KP40" s="237">
        <v>0</v>
      </c>
      <c r="KQ40" s="140"/>
      <c r="KR40" s="119">
        <v>3107655</v>
      </c>
      <c r="KS40" s="119">
        <v>3191096</v>
      </c>
      <c r="KT40" s="119">
        <v>4410198</v>
      </c>
      <c r="KU40" s="119">
        <v>3912323</v>
      </c>
      <c r="KV40" s="119">
        <v>1432350</v>
      </c>
      <c r="KW40" s="120">
        <v>16053622</v>
      </c>
      <c r="KX40" s="320">
        <v>16053622</v>
      </c>
      <c r="KY40" s="142">
        <v>0</v>
      </c>
      <c r="KZ40" s="119">
        <v>0</v>
      </c>
      <c r="LA40" s="120">
        <v>0</v>
      </c>
      <c r="LB40" s="145"/>
      <c r="LC40" s="119">
        <v>0</v>
      </c>
      <c r="LD40" s="119">
        <v>0</v>
      </c>
      <c r="LE40" s="119">
        <v>0</v>
      </c>
      <c r="LF40" s="119">
        <v>0</v>
      </c>
      <c r="LG40" s="119">
        <v>0</v>
      </c>
      <c r="LH40" s="120">
        <v>0</v>
      </c>
      <c r="LI40" s="121">
        <v>0</v>
      </c>
      <c r="LJ40" s="142">
        <v>0</v>
      </c>
      <c r="LK40" s="119">
        <v>0</v>
      </c>
      <c r="LL40" s="120">
        <v>0</v>
      </c>
      <c r="LM40" s="145"/>
      <c r="LN40" s="119">
        <v>0</v>
      </c>
      <c r="LO40" s="119">
        <v>0</v>
      </c>
      <c r="LP40" s="119">
        <v>0</v>
      </c>
      <c r="LQ40" s="119">
        <v>0</v>
      </c>
      <c r="LR40" s="119">
        <v>0</v>
      </c>
      <c r="LS40" s="120">
        <v>0</v>
      </c>
      <c r="LT40" s="320">
        <v>0</v>
      </c>
      <c r="LU40" s="142">
        <v>0</v>
      </c>
      <c r="LV40" s="119">
        <v>0</v>
      </c>
      <c r="LW40" s="120">
        <v>0</v>
      </c>
      <c r="LX40" s="145"/>
      <c r="LY40" s="119">
        <v>0</v>
      </c>
      <c r="LZ40" s="119">
        <v>0</v>
      </c>
      <c r="MA40" s="119">
        <v>0</v>
      </c>
      <c r="MB40" s="119">
        <v>0</v>
      </c>
      <c r="MC40" s="119">
        <v>0</v>
      </c>
      <c r="MD40" s="120">
        <v>0</v>
      </c>
      <c r="ME40" s="121">
        <v>0</v>
      </c>
      <c r="MF40" s="142">
        <v>0</v>
      </c>
      <c r="MG40" s="119">
        <v>0</v>
      </c>
      <c r="MH40" s="120">
        <v>0</v>
      </c>
      <c r="MI40" s="145"/>
      <c r="MJ40" s="119">
        <v>5809062</v>
      </c>
      <c r="MK40" s="119">
        <v>9872698</v>
      </c>
      <c r="ML40" s="119">
        <v>13304771</v>
      </c>
      <c r="MM40" s="119">
        <v>19567086</v>
      </c>
      <c r="MN40" s="119">
        <v>14611635</v>
      </c>
      <c r="MO40" s="120">
        <v>63165252</v>
      </c>
      <c r="MP40" s="143">
        <v>63165252</v>
      </c>
      <c r="MQ40" s="142">
        <v>0</v>
      </c>
      <c r="MR40" s="119">
        <v>0</v>
      </c>
      <c r="MS40" s="120">
        <v>0</v>
      </c>
      <c r="MT40" s="145"/>
      <c r="MU40" s="119">
        <v>201996</v>
      </c>
      <c r="MV40" s="119">
        <v>476667</v>
      </c>
      <c r="MW40" s="119">
        <v>6649002</v>
      </c>
      <c r="MX40" s="119">
        <v>12424602</v>
      </c>
      <c r="MY40" s="119">
        <v>8174528</v>
      </c>
      <c r="MZ40" s="120">
        <v>27926795</v>
      </c>
      <c r="NA40" s="143">
        <v>27926795</v>
      </c>
      <c r="NB40" s="142">
        <v>0</v>
      </c>
      <c r="NC40" s="119">
        <v>0</v>
      </c>
      <c r="ND40" s="120">
        <v>0</v>
      </c>
      <c r="NE40" s="145"/>
      <c r="NF40" s="119">
        <v>4928070</v>
      </c>
      <c r="NG40" s="119">
        <v>8640094</v>
      </c>
      <c r="NH40" s="119">
        <v>5084468</v>
      </c>
      <c r="NI40" s="119">
        <v>5520153</v>
      </c>
      <c r="NJ40" s="119">
        <v>2161000</v>
      </c>
      <c r="NK40" s="120">
        <v>26333785</v>
      </c>
      <c r="NL40" s="320">
        <v>26333785</v>
      </c>
      <c r="NM40" s="142">
        <v>0</v>
      </c>
      <c r="NN40" s="119">
        <v>0</v>
      </c>
      <c r="NO40" s="120">
        <v>0</v>
      </c>
      <c r="NP40" s="145"/>
      <c r="NQ40" s="119">
        <v>0</v>
      </c>
      <c r="NR40" s="119">
        <v>0</v>
      </c>
      <c r="NS40" s="119">
        <v>0</v>
      </c>
      <c r="NT40" s="119">
        <v>0</v>
      </c>
      <c r="NU40" s="119">
        <v>0</v>
      </c>
      <c r="NV40" s="120">
        <v>0</v>
      </c>
      <c r="NW40" s="121">
        <v>0</v>
      </c>
      <c r="NX40" s="142">
        <v>0</v>
      </c>
      <c r="NY40" s="119">
        <v>0</v>
      </c>
      <c r="NZ40" s="120">
        <v>0</v>
      </c>
      <c r="OA40" s="145"/>
      <c r="OB40" s="119">
        <v>678996</v>
      </c>
      <c r="OC40" s="119">
        <v>755937</v>
      </c>
      <c r="OD40" s="119">
        <v>1571301</v>
      </c>
      <c r="OE40" s="119">
        <v>1622331</v>
      </c>
      <c r="OF40" s="119">
        <v>4276107</v>
      </c>
      <c r="OG40" s="120">
        <v>8904672</v>
      </c>
      <c r="OH40" s="121">
        <v>8904672</v>
      </c>
      <c r="OI40" s="142">
        <v>2581635</v>
      </c>
      <c r="OJ40" s="119">
        <v>4520187</v>
      </c>
      <c r="OK40" s="141">
        <v>7101822</v>
      </c>
      <c r="OL40" s="118">
        <v>0</v>
      </c>
      <c r="OM40" s="119">
        <v>42469412</v>
      </c>
      <c r="ON40" s="119">
        <v>41730026</v>
      </c>
      <c r="OO40" s="119">
        <v>39734278</v>
      </c>
      <c r="OP40" s="119">
        <v>48858924</v>
      </c>
      <c r="OQ40" s="119">
        <v>29698047</v>
      </c>
      <c r="OR40" s="120">
        <v>202490687</v>
      </c>
      <c r="OS40" s="143">
        <v>209592509</v>
      </c>
    </row>
    <row r="41" spans="2:409" ht="21" customHeight="1" x14ac:dyDescent="0.2">
      <c r="B41" s="62" t="s">
        <v>36</v>
      </c>
      <c r="C41" s="110">
        <v>1230561</v>
      </c>
      <c r="D41" s="114">
        <v>2485680</v>
      </c>
      <c r="E41" s="113">
        <v>3716241</v>
      </c>
      <c r="F41" s="109">
        <v>0</v>
      </c>
      <c r="G41" s="114">
        <v>20985523</v>
      </c>
      <c r="H41" s="114">
        <v>27778403</v>
      </c>
      <c r="I41" s="114">
        <v>22232054</v>
      </c>
      <c r="J41" s="114">
        <v>22911602</v>
      </c>
      <c r="K41" s="114">
        <v>13326556</v>
      </c>
      <c r="L41" s="173">
        <v>107234138</v>
      </c>
      <c r="M41" s="116">
        <v>110950379</v>
      </c>
      <c r="N41" s="110">
        <v>505071</v>
      </c>
      <c r="O41" s="114">
        <v>993810</v>
      </c>
      <c r="P41" s="113">
        <v>1498881</v>
      </c>
      <c r="Q41" s="110">
        <v>0</v>
      </c>
      <c r="R41" s="114">
        <v>6082974</v>
      </c>
      <c r="S41" s="114">
        <v>8258573</v>
      </c>
      <c r="T41" s="114">
        <v>6960175</v>
      </c>
      <c r="U41" s="114">
        <v>10688686</v>
      </c>
      <c r="V41" s="114">
        <v>7522448</v>
      </c>
      <c r="W41" s="113">
        <v>39512856</v>
      </c>
      <c r="X41" s="116">
        <v>41011737</v>
      </c>
      <c r="Y41" s="110">
        <v>0</v>
      </c>
      <c r="Z41" s="114">
        <v>0</v>
      </c>
      <c r="AA41" s="113">
        <v>0</v>
      </c>
      <c r="AB41" s="110">
        <v>0</v>
      </c>
      <c r="AC41" s="114">
        <v>2414148</v>
      </c>
      <c r="AD41" s="114">
        <v>4176327</v>
      </c>
      <c r="AE41" s="114">
        <v>3949775</v>
      </c>
      <c r="AF41" s="114">
        <v>7488340</v>
      </c>
      <c r="AG41" s="114">
        <v>4112125</v>
      </c>
      <c r="AH41" s="113">
        <v>22140715</v>
      </c>
      <c r="AI41" s="116">
        <v>22140715</v>
      </c>
      <c r="AJ41" s="110">
        <v>0</v>
      </c>
      <c r="AK41" s="114">
        <v>0</v>
      </c>
      <c r="AL41" s="113">
        <v>0</v>
      </c>
      <c r="AM41" s="110">
        <v>0</v>
      </c>
      <c r="AN41" s="114">
        <v>195272</v>
      </c>
      <c r="AO41" s="114">
        <v>337613</v>
      </c>
      <c r="AP41" s="114">
        <v>157684</v>
      </c>
      <c r="AQ41" s="114">
        <v>693395</v>
      </c>
      <c r="AR41" s="114">
        <v>657044</v>
      </c>
      <c r="AS41" s="113">
        <v>2041008</v>
      </c>
      <c r="AT41" s="116">
        <v>2041008</v>
      </c>
      <c r="AU41" s="110">
        <v>340724</v>
      </c>
      <c r="AV41" s="114">
        <v>681506</v>
      </c>
      <c r="AW41" s="113">
        <v>1022230</v>
      </c>
      <c r="AX41" s="110">
        <v>0</v>
      </c>
      <c r="AY41" s="114">
        <v>2529218</v>
      </c>
      <c r="AZ41" s="114">
        <v>2537338</v>
      </c>
      <c r="BA41" s="114">
        <v>1563156</v>
      </c>
      <c r="BB41" s="114">
        <v>1623090</v>
      </c>
      <c r="BC41" s="114">
        <v>1950483</v>
      </c>
      <c r="BD41" s="113">
        <v>10203285</v>
      </c>
      <c r="BE41" s="116">
        <v>11225515</v>
      </c>
      <c r="BF41" s="110">
        <v>135394</v>
      </c>
      <c r="BG41" s="114">
        <v>251608</v>
      </c>
      <c r="BH41" s="112">
        <v>387002</v>
      </c>
      <c r="BI41" s="111">
        <v>0</v>
      </c>
      <c r="BJ41" s="114">
        <v>616944</v>
      </c>
      <c r="BK41" s="114">
        <v>377187</v>
      </c>
      <c r="BL41" s="114">
        <v>357555</v>
      </c>
      <c r="BM41" s="114">
        <v>202652</v>
      </c>
      <c r="BN41" s="114">
        <v>225116</v>
      </c>
      <c r="BO41" s="113">
        <v>1779454</v>
      </c>
      <c r="BP41" s="116">
        <v>2166456</v>
      </c>
      <c r="BQ41" s="110">
        <v>28953</v>
      </c>
      <c r="BR41" s="114">
        <v>60696</v>
      </c>
      <c r="BS41" s="113">
        <v>89649</v>
      </c>
      <c r="BT41" s="110">
        <v>0</v>
      </c>
      <c r="BU41" s="114">
        <v>327392</v>
      </c>
      <c r="BV41" s="114">
        <v>830108</v>
      </c>
      <c r="BW41" s="114">
        <v>932005</v>
      </c>
      <c r="BX41" s="114">
        <v>681209</v>
      </c>
      <c r="BY41" s="114">
        <v>577680</v>
      </c>
      <c r="BZ41" s="113">
        <v>3348394</v>
      </c>
      <c r="CA41" s="116">
        <v>3438043</v>
      </c>
      <c r="CB41" s="110">
        <v>100185</v>
      </c>
      <c r="CC41" s="114">
        <v>243790</v>
      </c>
      <c r="CD41" s="113">
        <v>343975</v>
      </c>
      <c r="CE41" s="110">
        <v>0</v>
      </c>
      <c r="CF41" s="114">
        <v>6907181</v>
      </c>
      <c r="CG41" s="114">
        <v>8905114</v>
      </c>
      <c r="CH41" s="114">
        <v>5839727</v>
      </c>
      <c r="CI41" s="114">
        <v>4009802</v>
      </c>
      <c r="CJ41" s="114">
        <v>2479275</v>
      </c>
      <c r="CK41" s="113">
        <v>28141099</v>
      </c>
      <c r="CL41" s="116">
        <v>28485074</v>
      </c>
      <c r="CM41" s="110">
        <v>0</v>
      </c>
      <c r="CN41" s="114">
        <v>0</v>
      </c>
      <c r="CO41" s="113">
        <v>0</v>
      </c>
      <c r="CP41" s="111">
        <v>0</v>
      </c>
      <c r="CQ41" s="114">
        <v>5290448</v>
      </c>
      <c r="CR41" s="114">
        <v>7171389</v>
      </c>
      <c r="CS41" s="114">
        <v>4612223</v>
      </c>
      <c r="CT41" s="114">
        <v>3778950</v>
      </c>
      <c r="CU41" s="114">
        <v>2231258</v>
      </c>
      <c r="CV41" s="113">
        <v>23084268</v>
      </c>
      <c r="CW41" s="116">
        <v>23084268</v>
      </c>
      <c r="CX41" s="110">
        <v>100185</v>
      </c>
      <c r="CY41" s="114">
        <v>243790</v>
      </c>
      <c r="CZ41" s="113">
        <v>343975</v>
      </c>
      <c r="DA41" s="110">
        <v>0</v>
      </c>
      <c r="DB41" s="114">
        <v>1616733</v>
      </c>
      <c r="DC41" s="114">
        <v>1733725</v>
      </c>
      <c r="DD41" s="114">
        <v>1227504</v>
      </c>
      <c r="DE41" s="114">
        <v>230852</v>
      </c>
      <c r="DF41" s="114">
        <v>248017</v>
      </c>
      <c r="DG41" s="113">
        <v>5056831</v>
      </c>
      <c r="DH41" s="116">
        <v>5400806</v>
      </c>
      <c r="DI41" s="110">
        <v>0</v>
      </c>
      <c r="DJ41" s="114">
        <v>21000</v>
      </c>
      <c r="DK41" s="112">
        <v>21000</v>
      </c>
      <c r="DL41" s="111">
        <v>0</v>
      </c>
      <c r="DM41" s="114">
        <v>1017567</v>
      </c>
      <c r="DN41" s="114">
        <v>1301299</v>
      </c>
      <c r="DO41" s="114">
        <v>2735430</v>
      </c>
      <c r="DP41" s="114">
        <v>2473272</v>
      </c>
      <c r="DQ41" s="114">
        <v>1142812</v>
      </c>
      <c r="DR41" s="113">
        <v>8670380</v>
      </c>
      <c r="DS41" s="116">
        <v>8691380</v>
      </c>
      <c r="DT41" s="110">
        <v>0</v>
      </c>
      <c r="DU41" s="114">
        <v>21000</v>
      </c>
      <c r="DV41" s="113">
        <v>21000</v>
      </c>
      <c r="DW41" s="110">
        <v>0</v>
      </c>
      <c r="DX41" s="114">
        <v>1017567</v>
      </c>
      <c r="DY41" s="114">
        <v>1301299</v>
      </c>
      <c r="DZ41" s="114">
        <v>2735430</v>
      </c>
      <c r="EA41" s="114">
        <v>2298291</v>
      </c>
      <c r="EB41" s="114">
        <v>1114260</v>
      </c>
      <c r="EC41" s="113">
        <v>8466847</v>
      </c>
      <c r="ED41" s="116">
        <v>8487847</v>
      </c>
      <c r="EE41" s="110">
        <v>0</v>
      </c>
      <c r="EF41" s="112">
        <v>0</v>
      </c>
      <c r="EG41" s="113">
        <v>0</v>
      </c>
      <c r="EH41" s="110">
        <v>0</v>
      </c>
      <c r="EI41" s="114">
        <v>0</v>
      </c>
      <c r="EJ41" s="114">
        <v>0</v>
      </c>
      <c r="EK41" s="114">
        <v>0</v>
      </c>
      <c r="EL41" s="114">
        <v>174981</v>
      </c>
      <c r="EM41" s="114">
        <v>28552</v>
      </c>
      <c r="EN41" s="112">
        <v>203533</v>
      </c>
      <c r="EO41" s="116">
        <v>203533</v>
      </c>
      <c r="EP41" s="110">
        <v>0</v>
      </c>
      <c r="EQ41" s="114">
        <v>0</v>
      </c>
      <c r="ER41" s="112">
        <v>0</v>
      </c>
      <c r="ES41" s="111">
        <v>0</v>
      </c>
      <c r="ET41" s="114">
        <v>0</v>
      </c>
      <c r="EU41" s="114">
        <v>0</v>
      </c>
      <c r="EV41" s="114">
        <v>0</v>
      </c>
      <c r="EW41" s="114">
        <v>0</v>
      </c>
      <c r="EX41" s="114">
        <v>0</v>
      </c>
      <c r="EY41" s="113">
        <v>0</v>
      </c>
      <c r="EZ41" s="116">
        <v>0</v>
      </c>
      <c r="FA41" s="110">
        <v>0</v>
      </c>
      <c r="FB41" s="114">
        <v>0</v>
      </c>
      <c r="FC41" s="112">
        <v>0</v>
      </c>
      <c r="FD41" s="347"/>
      <c r="FE41" s="114">
        <v>0</v>
      </c>
      <c r="FF41" s="114">
        <v>0</v>
      </c>
      <c r="FG41" s="114">
        <v>0</v>
      </c>
      <c r="FH41" s="114">
        <v>0</v>
      </c>
      <c r="FI41" s="114">
        <v>0</v>
      </c>
      <c r="FJ41" s="113">
        <v>0</v>
      </c>
      <c r="FK41" s="116">
        <v>0</v>
      </c>
      <c r="FL41" s="110">
        <v>285876</v>
      </c>
      <c r="FM41" s="114">
        <v>664502</v>
      </c>
      <c r="FN41" s="113">
        <v>950378</v>
      </c>
      <c r="FO41" s="110">
        <v>0</v>
      </c>
      <c r="FP41" s="114">
        <v>2090560</v>
      </c>
      <c r="FQ41" s="114">
        <v>2827934</v>
      </c>
      <c r="FR41" s="114">
        <v>1699397</v>
      </c>
      <c r="FS41" s="114">
        <v>1785442</v>
      </c>
      <c r="FT41" s="114">
        <v>998252</v>
      </c>
      <c r="FU41" s="113">
        <v>9401585</v>
      </c>
      <c r="FV41" s="116">
        <v>10351963</v>
      </c>
      <c r="FW41" s="115">
        <v>216576</v>
      </c>
      <c r="FX41" s="114">
        <v>664502</v>
      </c>
      <c r="FY41" s="112">
        <v>881078</v>
      </c>
      <c r="FZ41" s="111">
        <v>0</v>
      </c>
      <c r="GA41" s="114">
        <v>1513498</v>
      </c>
      <c r="GB41" s="114">
        <v>2504924</v>
      </c>
      <c r="GC41" s="114">
        <v>1652743</v>
      </c>
      <c r="GD41" s="114">
        <v>1750342</v>
      </c>
      <c r="GE41" s="114">
        <v>998252</v>
      </c>
      <c r="GF41" s="113">
        <v>8419759</v>
      </c>
      <c r="GG41" s="318">
        <v>9300837</v>
      </c>
      <c r="GH41" s="115">
        <v>0</v>
      </c>
      <c r="GI41" s="114">
        <v>0</v>
      </c>
      <c r="GJ41" s="112">
        <v>0</v>
      </c>
      <c r="GK41" s="111">
        <v>0</v>
      </c>
      <c r="GL41" s="114">
        <v>195030</v>
      </c>
      <c r="GM41" s="114">
        <v>0</v>
      </c>
      <c r="GN41" s="114">
        <v>46654</v>
      </c>
      <c r="GO41" s="114">
        <v>0</v>
      </c>
      <c r="GP41" s="114">
        <v>0</v>
      </c>
      <c r="GQ41" s="113">
        <v>241684</v>
      </c>
      <c r="GR41" s="116">
        <v>241684</v>
      </c>
      <c r="GS41" s="110">
        <v>69300</v>
      </c>
      <c r="GT41" s="114">
        <v>0</v>
      </c>
      <c r="GU41" s="113">
        <v>69300</v>
      </c>
      <c r="GV41" s="110">
        <v>0</v>
      </c>
      <c r="GW41" s="114">
        <v>382032</v>
      </c>
      <c r="GX41" s="114">
        <v>323010</v>
      </c>
      <c r="GY41" s="114">
        <v>0</v>
      </c>
      <c r="GZ41" s="114">
        <v>35100</v>
      </c>
      <c r="HA41" s="114">
        <v>0</v>
      </c>
      <c r="HB41" s="112">
        <v>740142</v>
      </c>
      <c r="HC41" s="116">
        <v>809442</v>
      </c>
      <c r="HD41" s="110">
        <v>81380</v>
      </c>
      <c r="HE41" s="114">
        <v>0</v>
      </c>
      <c r="HF41" s="112">
        <v>81380</v>
      </c>
      <c r="HG41" s="111">
        <v>0</v>
      </c>
      <c r="HH41" s="114">
        <v>1097816</v>
      </c>
      <c r="HI41" s="114">
        <v>3134831</v>
      </c>
      <c r="HJ41" s="114">
        <v>2823171</v>
      </c>
      <c r="HK41" s="114">
        <v>2103390</v>
      </c>
      <c r="HL41" s="114">
        <v>261373</v>
      </c>
      <c r="HM41" s="113">
        <v>9420581</v>
      </c>
      <c r="HN41" s="109">
        <v>9501961</v>
      </c>
      <c r="HO41" s="115">
        <v>258049</v>
      </c>
      <c r="HP41" s="114">
        <v>562578</v>
      </c>
      <c r="HQ41" s="113">
        <v>820627</v>
      </c>
      <c r="HR41" s="110">
        <v>0</v>
      </c>
      <c r="HS41" s="114">
        <v>3789425</v>
      </c>
      <c r="HT41" s="114">
        <v>3350652</v>
      </c>
      <c r="HU41" s="114">
        <v>2174154</v>
      </c>
      <c r="HV41" s="114">
        <v>1851010</v>
      </c>
      <c r="HW41" s="114">
        <v>922396</v>
      </c>
      <c r="HX41" s="112">
        <v>12087637</v>
      </c>
      <c r="HY41" s="116">
        <v>12908264</v>
      </c>
      <c r="HZ41" s="131">
        <v>142965</v>
      </c>
      <c r="IA41" s="132">
        <v>85349</v>
      </c>
      <c r="IB41" s="133">
        <v>228314</v>
      </c>
      <c r="IC41" s="146">
        <v>0</v>
      </c>
      <c r="ID41" s="132">
        <v>4547379</v>
      </c>
      <c r="IE41" s="147">
        <v>7231227</v>
      </c>
      <c r="IF41" s="133">
        <v>9678312</v>
      </c>
      <c r="IG41" s="132">
        <v>4635496</v>
      </c>
      <c r="IH41" s="133">
        <v>4032462</v>
      </c>
      <c r="II41" s="148">
        <v>30124876</v>
      </c>
      <c r="IJ41" s="139">
        <v>30353190</v>
      </c>
      <c r="IK41" s="232">
        <v>0</v>
      </c>
      <c r="IL41" s="236">
        <v>0</v>
      </c>
      <c r="IM41" s="237">
        <v>0</v>
      </c>
      <c r="IN41" s="140"/>
      <c r="IO41" s="119">
        <v>0</v>
      </c>
      <c r="IP41" s="119">
        <v>0</v>
      </c>
      <c r="IQ41" s="119">
        <v>0</v>
      </c>
      <c r="IR41" s="119">
        <v>0</v>
      </c>
      <c r="IS41" s="119">
        <v>0</v>
      </c>
      <c r="IT41" s="141">
        <v>0</v>
      </c>
      <c r="IU41" s="320">
        <v>0</v>
      </c>
      <c r="IV41" s="142">
        <v>0</v>
      </c>
      <c r="IW41" s="119">
        <v>0</v>
      </c>
      <c r="IX41" s="120">
        <v>0</v>
      </c>
      <c r="IY41" s="144"/>
      <c r="IZ41" s="119">
        <v>0</v>
      </c>
      <c r="JA41" s="119">
        <v>0</v>
      </c>
      <c r="JB41" s="119">
        <v>0</v>
      </c>
      <c r="JC41" s="119">
        <v>0</v>
      </c>
      <c r="JD41" s="119">
        <v>0</v>
      </c>
      <c r="JE41" s="120">
        <v>0</v>
      </c>
      <c r="JF41" s="121">
        <v>0</v>
      </c>
      <c r="JG41" s="142">
        <v>0</v>
      </c>
      <c r="JH41" s="119">
        <v>0</v>
      </c>
      <c r="JI41" s="141">
        <v>0</v>
      </c>
      <c r="JJ41" s="118">
        <v>0</v>
      </c>
      <c r="JK41" s="119">
        <v>2311912</v>
      </c>
      <c r="JL41" s="119">
        <v>3664365</v>
      </c>
      <c r="JM41" s="119">
        <v>3557858</v>
      </c>
      <c r="JN41" s="119">
        <v>2620172</v>
      </c>
      <c r="JO41" s="119">
        <v>2128911</v>
      </c>
      <c r="JP41" s="120">
        <v>14283218</v>
      </c>
      <c r="JQ41" s="320">
        <v>14283218</v>
      </c>
      <c r="JR41" s="142">
        <v>0</v>
      </c>
      <c r="JS41" s="119">
        <v>0</v>
      </c>
      <c r="JT41" s="141">
        <v>0</v>
      </c>
      <c r="JU41" s="118">
        <v>0</v>
      </c>
      <c r="JV41" s="119">
        <v>0</v>
      </c>
      <c r="JW41" s="119">
        <v>0</v>
      </c>
      <c r="JX41" s="119">
        <v>0</v>
      </c>
      <c r="JY41" s="119">
        <v>0</v>
      </c>
      <c r="JZ41" s="119">
        <v>0</v>
      </c>
      <c r="KA41" s="120">
        <v>0</v>
      </c>
      <c r="KB41" s="320">
        <v>0</v>
      </c>
      <c r="KC41" s="234">
        <v>142965</v>
      </c>
      <c r="KD41" s="230">
        <v>85349</v>
      </c>
      <c r="KE41" s="120">
        <v>228314</v>
      </c>
      <c r="KF41" s="118">
        <v>0</v>
      </c>
      <c r="KG41" s="119">
        <v>1286745</v>
      </c>
      <c r="KH41" s="119">
        <v>1172961</v>
      </c>
      <c r="KI41" s="119">
        <v>2063608</v>
      </c>
      <c r="KJ41" s="119">
        <v>846848</v>
      </c>
      <c r="KK41" s="119">
        <v>0</v>
      </c>
      <c r="KL41" s="120">
        <v>5370162</v>
      </c>
      <c r="KM41" s="143">
        <v>5598476</v>
      </c>
      <c r="KN41" s="232">
        <v>0</v>
      </c>
      <c r="KO41" s="236">
        <v>0</v>
      </c>
      <c r="KP41" s="237">
        <v>0</v>
      </c>
      <c r="KQ41" s="140"/>
      <c r="KR41" s="119">
        <v>948722</v>
      </c>
      <c r="KS41" s="119">
        <v>2393901</v>
      </c>
      <c r="KT41" s="119">
        <v>4056846</v>
      </c>
      <c r="KU41" s="119">
        <v>1168476</v>
      </c>
      <c r="KV41" s="119">
        <v>1903551</v>
      </c>
      <c r="KW41" s="120">
        <v>10471496</v>
      </c>
      <c r="KX41" s="320">
        <v>10471496</v>
      </c>
      <c r="KY41" s="142">
        <v>0</v>
      </c>
      <c r="KZ41" s="119">
        <v>0</v>
      </c>
      <c r="LA41" s="120">
        <v>0</v>
      </c>
      <c r="LB41" s="145"/>
      <c r="LC41" s="119">
        <v>0</v>
      </c>
      <c r="LD41" s="119">
        <v>0</v>
      </c>
      <c r="LE41" s="119">
        <v>0</v>
      </c>
      <c r="LF41" s="119">
        <v>0</v>
      </c>
      <c r="LG41" s="119">
        <v>0</v>
      </c>
      <c r="LH41" s="120">
        <v>0</v>
      </c>
      <c r="LI41" s="121">
        <v>0</v>
      </c>
      <c r="LJ41" s="142">
        <v>0</v>
      </c>
      <c r="LK41" s="119">
        <v>0</v>
      </c>
      <c r="LL41" s="120">
        <v>0</v>
      </c>
      <c r="LM41" s="145"/>
      <c r="LN41" s="119">
        <v>0</v>
      </c>
      <c r="LO41" s="119">
        <v>0</v>
      </c>
      <c r="LP41" s="119">
        <v>0</v>
      </c>
      <c r="LQ41" s="119">
        <v>0</v>
      </c>
      <c r="LR41" s="119">
        <v>0</v>
      </c>
      <c r="LS41" s="120">
        <v>0</v>
      </c>
      <c r="LT41" s="320">
        <v>0</v>
      </c>
      <c r="LU41" s="142">
        <v>0</v>
      </c>
      <c r="LV41" s="119">
        <v>0</v>
      </c>
      <c r="LW41" s="120">
        <v>0</v>
      </c>
      <c r="LX41" s="145"/>
      <c r="LY41" s="119">
        <v>0</v>
      </c>
      <c r="LZ41" s="119">
        <v>0</v>
      </c>
      <c r="MA41" s="119">
        <v>0</v>
      </c>
      <c r="MB41" s="119">
        <v>0</v>
      </c>
      <c r="MC41" s="119">
        <v>0</v>
      </c>
      <c r="MD41" s="120">
        <v>0</v>
      </c>
      <c r="ME41" s="121">
        <v>0</v>
      </c>
      <c r="MF41" s="142">
        <v>0</v>
      </c>
      <c r="MG41" s="119">
        <v>0</v>
      </c>
      <c r="MH41" s="120">
        <v>0</v>
      </c>
      <c r="MI41" s="145"/>
      <c r="MJ41" s="119">
        <v>5317384</v>
      </c>
      <c r="MK41" s="119">
        <v>7221860</v>
      </c>
      <c r="ML41" s="119">
        <v>25177576</v>
      </c>
      <c r="MM41" s="119">
        <v>37891814</v>
      </c>
      <c r="MN41" s="119">
        <v>30678716</v>
      </c>
      <c r="MO41" s="120">
        <v>106287350</v>
      </c>
      <c r="MP41" s="143">
        <v>106287350</v>
      </c>
      <c r="MQ41" s="142">
        <v>0</v>
      </c>
      <c r="MR41" s="119">
        <v>0</v>
      </c>
      <c r="MS41" s="120">
        <v>0</v>
      </c>
      <c r="MT41" s="145"/>
      <c r="MU41" s="119">
        <v>0</v>
      </c>
      <c r="MV41" s="119">
        <v>728171</v>
      </c>
      <c r="MW41" s="119">
        <v>13254895</v>
      </c>
      <c r="MX41" s="119">
        <v>22224488</v>
      </c>
      <c r="MY41" s="119">
        <v>22323789</v>
      </c>
      <c r="MZ41" s="120">
        <v>58531343</v>
      </c>
      <c r="NA41" s="143">
        <v>58531343</v>
      </c>
      <c r="NB41" s="142">
        <v>0</v>
      </c>
      <c r="NC41" s="119">
        <v>0</v>
      </c>
      <c r="ND41" s="120">
        <v>0</v>
      </c>
      <c r="NE41" s="145"/>
      <c r="NF41" s="119">
        <v>5317384</v>
      </c>
      <c r="NG41" s="119">
        <v>6493689</v>
      </c>
      <c r="NH41" s="119">
        <v>11922681</v>
      </c>
      <c r="NI41" s="119">
        <v>12735996</v>
      </c>
      <c r="NJ41" s="119">
        <v>7586557</v>
      </c>
      <c r="NK41" s="120">
        <v>44056307</v>
      </c>
      <c r="NL41" s="320">
        <v>44056307</v>
      </c>
      <c r="NM41" s="142">
        <v>0</v>
      </c>
      <c r="NN41" s="119">
        <v>0</v>
      </c>
      <c r="NO41" s="120">
        <v>0</v>
      </c>
      <c r="NP41" s="145"/>
      <c r="NQ41" s="119">
        <v>0</v>
      </c>
      <c r="NR41" s="119">
        <v>0</v>
      </c>
      <c r="NS41" s="119">
        <v>0</v>
      </c>
      <c r="NT41" s="119">
        <v>652464</v>
      </c>
      <c r="NU41" s="119">
        <v>350051</v>
      </c>
      <c r="NV41" s="120">
        <v>1002515</v>
      </c>
      <c r="NW41" s="121">
        <v>1002515</v>
      </c>
      <c r="NX41" s="142">
        <v>0</v>
      </c>
      <c r="NY41" s="119">
        <v>0</v>
      </c>
      <c r="NZ41" s="120">
        <v>0</v>
      </c>
      <c r="OA41" s="145"/>
      <c r="OB41" s="119">
        <v>0</v>
      </c>
      <c r="OC41" s="119">
        <v>0</v>
      </c>
      <c r="OD41" s="119">
        <v>0</v>
      </c>
      <c r="OE41" s="119">
        <v>2278866</v>
      </c>
      <c r="OF41" s="119">
        <v>418319</v>
      </c>
      <c r="OG41" s="120">
        <v>2697185</v>
      </c>
      <c r="OH41" s="121">
        <v>2697185</v>
      </c>
      <c r="OI41" s="142">
        <v>1373526</v>
      </c>
      <c r="OJ41" s="119">
        <v>2571029</v>
      </c>
      <c r="OK41" s="141">
        <v>3944555</v>
      </c>
      <c r="OL41" s="118">
        <v>0</v>
      </c>
      <c r="OM41" s="119">
        <v>30850286</v>
      </c>
      <c r="ON41" s="119">
        <v>42231490</v>
      </c>
      <c r="OO41" s="119">
        <v>57087942</v>
      </c>
      <c r="OP41" s="119">
        <v>65438912</v>
      </c>
      <c r="OQ41" s="119">
        <v>48037734</v>
      </c>
      <c r="OR41" s="120">
        <v>243646364</v>
      </c>
      <c r="OS41" s="143">
        <v>247590919</v>
      </c>
    </row>
    <row r="42" spans="2:409" ht="21" customHeight="1" thickBot="1" x14ac:dyDescent="0.25">
      <c r="B42" s="63" t="s">
        <v>37</v>
      </c>
      <c r="C42" s="117">
        <v>198304</v>
      </c>
      <c r="D42" s="178">
        <v>133626</v>
      </c>
      <c r="E42" s="179">
        <v>331930</v>
      </c>
      <c r="F42" s="180">
        <v>0</v>
      </c>
      <c r="G42" s="178">
        <v>1509105</v>
      </c>
      <c r="H42" s="178">
        <v>1632120</v>
      </c>
      <c r="I42" s="178">
        <v>2659982</v>
      </c>
      <c r="J42" s="178">
        <v>1897946</v>
      </c>
      <c r="K42" s="178">
        <v>806325</v>
      </c>
      <c r="L42" s="180">
        <v>8505478</v>
      </c>
      <c r="M42" s="181">
        <v>8837408</v>
      </c>
      <c r="N42" s="117">
        <v>32884</v>
      </c>
      <c r="O42" s="178">
        <v>35257</v>
      </c>
      <c r="P42" s="179">
        <v>68141</v>
      </c>
      <c r="Q42" s="117">
        <v>0</v>
      </c>
      <c r="R42" s="178">
        <v>140896</v>
      </c>
      <c r="S42" s="178">
        <v>435402</v>
      </c>
      <c r="T42" s="178">
        <v>307131</v>
      </c>
      <c r="U42" s="178">
        <v>410673</v>
      </c>
      <c r="V42" s="178">
        <v>524118</v>
      </c>
      <c r="W42" s="179">
        <v>1818220</v>
      </c>
      <c r="X42" s="181">
        <v>1886361</v>
      </c>
      <c r="Y42" s="117">
        <v>0</v>
      </c>
      <c r="Z42" s="178">
        <v>0</v>
      </c>
      <c r="AA42" s="179">
        <v>0</v>
      </c>
      <c r="AB42" s="117">
        <v>0</v>
      </c>
      <c r="AC42" s="178">
        <v>65435</v>
      </c>
      <c r="AD42" s="178">
        <v>226944</v>
      </c>
      <c r="AE42" s="178">
        <v>88713</v>
      </c>
      <c r="AF42" s="178">
        <v>169946</v>
      </c>
      <c r="AG42" s="178">
        <v>466496</v>
      </c>
      <c r="AH42" s="179">
        <v>1017534</v>
      </c>
      <c r="AI42" s="181">
        <v>1017534</v>
      </c>
      <c r="AJ42" s="117">
        <v>0</v>
      </c>
      <c r="AK42" s="178">
        <v>0</v>
      </c>
      <c r="AL42" s="179">
        <v>0</v>
      </c>
      <c r="AM42" s="117">
        <v>0</v>
      </c>
      <c r="AN42" s="178">
        <v>0</v>
      </c>
      <c r="AO42" s="178">
        <v>0</v>
      </c>
      <c r="AP42" s="178">
        <v>0</v>
      </c>
      <c r="AQ42" s="178">
        <v>0</v>
      </c>
      <c r="AR42" s="178">
        <v>0</v>
      </c>
      <c r="AS42" s="179">
        <v>0</v>
      </c>
      <c r="AT42" s="181">
        <v>0</v>
      </c>
      <c r="AU42" s="117">
        <v>23092</v>
      </c>
      <c r="AV42" s="178">
        <v>35257</v>
      </c>
      <c r="AW42" s="179">
        <v>58349</v>
      </c>
      <c r="AX42" s="117">
        <v>0</v>
      </c>
      <c r="AY42" s="178">
        <v>50504</v>
      </c>
      <c r="AZ42" s="178">
        <v>135128</v>
      </c>
      <c r="BA42" s="178">
        <v>85513</v>
      </c>
      <c r="BB42" s="178">
        <v>110200</v>
      </c>
      <c r="BC42" s="178">
        <v>29274</v>
      </c>
      <c r="BD42" s="179">
        <v>410619</v>
      </c>
      <c r="BE42" s="181">
        <v>468968</v>
      </c>
      <c r="BF42" s="117">
        <v>0</v>
      </c>
      <c r="BG42" s="178">
        <v>0</v>
      </c>
      <c r="BH42" s="183">
        <v>0</v>
      </c>
      <c r="BI42" s="182">
        <v>0</v>
      </c>
      <c r="BJ42" s="178">
        <v>0</v>
      </c>
      <c r="BK42" s="178">
        <v>38392</v>
      </c>
      <c r="BL42" s="178">
        <v>26066</v>
      </c>
      <c r="BM42" s="178">
        <v>99630</v>
      </c>
      <c r="BN42" s="178">
        <v>0</v>
      </c>
      <c r="BO42" s="179">
        <v>164088</v>
      </c>
      <c r="BP42" s="181">
        <v>164088</v>
      </c>
      <c r="BQ42" s="117">
        <v>9792</v>
      </c>
      <c r="BR42" s="178">
        <v>0</v>
      </c>
      <c r="BS42" s="179">
        <v>9792</v>
      </c>
      <c r="BT42" s="117">
        <v>0</v>
      </c>
      <c r="BU42" s="178">
        <v>24957</v>
      </c>
      <c r="BV42" s="178">
        <v>34938</v>
      </c>
      <c r="BW42" s="178">
        <v>106839</v>
      </c>
      <c r="BX42" s="178">
        <v>30897</v>
      </c>
      <c r="BY42" s="178">
        <v>28348</v>
      </c>
      <c r="BZ42" s="179">
        <v>225979</v>
      </c>
      <c r="CA42" s="181">
        <v>235771</v>
      </c>
      <c r="CB42" s="117">
        <v>23427</v>
      </c>
      <c r="CC42" s="178">
        <v>37796</v>
      </c>
      <c r="CD42" s="179">
        <v>61223</v>
      </c>
      <c r="CE42" s="117">
        <v>0</v>
      </c>
      <c r="CF42" s="178">
        <v>659985</v>
      </c>
      <c r="CG42" s="178">
        <v>674875</v>
      </c>
      <c r="CH42" s="178">
        <v>1053398</v>
      </c>
      <c r="CI42" s="178">
        <v>474912</v>
      </c>
      <c r="CJ42" s="178">
        <v>84159</v>
      </c>
      <c r="CK42" s="179">
        <v>2947329</v>
      </c>
      <c r="CL42" s="181">
        <v>3008552</v>
      </c>
      <c r="CM42" s="117">
        <v>0</v>
      </c>
      <c r="CN42" s="178">
        <v>0</v>
      </c>
      <c r="CO42" s="179">
        <v>0</v>
      </c>
      <c r="CP42" s="182">
        <v>0</v>
      </c>
      <c r="CQ42" s="178">
        <v>343436</v>
      </c>
      <c r="CR42" s="178">
        <v>593116</v>
      </c>
      <c r="CS42" s="178">
        <v>678822</v>
      </c>
      <c r="CT42" s="178">
        <v>207740</v>
      </c>
      <c r="CU42" s="178">
        <v>84159</v>
      </c>
      <c r="CV42" s="179">
        <v>1907273</v>
      </c>
      <c r="CW42" s="181">
        <v>1907273</v>
      </c>
      <c r="CX42" s="117">
        <v>23427</v>
      </c>
      <c r="CY42" s="178">
        <v>37796</v>
      </c>
      <c r="CZ42" s="179">
        <v>61223</v>
      </c>
      <c r="DA42" s="117">
        <v>0</v>
      </c>
      <c r="DB42" s="178">
        <v>316549</v>
      </c>
      <c r="DC42" s="178">
        <v>81759</v>
      </c>
      <c r="DD42" s="178">
        <v>374576</v>
      </c>
      <c r="DE42" s="178">
        <v>267172</v>
      </c>
      <c r="DF42" s="178">
        <v>0</v>
      </c>
      <c r="DG42" s="179">
        <v>1040056</v>
      </c>
      <c r="DH42" s="181">
        <v>1101279</v>
      </c>
      <c r="DI42" s="117">
        <v>0</v>
      </c>
      <c r="DJ42" s="178">
        <v>0</v>
      </c>
      <c r="DK42" s="183">
        <v>0</v>
      </c>
      <c r="DL42" s="182">
        <v>0</v>
      </c>
      <c r="DM42" s="178">
        <v>64901</v>
      </c>
      <c r="DN42" s="178">
        <v>0</v>
      </c>
      <c r="DO42" s="178">
        <v>478842</v>
      </c>
      <c r="DP42" s="178">
        <v>150087</v>
      </c>
      <c r="DQ42" s="178">
        <v>71948</v>
      </c>
      <c r="DR42" s="179">
        <v>765778</v>
      </c>
      <c r="DS42" s="181">
        <v>765778</v>
      </c>
      <c r="DT42" s="117">
        <v>0</v>
      </c>
      <c r="DU42" s="178">
        <v>0</v>
      </c>
      <c r="DV42" s="179">
        <v>0</v>
      </c>
      <c r="DW42" s="117">
        <v>0</v>
      </c>
      <c r="DX42" s="178">
        <v>64901</v>
      </c>
      <c r="DY42" s="178">
        <v>0</v>
      </c>
      <c r="DZ42" s="178">
        <v>478842</v>
      </c>
      <c r="EA42" s="178">
        <v>150087</v>
      </c>
      <c r="EB42" s="178">
        <v>50818</v>
      </c>
      <c r="EC42" s="179">
        <v>744648</v>
      </c>
      <c r="ED42" s="181">
        <v>744648</v>
      </c>
      <c r="EE42" s="117">
        <v>0</v>
      </c>
      <c r="EF42" s="183">
        <v>0</v>
      </c>
      <c r="EG42" s="179">
        <v>0</v>
      </c>
      <c r="EH42" s="117">
        <v>0</v>
      </c>
      <c r="EI42" s="178">
        <v>0</v>
      </c>
      <c r="EJ42" s="178">
        <v>0</v>
      </c>
      <c r="EK42" s="178">
        <v>0</v>
      </c>
      <c r="EL42" s="178">
        <v>0</v>
      </c>
      <c r="EM42" s="178">
        <v>21130</v>
      </c>
      <c r="EN42" s="183">
        <v>21130</v>
      </c>
      <c r="EO42" s="181">
        <v>21130</v>
      </c>
      <c r="EP42" s="117">
        <v>0</v>
      </c>
      <c r="EQ42" s="178">
        <v>0</v>
      </c>
      <c r="ER42" s="183">
        <v>0</v>
      </c>
      <c r="ES42" s="182">
        <v>0</v>
      </c>
      <c r="ET42" s="178">
        <v>0</v>
      </c>
      <c r="EU42" s="178">
        <v>0</v>
      </c>
      <c r="EV42" s="178">
        <v>0</v>
      </c>
      <c r="EW42" s="178">
        <v>0</v>
      </c>
      <c r="EX42" s="178">
        <v>0</v>
      </c>
      <c r="EY42" s="179">
        <v>0</v>
      </c>
      <c r="EZ42" s="181">
        <v>0</v>
      </c>
      <c r="FA42" s="117">
        <v>0</v>
      </c>
      <c r="FB42" s="178">
        <v>0</v>
      </c>
      <c r="FC42" s="183">
        <v>0</v>
      </c>
      <c r="FD42" s="348"/>
      <c r="FE42" s="178">
        <v>0</v>
      </c>
      <c r="FF42" s="178">
        <v>0</v>
      </c>
      <c r="FG42" s="178">
        <v>0</v>
      </c>
      <c r="FH42" s="178">
        <v>0</v>
      </c>
      <c r="FI42" s="178">
        <v>0</v>
      </c>
      <c r="FJ42" s="179">
        <v>0</v>
      </c>
      <c r="FK42" s="181">
        <v>0</v>
      </c>
      <c r="FL42" s="117">
        <v>82674</v>
      </c>
      <c r="FM42" s="178">
        <v>28632</v>
      </c>
      <c r="FN42" s="179">
        <v>111306</v>
      </c>
      <c r="FO42" s="117">
        <v>0</v>
      </c>
      <c r="FP42" s="178">
        <v>232830</v>
      </c>
      <c r="FQ42" s="178">
        <v>238311</v>
      </c>
      <c r="FR42" s="178">
        <v>359865</v>
      </c>
      <c r="FS42" s="178">
        <v>256725</v>
      </c>
      <c r="FT42" s="178">
        <v>63240</v>
      </c>
      <c r="FU42" s="179">
        <v>1150971</v>
      </c>
      <c r="FV42" s="181">
        <v>1262277</v>
      </c>
      <c r="FW42" s="184">
        <v>82674</v>
      </c>
      <c r="FX42" s="178">
        <v>28632</v>
      </c>
      <c r="FY42" s="183">
        <v>111306</v>
      </c>
      <c r="FZ42" s="182">
        <v>0</v>
      </c>
      <c r="GA42" s="178">
        <v>232830</v>
      </c>
      <c r="GB42" s="178">
        <v>238311</v>
      </c>
      <c r="GC42" s="178">
        <v>359865</v>
      </c>
      <c r="GD42" s="178">
        <v>256725</v>
      </c>
      <c r="GE42" s="178">
        <v>63240</v>
      </c>
      <c r="GF42" s="179">
        <v>1150971</v>
      </c>
      <c r="GG42" s="319">
        <v>1262277</v>
      </c>
      <c r="GH42" s="184">
        <v>0</v>
      </c>
      <c r="GI42" s="178">
        <v>0</v>
      </c>
      <c r="GJ42" s="183">
        <v>0</v>
      </c>
      <c r="GK42" s="182">
        <v>0</v>
      </c>
      <c r="GL42" s="178">
        <v>0</v>
      </c>
      <c r="GM42" s="178">
        <v>0</v>
      </c>
      <c r="GN42" s="178">
        <v>0</v>
      </c>
      <c r="GO42" s="178">
        <v>0</v>
      </c>
      <c r="GP42" s="178">
        <v>0</v>
      </c>
      <c r="GQ42" s="179">
        <v>0</v>
      </c>
      <c r="GR42" s="181">
        <v>0</v>
      </c>
      <c r="GS42" s="117">
        <v>0</v>
      </c>
      <c r="GT42" s="178">
        <v>0</v>
      </c>
      <c r="GU42" s="179">
        <v>0</v>
      </c>
      <c r="GV42" s="117">
        <v>0</v>
      </c>
      <c r="GW42" s="178">
        <v>0</v>
      </c>
      <c r="GX42" s="178">
        <v>0</v>
      </c>
      <c r="GY42" s="178">
        <v>0</v>
      </c>
      <c r="GZ42" s="178">
        <v>0</v>
      </c>
      <c r="HA42" s="178">
        <v>0</v>
      </c>
      <c r="HB42" s="183">
        <v>0</v>
      </c>
      <c r="HC42" s="181">
        <v>0</v>
      </c>
      <c r="HD42" s="117">
        <v>0</v>
      </c>
      <c r="HE42" s="178">
        <v>0</v>
      </c>
      <c r="HF42" s="183">
        <v>0</v>
      </c>
      <c r="HG42" s="182">
        <v>0</v>
      </c>
      <c r="HH42" s="178">
        <v>0</v>
      </c>
      <c r="HI42" s="178">
        <v>0</v>
      </c>
      <c r="HJ42" s="178">
        <v>0</v>
      </c>
      <c r="HK42" s="178">
        <v>408113</v>
      </c>
      <c r="HL42" s="178">
        <v>0</v>
      </c>
      <c r="HM42" s="179">
        <v>408113</v>
      </c>
      <c r="HN42" s="180">
        <v>408113</v>
      </c>
      <c r="HO42" s="184">
        <v>59319</v>
      </c>
      <c r="HP42" s="178">
        <v>31941</v>
      </c>
      <c r="HQ42" s="179">
        <v>91260</v>
      </c>
      <c r="HR42" s="117">
        <v>0</v>
      </c>
      <c r="HS42" s="178">
        <v>410493</v>
      </c>
      <c r="HT42" s="178">
        <v>283532</v>
      </c>
      <c r="HU42" s="178">
        <v>460746</v>
      </c>
      <c r="HV42" s="178">
        <v>197436</v>
      </c>
      <c r="HW42" s="178">
        <v>62860</v>
      </c>
      <c r="HX42" s="183">
        <v>1415067</v>
      </c>
      <c r="HY42" s="181">
        <v>1506327</v>
      </c>
      <c r="HZ42" s="151">
        <v>0</v>
      </c>
      <c r="IA42" s="152">
        <v>0</v>
      </c>
      <c r="IB42" s="153">
        <v>0</v>
      </c>
      <c r="IC42" s="154">
        <v>0</v>
      </c>
      <c r="ID42" s="155">
        <v>1195297</v>
      </c>
      <c r="IE42" s="156">
        <v>857172</v>
      </c>
      <c r="IF42" s="157">
        <v>1843369</v>
      </c>
      <c r="IG42" s="155">
        <v>326822</v>
      </c>
      <c r="IH42" s="157">
        <v>493260</v>
      </c>
      <c r="II42" s="158">
        <v>4715920</v>
      </c>
      <c r="IJ42" s="159">
        <v>4715920</v>
      </c>
      <c r="IK42" s="233">
        <v>0</v>
      </c>
      <c r="IL42" s="238">
        <v>0</v>
      </c>
      <c r="IM42" s="239">
        <v>0</v>
      </c>
      <c r="IN42" s="160"/>
      <c r="IO42" s="161">
        <v>0</v>
      </c>
      <c r="IP42" s="161">
        <v>0</v>
      </c>
      <c r="IQ42" s="161">
        <v>178530</v>
      </c>
      <c r="IR42" s="161">
        <v>0</v>
      </c>
      <c r="IS42" s="161">
        <v>0</v>
      </c>
      <c r="IT42" s="162">
        <v>178530</v>
      </c>
      <c r="IU42" s="321">
        <v>178530</v>
      </c>
      <c r="IV42" s="163">
        <v>0</v>
      </c>
      <c r="IW42" s="161">
        <v>0</v>
      </c>
      <c r="IX42" s="165">
        <v>0</v>
      </c>
      <c r="IY42" s="168"/>
      <c r="IZ42" s="161">
        <v>0</v>
      </c>
      <c r="JA42" s="161">
        <v>0</v>
      </c>
      <c r="JB42" s="161">
        <v>0</v>
      </c>
      <c r="JC42" s="161">
        <v>0</v>
      </c>
      <c r="JD42" s="161">
        <v>0</v>
      </c>
      <c r="JE42" s="165">
        <v>0</v>
      </c>
      <c r="JF42" s="166">
        <v>0</v>
      </c>
      <c r="JG42" s="163">
        <v>0</v>
      </c>
      <c r="JH42" s="161">
        <v>0</v>
      </c>
      <c r="JI42" s="162">
        <v>0</v>
      </c>
      <c r="JJ42" s="164">
        <v>0</v>
      </c>
      <c r="JK42" s="161">
        <v>894730</v>
      </c>
      <c r="JL42" s="161">
        <v>582582</v>
      </c>
      <c r="JM42" s="161">
        <v>1099743</v>
      </c>
      <c r="JN42" s="161">
        <v>0</v>
      </c>
      <c r="JO42" s="161">
        <v>254409</v>
      </c>
      <c r="JP42" s="165">
        <v>2831464</v>
      </c>
      <c r="JQ42" s="321">
        <v>2831464</v>
      </c>
      <c r="JR42" s="163">
        <v>0</v>
      </c>
      <c r="JS42" s="161">
        <v>0</v>
      </c>
      <c r="JT42" s="162">
        <v>0</v>
      </c>
      <c r="JU42" s="164">
        <v>0</v>
      </c>
      <c r="JV42" s="161">
        <v>37577</v>
      </c>
      <c r="JW42" s="161">
        <v>0</v>
      </c>
      <c r="JX42" s="161">
        <v>0</v>
      </c>
      <c r="JY42" s="161">
        <v>326822</v>
      </c>
      <c r="JZ42" s="161">
        <v>238851</v>
      </c>
      <c r="KA42" s="165">
        <v>603250</v>
      </c>
      <c r="KB42" s="321">
        <v>603250</v>
      </c>
      <c r="KC42" s="235">
        <v>0</v>
      </c>
      <c r="KD42" s="231">
        <v>0</v>
      </c>
      <c r="KE42" s="165">
        <v>0</v>
      </c>
      <c r="KF42" s="164">
        <v>0</v>
      </c>
      <c r="KG42" s="161">
        <v>0</v>
      </c>
      <c r="KH42" s="161">
        <v>0</v>
      </c>
      <c r="KI42" s="161">
        <v>0</v>
      </c>
      <c r="KJ42" s="161">
        <v>0</v>
      </c>
      <c r="KK42" s="161">
        <v>0</v>
      </c>
      <c r="KL42" s="165">
        <v>0</v>
      </c>
      <c r="KM42" s="167">
        <v>0</v>
      </c>
      <c r="KN42" s="233">
        <v>0</v>
      </c>
      <c r="KO42" s="238">
        <v>0</v>
      </c>
      <c r="KP42" s="239">
        <v>0</v>
      </c>
      <c r="KQ42" s="160"/>
      <c r="KR42" s="161">
        <v>262990</v>
      </c>
      <c r="KS42" s="161">
        <v>274590</v>
      </c>
      <c r="KT42" s="161">
        <v>565096</v>
      </c>
      <c r="KU42" s="161">
        <v>0</v>
      </c>
      <c r="KV42" s="161">
        <v>0</v>
      </c>
      <c r="KW42" s="165">
        <v>1102676</v>
      </c>
      <c r="KX42" s="321">
        <v>1102676</v>
      </c>
      <c r="KY42" s="163">
        <v>0</v>
      </c>
      <c r="KZ42" s="161">
        <v>0</v>
      </c>
      <c r="LA42" s="165">
        <v>0</v>
      </c>
      <c r="LB42" s="169"/>
      <c r="LC42" s="161">
        <v>0</v>
      </c>
      <c r="LD42" s="161">
        <v>0</v>
      </c>
      <c r="LE42" s="161">
        <v>0</v>
      </c>
      <c r="LF42" s="161">
        <v>0</v>
      </c>
      <c r="LG42" s="161">
        <v>0</v>
      </c>
      <c r="LH42" s="165">
        <v>0</v>
      </c>
      <c r="LI42" s="166">
        <v>0</v>
      </c>
      <c r="LJ42" s="163">
        <v>0</v>
      </c>
      <c r="LK42" s="161">
        <v>0</v>
      </c>
      <c r="LL42" s="165">
        <v>0</v>
      </c>
      <c r="LM42" s="169"/>
      <c r="LN42" s="161">
        <v>0</v>
      </c>
      <c r="LO42" s="161">
        <v>0</v>
      </c>
      <c r="LP42" s="161">
        <v>0</v>
      </c>
      <c r="LQ42" s="161">
        <v>0</v>
      </c>
      <c r="LR42" s="161">
        <v>0</v>
      </c>
      <c r="LS42" s="165">
        <v>0</v>
      </c>
      <c r="LT42" s="321">
        <v>0</v>
      </c>
      <c r="LU42" s="163">
        <v>0</v>
      </c>
      <c r="LV42" s="161">
        <v>0</v>
      </c>
      <c r="LW42" s="165">
        <v>0</v>
      </c>
      <c r="LX42" s="169"/>
      <c r="LY42" s="161">
        <v>0</v>
      </c>
      <c r="LZ42" s="161">
        <v>0</v>
      </c>
      <c r="MA42" s="161">
        <v>0</v>
      </c>
      <c r="MB42" s="161">
        <v>0</v>
      </c>
      <c r="MC42" s="161">
        <v>0</v>
      </c>
      <c r="MD42" s="165">
        <v>0</v>
      </c>
      <c r="ME42" s="166">
        <v>0</v>
      </c>
      <c r="MF42" s="163">
        <v>0</v>
      </c>
      <c r="MG42" s="161">
        <v>0</v>
      </c>
      <c r="MH42" s="165">
        <v>0</v>
      </c>
      <c r="MI42" s="169"/>
      <c r="MJ42" s="161">
        <v>517720</v>
      </c>
      <c r="MK42" s="161">
        <v>0</v>
      </c>
      <c r="ML42" s="161">
        <v>4785652</v>
      </c>
      <c r="MM42" s="161">
        <v>2189238</v>
      </c>
      <c r="MN42" s="161">
        <v>2431334</v>
      </c>
      <c r="MO42" s="165">
        <v>9923944</v>
      </c>
      <c r="MP42" s="167">
        <v>9923944</v>
      </c>
      <c r="MQ42" s="163">
        <v>0</v>
      </c>
      <c r="MR42" s="161">
        <v>0</v>
      </c>
      <c r="MS42" s="165">
        <v>0</v>
      </c>
      <c r="MT42" s="169"/>
      <c r="MU42" s="161">
        <v>0</v>
      </c>
      <c r="MV42" s="161">
        <v>0</v>
      </c>
      <c r="MW42" s="161">
        <v>2641704</v>
      </c>
      <c r="MX42" s="161">
        <v>1161851</v>
      </c>
      <c r="MY42" s="161">
        <v>1922862</v>
      </c>
      <c r="MZ42" s="165">
        <v>5726417</v>
      </c>
      <c r="NA42" s="167">
        <v>5726417</v>
      </c>
      <c r="NB42" s="163">
        <v>0</v>
      </c>
      <c r="NC42" s="161">
        <v>0</v>
      </c>
      <c r="ND42" s="165">
        <v>0</v>
      </c>
      <c r="NE42" s="169"/>
      <c r="NF42" s="161">
        <v>517720</v>
      </c>
      <c r="NG42" s="161">
        <v>0</v>
      </c>
      <c r="NH42" s="161">
        <v>2143948</v>
      </c>
      <c r="NI42" s="161">
        <v>1027387</v>
      </c>
      <c r="NJ42" s="161">
        <v>343857</v>
      </c>
      <c r="NK42" s="165">
        <v>4032912</v>
      </c>
      <c r="NL42" s="321">
        <v>4032912</v>
      </c>
      <c r="NM42" s="163">
        <v>0</v>
      </c>
      <c r="NN42" s="161">
        <v>0</v>
      </c>
      <c r="NO42" s="165">
        <v>0</v>
      </c>
      <c r="NP42" s="169"/>
      <c r="NQ42" s="161">
        <v>0</v>
      </c>
      <c r="NR42" s="161">
        <v>0</v>
      </c>
      <c r="NS42" s="161">
        <v>0</v>
      </c>
      <c r="NT42" s="161">
        <v>0</v>
      </c>
      <c r="NU42" s="161">
        <v>0</v>
      </c>
      <c r="NV42" s="165">
        <v>0</v>
      </c>
      <c r="NW42" s="166">
        <v>0</v>
      </c>
      <c r="NX42" s="163">
        <v>0</v>
      </c>
      <c r="NY42" s="161">
        <v>0</v>
      </c>
      <c r="NZ42" s="165">
        <v>0</v>
      </c>
      <c r="OA42" s="169"/>
      <c r="OB42" s="161">
        <v>0</v>
      </c>
      <c r="OC42" s="161">
        <v>0</v>
      </c>
      <c r="OD42" s="161">
        <v>0</v>
      </c>
      <c r="OE42" s="161">
        <v>0</v>
      </c>
      <c r="OF42" s="161">
        <v>164615</v>
      </c>
      <c r="OG42" s="165">
        <v>164615</v>
      </c>
      <c r="OH42" s="166">
        <v>164615</v>
      </c>
      <c r="OI42" s="163">
        <v>198304</v>
      </c>
      <c r="OJ42" s="161">
        <v>133626</v>
      </c>
      <c r="OK42" s="162">
        <v>331930</v>
      </c>
      <c r="OL42" s="164">
        <v>0</v>
      </c>
      <c r="OM42" s="161">
        <v>3222122</v>
      </c>
      <c r="ON42" s="161">
        <v>2489292</v>
      </c>
      <c r="OO42" s="161">
        <v>9289003</v>
      </c>
      <c r="OP42" s="161">
        <v>4414006</v>
      </c>
      <c r="OQ42" s="161">
        <v>3730919</v>
      </c>
      <c r="OR42" s="165">
        <v>23145342</v>
      </c>
      <c r="OS42" s="167">
        <v>23477272</v>
      </c>
    </row>
    <row r="43" spans="2:409" x14ac:dyDescent="0.2">
      <c r="B43" s="1" t="s">
        <v>84</v>
      </c>
    </row>
  </sheetData>
  <mergeCells count="159">
    <mergeCell ref="OH7:OH8"/>
    <mergeCell ref="OI7:OK7"/>
    <mergeCell ref="OL7:OR7"/>
    <mergeCell ref="OS7:OS8"/>
    <mergeCell ref="NL7:NL8"/>
    <mergeCell ref="NM7:NO7"/>
    <mergeCell ref="NP7:NV7"/>
    <mergeCell ref="NW7:NW8"/>
    <mergeCell ref="NX7:NZ7"/>
    <mergeCell ref="NA7:NA8"/>
    <mergeCell ref="NB7:ND7"/>
    <mergeCell ref="NE7:NK7"/>
    <mergeCell ref="LX7:MD7"/>
    <mergeCell ref="ME7:ME8"/>
    <mergeCell ref="MF7:MH7"/>
    <mergeCell ref="MI7:MO7"/>
    <mergeCell ref="MP7:MP8"/>
    <mergeCell ref="OA7:OG7"/>
    <mergeCell ref="LI7:LI8"/>
    <mergeCell ref="LJ7:LL7"/>
    <mergeCell ref="KC7:KE7"/>
    <mergeCell ref="KF7:KL7"/>
    <mergeCell ref="KM7:KM8"/>
    <mergeCell ref="KN7:KP7"/>
    <mergeCell ref="KQ7:KW7"/>
    <mergeCell ref="MQ7:MS7"/>
    <mergeCell ref="MT7:MZ7"/>
    <mergeCell ref="OI4:OS6"/>
    <mergeCell ref="HZ5:IJ6"/>
    <mergeCell ref="IK5:IU6"/>
    <mergeCell ref="IV5:JF6"/>
    <mergeCell ref="JG5:JQ6"/>
    <mergeCell ref="JR5:KB6"/>
    <mergeCell ref="KC5:KM6"/>
    <mergeCell ref="KN5:KX6"/>
    <mergeCell ref="KY5:LI6"/>
    <mergeCell ref="LJ5:LT6"/>
    <mergeCell ref="LU5:ME6"/>
    <mergeCell ref="MF5:MP6"/>
    <mergeCell ref="MQ5:NA6"/>
    <mergeCell ref="NB5:NL6"/>
    <mergeCell ref="NM5:NW6"/>
    <mergeCell ref="MF4:OH4"/>
    <mergeCell ref="ID1:IE1"/>
    <mergeCell ref="HZ4:ME4"/>
    <mergeCell ref="JJ7:JP7"/>
    <mergeCell ref="JQ7:JQ8"/>
    <mergeCell ref="JR7:JT7"/>
    <mergeCell ref="JU7:KA7"/>
    <mergeCell ref="KB7:KB8"/>
    <mergeCell ref="NX5:OH6"/>
    <mergeCell ref="LM7:LS7"/>
    <mergeCell ref="LT7:LT8"/>
    <mergeCell ref="LU7:LW7"/>
    <mergeCell ref="IU7:IU8"/>
    <mergeCell ref="IV7:IX7"/>
    <mergeCell ref="IY7:JE7"/>
    <mergeCell ref="JF7:JF8"/>
    <mergeCell ref="JG7:JI7"/>
    <mergeCell ref="HZ7:IB7"/>
    <mergeCell ref="IC7:II7"/>
    <mergeCell ref="IJ7:IJ8"/>
    <mergeCell ref="IK7:IM7"/>
    <mergeCell ref="IN7:IT7"/>
    <mergeCell ref="KX7:KX8"/>
    <mergeCell ref="KY7:LA7"/>
    <mergeCell ref="LB7:LH7"/>
    <mergeCell ref="CL7:CL8"/>
    <mergeCell ref="BI7:BO7"/>
    <mergeCell ref="BP7:BP8"/>
    <mergeCell ref="BQ7:BS7"/>
    <mergeCell ref="BT7:BZ7"/>
    <mergeCell ref="BF7:BH7"/>
    <mergeCell ref="CA7:CA8"/>
    <mergeCell ref="CB7:CD7"/>
    <mergeCell ref="CE7:CK7"/>
    <mergeCell ref="DT7:DV7"/>
    <mergeCell ref="DW7:EC7"/>
    <mergeCell ref="ED7:ED8"/>
    <mergeCell ref="DL7:DR7"/>
    <mergeCell ref="CM7:CO7"/>
    <mergeCell ref="CP7:CV7"/>
    <mergeCell ref="CW7:CW8"/>
    <mergeCell ref="CX7:CZ7"/>
    <mergeCell ref="DA7:DG7"/>
    <mergeCell ref="DH7:DH8"/>
    <mergeCell ref="DI7:DK7"/>
    <mergeCell ref="HY7:HY8"/>
    <mergeCell ref="HG7:HM7"/>
    <mergeCell ref="HN7:HN8"/>
    <mergeCell ref="HO7:HQ7"/>
    <mergeCell ref="HR7:HX7"/>
    <mergeCell ref="FL7:FN7"/>
    <mergeCell ref="FO7:FU7"/>
    <mergeCell ref="EE7:EG7"/>
    <mergeCell ref="EH7:EN7"/>
    <mergeCell ref="EO7:EO8"/>
    <mergeCell ref="EP7:ER7"/>
    <mergeCell ref="GS7:GU7"/>
    <mergeCell ref="GV7:HB7"/>
    <mergeCell ref="HC7:HC8"/>
    <mergeCell ref="HD7:HF7"/>
    <mergeCell ref="FV7:FV8"/>
    <mergeCell ref="FW7:FY7"/>
    <mergeCell ref="FZ7:GF7"/>
    <mergeCell ref="GG7:GG8"/>
    <mergeCell ref="GR7:GR8"/>
    <mergeCell ref="GK7:GQ7"/>
    <mergeCell ref="GH7:GJ7"/>
    <mergeCell ref="FA7:FC7"/>
    <mergeCell ref="FD7:FJ7"/>
    <mergeCell ref="B4:B8"/>
    <mergeCell ref="C4:M6"/>
    <mergeCell ref="N4:HY4"/>
    <mergeCell ref="N5:CA5"/>
    <mergeCell ref="CB5:DH5"/>
    <mergeCell ref="FL5:HC5"/>
    <mergeCell ref="HD5:HN6"/>
    <mergeCell ref="HO5:HY6"/>
    <mergeCell ref="Y6:AI6"/>
    <mergeCell ref="Q7:W7"/>
    <mergeCell ref="X7:X8"/>
    <mergeCell ref="Y7:AA7"/>
    <mergeCell ref="AB7:AH7"/>
    <mergeCell ref="C7:E7"/>
    <mergeCell ref="F7:L7"/>
    <mergeCell ref="M7:M8"/>
    <mergeCell ref="N7:P7"/>
    <mergeCell ref="AU7:AW7"/>
    <mergeCell ref="AX7:BD7"/>
    <mergeCell ref="BE7:BE8"/>
    <mergeCell ref="AI7:AI8"/>
    <mergeCell ref="AJ7:AL7"/>
    <mergeCell ref="AM7:AS7"/>
    <mergeCell ref="AT7:AT8"/>
    <mergeCell ref="G1:H1"/>
    <mergeCell ref="FK7:FK8"/>
    <mergeCell ref="DI5:FK5"/>
    <mergeCell ref="GS6:HC6"/>
    <mergeCell ref="GH6:GR6"/>
    <mergeCell ref="N6:X6"/>
    <mergeCell ref="CB6:CL6"/>
    <mergeCell ref="DI6:DS6"/>
    <mergeCell ref="DT6:ED6"/>
    <mergeCell ref="EE6:EO6"/>
    <mergeCell ref="EP6:EZ6"/>
    <mergeCell ref="FL6:FV6"/>
    <mergeCell ref="FW6:GG6"/>
    <mergeCell ref="FA6:FK6"/>
    <mergeCell ref="CX6:DH6"/>
    <mergeCell ref="BQ6:CA6"/>
    <mergeCell ref="CM6:CW6"/>
    <mergeCell ref="AJ6:AT6"/>
    <mergeCell ref="AU6:BE6"/>
    <mergeCell ref="BF6:BP6"/>
    <mergeCell ref="G2:H2"/>
    <mergeCell ref="ES7:EY7"/>
    <mergeCell ref="EZ7:EZ8"/>
    <mergeCell ref="DS7:DS8"/>
  </mergeCells>
  <phoneticPr fontId="4"/>
  <pageMargins left="0.78740157480314965" right="0.78740157480314965" top="0.39370078740157483" bottom="0.43307086614173229" header="0.19685039370078741" footer="0.19685039370078741"/>
  <pageSetup paperSize="9" scale="55" orientation="landscape" r:id="rId1"/>
  <headerFooter alignWithMargins="0">
    <oddFooter>&amp;L&amp;20&amp;A&amp;C&amp;P/&amp;N</oddFooter>
  </headerFooter>
  <colBreaks count="9" manualBreakCount="9">
    <brk id="24" max="1048575" man="1"/>
    <brk id="46" max="1048575" man="1"/>
    <brk id="68" max="1048575" man="1"/>
    <brk id="90" max="1048575" man="1"/>
    <brk id="112" max="1048575" man="1"/>
    <brk id="134" max="1048575" man="1"/>
    <brk id="167" max="1048575" man="1"/>
    <brk id="189" max="1048575" man="1"/>
    <brk id="211" max="1048575" man="1"/>
  </colBreaks>
</worksheet>
</file>

<file path=xl/worksheets/sheet2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6"/>
  </sheetPr>
  <dimension ref="A1:OS43"/>
  <sheetViews>
    <sheetView zoomScaleNormal="100" workbookViewId="0">
      <pane xSplit="2" ySplit="9" topLeftCell="C10" activePane="bottomRight" state="frozen"/>
      <selection activeCell="F37" sqref="F37"/>
      <selection pane="topRight" activeCell="F37" sqref="F37"/>
      <selection pane="bottomLeft" activeCell="F37" sqref="F37"/>
      <selection pane="bottomRight" activeCell="B1" sqref="B1"/>
    </sheetView>
  </sheetViews>
  <sheetFormatPr defaultColWidth="8.21875" defaultRowHeight="13.2" x14ac:dyDescent="0.2"/>
  <cols>
    <col min="1" max="1" width="2.77734375" style="44" customWidth="1"/>
    <col min="2" max="2" width="9" style="44" customWidth="1"/>
    <col min="3" max="3" width="8.21875" style="44" customWidth="1"/>
    <col min="4" max="5" width="10" style="44" customWidth="1"/>
    <col min="6" max="6" width="7.21875" style="44" customWidth="1"/>
    <col min="7" max="8" width="10" style="44" customWidth="1"/>
    <col min="9" max="9" width="9.88671875" style="44" customWidth="1"/>
    <col min="10" max="10" width="9.77734375" style="44" customWidth="1"/>
    <col min="11" max="11" width="9.88671875" style="44" customWidth="1"/>
    <col min="12" max="12" width="10.88671875" style="44" customWidth="1"/>
    <col min="13" max="13" width="11.109375" style="44" customWidth="1"/>
    <col min="14" max="16" width="8.21875" style="44" customWidth="1"/>
    <col min="17" max="17" width="7.21875" style="44" customWidth="1"/>
    <col min="18" max="18" width="10" style="44" customWidth="1"/>
    <col min="19" max="19" width="10.109375" style="44" customWidth="1"/>
    <col min="20" max="20" width="9.109375" style="44" customWidth="1"/>
    <col min="21" max="21" width="9.77734375" style="44" customWidth="1"/>
    <col min="22" max="22" width="10.33203125" style="44" customWidth="1"/>
    <col min="23" max="23" width="10.44140625" style="44" customWidth="1"/>
    <col min="24" max="24" width="11" style="44" customWidth="1"/>
    <col min="25" max="27" width="8.21875" style="44" customWidth="1"/>
    <col min="28" max="28" width="7" style="44" customWidth="1"/>
    <col min="29" max="33" width="8.21875" style="44" customWidth="1"/>
    <col min="34" max="34" width="10.6640625" style="44" customWidth="1"/>
    <col min="35" max="35" width="10" style="44" customWidth="1"/>
    <col min="36" max="38" width="8.21875" style="44" customWidth="1"/>
    <col min="39" max="39" width="7" style="44" customWidth="1"/>
    <col min="40" max="49" width="8.21875" style="44" customWidth="1"/>
    <col min="50" max="50" width="7.21875" style="44" customWidth="1"/>
    <col min="51" max="55" width="8.21875" style="44" customWidth="1"/>
    <col min="56" max="57" width="9.33203125" style="44" customWidth="1"/>
    <col min="58" max="60" width="8.21875" style="44" customWidth="1"/>
    <col min="61" max="61" width="6.88671875" style="44" customWidth="1"/>
    <col min="62" max="71" width="8.21875" style="44" customWidth="1"/>
    <col min="72" max="72" width="7.21875" style="44" customWidth="1"/>
    <col min="73" max="79" width="8.21875" style="44" customWidth="1"/>
    <col min="80" max="82" width="8.21875" style="324" customWidth="1"/>
    <col min="83" max="83" width="7.6640625" style="324" customWidth="1"/>
    <col min="84" max="84" width="9.88671875" style="324" customWidth="1"/>
    <col min="85" max="85" width="10" style="324" customWidth="1"/>
    <col min="86" max="86" width="9.77734375" style="324" customWidth="1"/>
    <col min="87" max="87" width="9.21875" style="324" customWidth="1"/>
    <col min="88" max="88" width="8.77734375" style="324" customWidth="1"/>
    <col min="89" max="89" width="9.88671875" style="324" customWidth="1"/>
    <col min="90" max="90" width="9.77734375" style="324" customWidth="1"/>
    <col min="91" max="93" width="8.21875" style="44" customWidth="1"/>
    <col min="94" max="94" width="7.33203125" style="44" customWidth="1"/>
    <col min="95" max="95" width="9.88671875" style="44" bestFit="1" customWidth="1"/>
    <col min="96" max="96" width="10" style="44" customWidth="1"/>
    <col min="97" max="97" width="9.6640625" style="44" customWidth="1"/>
    <col min="98" max="99" width="8.21875" style="44" customWidth="1"/>
    <col min="100" max="101" width="9.88671875" style="44" customWidth="1"/>
    <col min="102" max="104" width="8.21875" style="44" customWidth="1"/>
    <col min="105" max="105" width="7.44140625" style="44" customWidth="1"/>
    <col min="106" max="110" width="8.21875" style="44" customWidth="1"/>
    <col min="111" max="111" width="10" style="44" customWidth="1"/>
    <col min="112" max="112" width="9.88671875" style="44" customWidth="1"/>
    <col min="113" max="115" width="8.21875" style="324" customWidth="1"/>
    <col min="116" max="116" width="7.21875" style="324" customWidth="1"/>
    <col min="117" max="121" width="8.21875" style="324" customWidth="1"/>
    <col min="122" max="122" width="10.109375" style="324" customWidth="1"/>
    <col min="123" max="123" width="9.77734375" style="324" customWidth="1"/>
    <col min="124" max="126" width="8.21875" style="44" customWidth="1"/>
    <col min="127" max="127" width="7.33203125" style="44" customWidth="1"/>
    <col min="128" max="132" width="8.21875" style="44" customWidth="1"/>
    <col min="133" max="133" width="10.33203125" style="44" customWidth="1"/>
    <col min="134" max="134" width="10.109375" style="44" customWidth="1"/>
    <col min="135" max="137" width="8.21875" style="44" customWidth="1"/>
    <col min="138" max="138" width="7.109375" style="44" customWidth="1"/>
    <col min="139" max="148" width="8.21875" style="44" customWidth="1"/>
    <col min="149" max="149" width="7.21875" style="44" customWidth="1"/>
    <col min="150" max="159" width="8.21875" style="44" customWidth="1"/>
    <col min="160" max="160" width="7.21875" style="44" customWidth="1"/>
    <col min="161" max="167" width="8.21875" style="44" customWidth="1"/>
    <col min="168" max="170" width="8.21875" style="324" customWidth="1"/>
    <col min="171" max="171" width="6.6640625" style="324" customWidth="1"/>
    <col min="172" max="176" width="8.21875" style="324" customWidth="1"/>
    <col min="177" max="177" width="10.109375" style="324" customWidth="1"/>
    <col min="178" max="178" width="9.88671875" style="324" customWidth="1"/>
    <col min="179" max="181" width="8.21875" style="44" customWidth="1"/>
    <col min="182" max="182" width="7.33203125" style="44" customWidth="1"/>
    <col min="183" max="187" width="8.21875" style="44" customWidth="1"/>
    <col min="188" max="188" width="10" style="44" customWidth="1"/>
    <col min="189" max="189" width="10.6640625" style="44" customWidth="1"/>
    <col min="190" max="192" width="8.21875" style="44" customWidth="1"/>
    <col min="193" max="193" width="7.21875" style="44" customWidth="1"/>
    <col min="194" max="203" width="8.21875" style="44" customWidth="1"/>
    <col min="204" max="204" width="7.109375" style="44" customWidth="1"/>
    <col min="205" max="214" width="8.21875" style="44" customWidth="1"/>
    <col min="215" max="215" width="7.109375" style="44" customWidth="1"/>
    <col min="216" max="220" width="8.21875" style="44" customWidth="1"/>
    <col min="221" max="222" width="9.77734375" style="44" customWidth="1"/>
    <col min="223" max="225" width="8.21875" style="44" customWidth="1"/>
    <col min="226" max="226" width="7.21875" style="44" customWidth="1"/>
    <col min="227" max="231" width="8.21875" style="44" customWidth="1"/>
    <col min="232" max="233" width="10" style="44" customWidth="1"/>
    <col min="234" max="235" width="7.44140625" style="39" customWidth="1"/>
    <col min="236" max="236" width="9.33203125" style="39" customWidth="1"/>
    <col min="237" max="237" width="7.44140625" style="39" customWidth="1"/>
    <col min="238" max="244" width="10.109375" style="39" customWidth="1"/>
    <col min="245" max="247" width="10.109375" style="1" customWidth="1"/>
    <col min="248" max="248" width="7.109375" style="1" customWidth="1"/>
    <col min="249" max="258" width="10.109375" style="1" customWidth="1"/>
    <col min="259" max="259" width="7.33203125" style="1" customWidth="1"/>
    <col min="260" max="269" width="10.109375" style="1" customWidth="1"/>
    <col min="270" max="270" width="7.21875" style="1" customWidth="1"/>
    <col min="271" max="280" width="10.109375" style="1" customWidth="1"/>
    <col min="281" max="281" width="7.6640625" style="1" customWidth="1"/>
    <col min="282" max="291" width="10.109375" style="1" customWidth="1"/>
    <col min="292" max="292" width="7.77734375" style="1" customWidth="1"/>
    <col min="293" max="302" width="10.109375" style="1" customWidth="1"/>
    <col min="303" max="303" width="7.44140625" style="1" customWidth="1"/>
    <col min="304" max="310" width="10.109375" style="1" customWidth="1"/>
    <col min="311" max="313" width="10.109375" style="39" customWidth="1"/>
    <col min="314" max="314" width="7.109375" style="39" customWidth="1"/>
    <col min="315" max="324" width="10.109375" style="39" customWidth="1"/>
    <col min="325" max="325" width="7.44140625" style="39" customWidth="1"/>
    <col min="326" max="335" width="10.109375" style="39" customWidth="1"/>
    <col min="336" max="336" width="6.88671875" style="39" customWidth="1"/>
    <col min="337" max="343" width="10.109375" style="39" customWidth="1"/>
    <col min="344" max="346" width="10.109375" style="1" customWidth="1"/>
    <col min="347" max="347" width="7.21875" style="1" customWidth="1"/>
    <col min="348" max="357" width="10.109375" style="1" customWidth="1"/>
    <col min="358" max="358" width="7.21875" style="1" customWidth="1"/>
    <col min="359" max="368" width="10.109375" style="1" customWidth="1"/>
    <col min="369" max="369" width="7" style="1" customWidth="1"/>
    <col min="370" max="379" width="10.109375" style="1" customWidth="1"/>
    <col min="380" max="380" width="6.88671875" style="1" customWidth="1"/>
    <col min="381" max="385" width="10.109375" style="1" customWidth="1"/>
    <col min="386" max="387" width="10.33203125" style="1" customWidth="1"/>
    <col min="388" max="390" width="10.109375" style="1" customWidth="1"/>
    <col min="391" max="391" width="6.88671875" style="1" customWidth="1"/>
    <col min="392" max="396" width="10.109375" style="1" customWidth="1"/>
    <col min="397" max="398" width="10.33203125" style="1" customWidth="1"/>
    <col min="399" max="401" width="9.21875" style="1" customWidth="1"/>
    <col min="402" max="402" width="7" style="1" customWidth="1"/>
    <col min="403" max="404" width="9.21875" style="1" customWidth="1"/>
    <col min="405" max="405" width="10.44140625" style="1" customWidth="1"/>
    <col min="406" max="406" width="12.109375" style="1" customWidth="1"/>
    <col min="407" max="407" width="10.109375" style="1" customWidth="1"/>
    <col min="408" max="409" width="10.33203125" style="1" customWidth="1"/>
    <col min="410" max="16384" width="8.21875" style="44"/>
  </cols>
  <sheetData>
    <row r="1" spans="1:409" ht="24" customHeight="1" x14ac:dyDescent="0.2">
      <c r="B1" s="20" t="s">
        <v>136</v>
      </c>
      <c r="E1" s="500">
        <f>第１表!F2</f>
        <v>5</v>
      </c>
      <c r="F1" s="246">
        <f>第１表!G2</f>
        <v>2</v>
      </c>
      <c r="G1" s="679">
        <f>IF(F1&lt;3,F1-2+12,F1-2)</f>
        <v>12</v>
      </c>
      <c r="H1" s="679"/>
      <c r="IB1" s="367"/>
      <c r="IC1" s="252"/>
      <c r="ID1" s="649"/>
      <c r="IE1" s="649"/>
    </row>
    <row r="2" spans="1:409" ht="24" customHeight="1" x14ac:dyDescent="0.2">
      <c r="B2" s="20" t="s">
        <v>147</v>
      </c>
      <c r="E2" s="249"/>
      <c r="F2" s="250"/>
      <c r="G2" s="341"/>
      <c r="H2" s="341"/>
      <c r="IB2" s="251"/>
      <c r="IC2" s="252"/>
      <c r="ID2" s="370"/>
      <c r="IE2" s="370"/>
    </row>
    <row r="3" spans="1:409" ht="24" customHeight="1" thickBot="1" x14ac:dyDescent="0.25">
      <c r="B3" s="20" t="s">
        <v>137</v>
      </c>
    </row>
    <row r="4" spans="1:409" ht="21" customHeight="1" thickBot="1" x14ac:dyDescent="0.25">
      <c r="B4" s="709" t="s">
        <v>42</v>
      </c>
      <c r="C4" s="712" t="s">
        <v>63</v>
      </c>
      <c r="D4" s="712"/>
      <c r="E4" s="712"/>
      <c r="F4" s="712"/>
      <c r="G4" s="712"/>
      <c r="H4" s="712"/>
      <c r="I4" s="712"/>
      <c r="J4" s="712"/>
      <c r="K4" s="712"/>
      <c r="L4" s="712"/>
      <c r="M4" s="712"/>
      <c r="N4" s="715"/>
      <c r="O4" s="715"/>
      <c r="P4" s="715"/>
      <c r="Q4" s="715"/>
      <c r="R4" s="715"/>
      <c r="S4" s="715"/>
      <c r="T4" s="715"/>
      <c r="U4" s="715"/>
      <c r="V4" s="715"/>
      <c r="W4" s="715"/>
      <c r="X4" s="715"/>
      <c r="Y4" s="715"/>
      <c r="Z4" s="715"/>
      <c r="AA4" s="715"/>
      <c r="AB4" s="715"/>
      <c r="AC4" s="715"/>
      <c r="AD4" s="715"/>
      <c r="AE4" s="715"/>
      <c r="AF4" s="715"/>
      <c r="AG4" s="715"/>
      <c r="AH4" s="715"/>
      <c r="AI4" s="715"/>
      <c r="AJ4" s="715"/>
      <c r="AK4" s="715"/>
      <c r="AL4" s="715"/>
      <c r="AM4" s="715"/>
      <c r="AN4" s="715"/>
      <c r="AO4" s="715"/>
      <c r="AP4" s="715"/>
      <c r="AQ4" s="715"/>
      <c r="AR4" s="715"/>
      <c r="AS4" s="715"/>
      <c r="AT4" s="715"/>
      <c r="AU4" s="715"/>
      <c r="AV4" s="715"/>
      <c r="AW4" s="715"/>
      <c r="AX4" s="715"/>
      <c r="AY4" s="715"/>
      <c r="AZ4" s="715"/>
      <c r="BA4" s="715"/>
      <c r="BB4" s="715"/>
      <c r="BC4" s="715"/>
      <c r="BD4" s="715"/>
      <c r="BE4" s="715"/>
      <c r="BF4" s="715"/>
      <c r="BG4" s="715"/>
      <c r="BH4" s="715"/>
      <c r="BI4" s="715"/>
      <c r="BJ4" s="715"/>
      <c r="BK4" s="715"/>
      <c r="BL4" s="715"/>
      <c r="BM4" s="715"/>
      <c r="BN4" s="715"/>
      <c r="BO4" s="715"/>
      <c r="BP4" s="715"/>
      <c r="BQ4" s="715"/>
      <c r="BR4" s="715"/>
      <c r="BS4" s="715"/>
      <c r="BT4" s="715"/>
      <c r="BU4" s="715"/>
      <c r="BV4" s="715"/>
      <c r="BW4" s="715"/>
      <c r="BX4" s="715"/>
      <c r="BY4" s="715"/>
      <c r="BZ4" s="715"/>
      <c r="CA4" s="715"/>
      <c r="CB4" s="715"/>
      <c r="CC4" s="715"/>
      <c r="CD4" s="715"/>
      <c r="CE4" s="715"/>
      <c r="CF4" s="715"/>
      <c r="CG4" s="715"/>
      <c r="CH4" s="715"/>
      <c r="CI4" s="715"/>
      <c r="CJ4" s="715"/>
      <c r="CK4" s="715"/>
      <c r="CL4" s="715"/>
      <c r="CM4" s="715"/>
      <c r="CN4" s="715"/>
      <c r="CO4" s="715"/>
      <c r="CP4" s="715"/>
      <c r="CQ4" s="715"/>
      <c r="CR4" s="715"/>
      <c r="CS4" s="715"/>
      <c r="CT4" s="715"/>
      <c r="CU4" s="715"/>
      <c r="CV4" s="715"/>
      <c r="CW4" s="715"/>
      <c r="CX4" s="715"/>
      <c r="CY4" s="715"/>
      <c r="CZ4" s="715"/>
      <c r="DA4" s="715"/>
      <c r="DB4" s="715"/>
      <c r="DC4" s="715"/>
      <c r="DD4" s="715"/>
      <c r="DE4" s="715"/>
      <c r="DF4" s="715"/>
      <c r="DG4" s="715"/>
      <c r="DH4" s="715"/>
      <c r="DI4" s="715"/>
      <c r="DJ4" s="715"/>
      <c r="DK4" s="715"/>
      <c r="DL4" s="715"/>
      <c r="DM4" s="715"/>
      <c r="DN4" s="715"/>
      <c r="DO4" s="715"/>
      <c r="DP4" s="715"/>
      <c r="DQ4" s="715"/>
      <c r="DR4" s="715"/>
      <c r="DS4" s="715"/>
      <c r="DT4" s="715"/>
      <c r="DU4" s="715"/>
      <c r="DV4" s="715"/>
      <c r="DW4" s="715"/>
      <c r="DX4" s="715"/>
      <c r="DY4" s="715"/>
      <c r="DZ4" s="715"/>
      <c r="EA4" s="715"/>
      <c r="EB4" s="715"/>
      <c r="EC4" s="715"/>
      <c r="ED4" s="715"/>
      <c r="EE4" s="715"/>
      <c r="EF4" s="715"/>
      <c r="EG4" s="715"/>
      <c r="EH4" s="715"/>
      <c r="EI4" s="715"/>
      <c r="EJ4" s="715"/>
      <c r="EK4" s="715"/>
      <c r="EL4" s="715"/>
      <c r="EM4" s="715"/>
      <c r="EN4" s="715"/>
      <c r="EO4" s="715"/>
      <c r="EP4" s="715"/>
      <c r="EQ4" s="715"/>
      <c r="ER4" s="715"/>
      <c r="ES4" s="715"/>
      <c r="ET4" s="715"/>
      <c r="EU4" s="715"/>
      <c r="EV4" s="715"/>
      <c r="EW4" s="715"/>
      <c r="EX4" s="715"/>
      <c r="EY4" s="715"/>
      <c r="EZ4" s="715"/>
      <c r="FA4" s="715"/>
      <c r="FB4" s="715"/>
      <c r="FC4" s="715"/>
      <c r="FD4" s="715"/>
      <c r="FE4" s="715"/>
      <c r="FF4" s="715"/>
      <c r="FG4" s="715"/>
      <c r="FH4" s="715"/>
      <c r="FI4" s="715"/>
      <c r="FJ4" s="715"/>
      <c r="FK4" s="715"/>
      <c r="FL4" s="715"/>
      <c r="FM4" s="715"/>
      <c r="FN4" s="715"/>
      <c r="FO4" s="715"/>
      <c r="FP4" s="715"/>
      <c r="FQ4" s="715"/>
      <c r="FR4" s="715"/>
      <c r="FS4" s="715"/>
      <c r="FT4" s="715"/>
      <c r="FU4" s="715"/>
      <c r="FV4" s="715"/>
      <c r="FW4" s="715"/>
      <c r="FX4" s="715"/>
      <c r="FY4" s="715"/>
      <c r="FZ4" s="715"/>
      <c r="GA4" s="715"/>
      <c r="GB4" s="715"/>
      <c r="GC4" s="715"/>
      <c r="GD4" s="715"/>
      <c r="GE4" s="715"/>
      <c r="GF4" s="715"/>
      <c r="GG4" s="715"/>
      <c r="GH4" s="715"/>
      <c r="GI4" s="715"/>
      <c r="GJ4" s="715"/>
      <c r="GK4" s="715"/>
      <c r="GL4" s="715"/>
      <c r="GM4" s="715"/>
      <c r="GN4" s="715"/>
      <c r="GO4" s="715"/>
      <c r="GP4" s="715"/>
      <c r="GQ4" s="715"/>
      <c r="GR4" s="715"/>
      <c r="GS4" s="715"/>
      <c r="GT4" s="715"/>
      <c r="GU4" s="715"/>
      <c r="GV4" s="715"/>
      <c r="GW4" s="715"/>
      <c r="GX4" s="715"/>
      <c r="GY4" s="715"/>
      <c r="GZ4" s="715"/>
      <c r="HA4" s="715"/>
      <c r="HB4" s="715"/>
      <c r="HC4" s="715"/>
      <c r="HD4" s="715"/>
      <c r="HE4" s="715"/>
      <c r="HF4" s="715"/>
      <c r="HG4" s="715"/>
      <c r="HH4" s="715"/>
      <c r="HI4" s="715"/>
      <c r="HJ4" s="715"/>
      <c r="HK4" s="715"/>
      <c r="HL4" s="715"/>
      <c r="HM4" s="715"/>
      <c r="HN4" s="715"/>
      <c r="HO4" s="715"/>
      <c r="HP4" s="715"/>
      <c r="HQ4" s="715"/>
      <c r="HR4" s="715"/>
      <c r="HS4" s="715"/>
      <c r="HT4" s="715"/>
      <c r="HU4" s="715"/>
      <c r="HV4" s="715"/>
      <c r="HW4" s="715"/>
      <c r="HX4" s="715"/>
      <c r="HY4" s="716"/>
      <c r="HZ4" s="610" t="s">
        <v>85</v>
      </c>
      <c r="IA4" s="611"/>
      <c r="IB4" s="611"/>
      <c r="IC4" s="611"/>
      <c r="ID4" s="611"/>
      <c r="IE4" s="611"/>
      <c r="IF4" s="611"/>
      <c r="IG4" s="611"/>
      <c r="IH4" s="611"/>
      <c r="II4" s="611"/>
      <c r="IJ4" s="611"/>
      <c r="IK4" s="611"/>
      <c r="IL4" s="611"/>
      <c r="IM4" s="611"/>
      <c r="IN4" s="611"/>
      <c r="IO4" s="611"/>
      <c r="IP4" s="611"/>
      <c r="IQ4" s="611"/>
      <c r="IR4" s="611"/>
      <c r="IS4" s="611"/>
      <c r="IT4" s="611"/>
      <c r="IU4" s="611"/>
      <c r="IV4" s="611"/>
      <c r="IW4" s="611"/>
      <c r="IX4" s="611"/>
      <c r="IY4" s="611"/>
      <c r="IZ4" s="611"/>
      <c r="JA4" s="611"/>
      <c r="JB4" s="611"/>
      <c r="JC4" s="611"/>
      <c r="JD4" s="611"/>
      <c r="JE4" s="611"/>
      <c r="JF4" s="611"/>
      <c r="JG4" s="611"/>
      <c r="JH4" s="611"/>
      <c r="JI4" s="611"/>
      <c r="JJ4" s="611"/>
      <c r="JK4" s="611"/>
      <c r="JL4" s="611"/>
      <c r="JM4" s="611"/>
      <c r="JN4" s="611"/>
      <c r="JO4" s="611"/>
      <c r="JP4" s="611"/>
      <c r="JQ4" s="611"/>
      <c r="JR4" s="611"/>
      <c r="JS4" s="611"/>
      <c r="JT4" s="611"/>
      <c r="JU4" s="611"/>
      <c r="JV4" s="611"/>
      <c r="JW4" s="611"/>
      <c r="JX4" s="611"/>
      <c r="JY4" s="611"/>
      <c r="JZ4" s="611"/>
      <c r="KA4" s="611"/>
      <c r="KB4" s="611"/>
      <c r="KC4" s="611"/>
      <c r="KD4" s="611"/>
      <c r="KE4" s="611"/>
      <c r="KF4" s="611"/>
      <c r="KG4" s="611"/>
      <c r="KH4" s="611"/>
      <c r="KI4" s="611"/>
      <c r="KJ4" s="611"/>
      <c r="KK4" s="611"/>
      <c r="KL4" s="611"/>
      <c r="KM4" s="611"/>
      <c r="KN4" s="611"/>
      <c r="KO4" s="611"/>
      <c r="KP4" s="611"/>
      <c r="KQ4" s="611"/>
      <c r="KR4" s="611"/>
      <c r="KS4" s="611"/>
      <c r="KT4" s="611"/>
      <c r="KU4" s="611"/>
      <c r="KV4" s="611"/>
      <c r="KW4" s="611"/>
      <c r="KX4" s="611"/>
      <c r="KY4" s="611"/>
      <c r="KZ4" s="611"/>
      <c r="LA4" s="611"/>
      <c r="LB4" s="611"/>
      <c r="LC4" s="611"/>
      <c r="LD4" s="611"/>
      <c r="LE4" s="611"/>
      <c r="LF4" s="611"/>
      <c r="LG4" s="611"/>
      <c r="LH4" s="611"/>
      <c r="LI4" s="611"/>
      <c r="LJ4" s="611"/>
      <c r="LK4" s="611"/>
      <c r="LL4" s="611"/>
      <c r="LM4" s="611"/>
      <c r="LN4" s="611"/>
      <c r="LO4" s="611"/>
      <c r="LP4" s="611"/>
      <c r="LQ4" s="611"/>
      <c r="LR4" s="611"/>
      <c r="LS4" s="611"/>
      <c r="LT4" s="611"/>
      <c r="LU4" s="611"/>
      <c r="LV4" s="611"/>
      <c r="LW4" s="611"/>
      <c r="LX4" s="611"/>
      <c r="LY4" s="611"/>
      <c r="LZ4" s="611"/>
      <c r="MA4" s="611"/>
      <c r="MB4" s="611"/>
      <c r="MC4" s="611"/>
      <c r="MD4" s="611"/>
      <c r="ME4" s="612"/>
      <c r="MF4" s="610" t="s">
        <v>86</v>
      </c>
      <c r="MG4" s="611"/>
      <c r="MH4" s="611"/>
      <c r="MI4" s="611"/>
      <c r="MJ4" s="611"/>
      <c r="MK4" s="611"/>
      <c r="ML4" s="611"/>
      <c r="MM4" s="611"/>
      <c r="MN4" s="611"/>
      <c r="MO4" s="611"/>
      <c r="MP4" s="611"/>
      <c r="MQ4" s="611"/>
      <c r="MR4" s="611"/>
      <c r="MS4" s="611"/>
      <c r="MT4" s="611"/>
      <c r="MU4" s="611"/>
      <c r="MV4" s="611"/>
      <c r="MW4" s="611"/>
      <c r="MX4" s="611"/>
      <c r="MY4" s="611"/>
      <c r="MZ4" s="611"/>
      <c r="NA4" s="611"/>
      <c r="NB4" s="611"/>
      <c r="NC4" s="611"/>
      <c r="ND4" s="611"/>
      <c r="NE4" s="611"/>
      <c r="NF4" s="611"/>
      <c r="NG4" s="611"/>
      <c r="NH4" s="611"/>
      <c r="NI4" s="611"/>
      <c r="NJ4" s="611"/>
      <c r="NK4" s="611"/>
      <c r="NL4" s="611"/>
      <c r="NM4" s="611"/>
      <c r="NN4" s="611"/>
      <c r="NO4" s="611"/>
      <c r="NP4" s="611"/>
      <c r="NQ4" s="611"/>
      <c r="NR4" s="611"/>
      <c r="NS4" s="611"/>
      <c r="NT4" s="611"/>
      <c r="NU4" s="611"/>
      <c r="NV4" s="611"/>
      <c r="NW4" s="611"/>
      <c r="NX4" s="611"/>
      <c r="NY4" s="611"/>
      <c r="NZ4" s="611"/>
      <c r="OA4" s="611"/>
      <c r="OB4" s="611"/>
      <c r="OC4" s="611"/>
      <c r="OD4" s="611"/>
      <c r="OE4" s="611"/>
      <c r="OF4" s="611"/>
      <c r="OG4" s="611"/>
      <c r="OH4" s="612"/>
      <c r="OI4" s="599" t="s">
        <v>60</v>
      </c>
      <c r="OJ4" s="504"/>
      <c r="OK4" s="504"/>
      <c r="OL4" s="504"/>
      <c r="OM4" s="504"/>
      <c r="ON4" s="504"/>
      <c r="OO4" s="504"/>
      <c r="OP4" s="504"/>
      <c r="OQ4" s="504"/>
      <c r="OR4" s="504"/>
      <c r="OS4" s="505"/>
    </row>
    <row r="5" spans="1:409" ht="21" customHeight="1" thickBot="1" x14ac:dyDescent="0.25">
      <c r="B5" s="710"/>
      <c r="C5" s="713"/>
      <c r="D5" s="713"/>
      <c r="E5" s="713"/>
      <c r="F5" s="713"/>
      <c r="G5" s="713"/>
      <c r="H5" s="713"/>
      <c r="I5" s="713"/>
      <c r="J5" s="713"/>
      <c r="K5" s="713"/>
      <c r="L5" s="713"/>
      <c r="M5" s="713"/>
      <c r="N5" s="717" t="s">
        <v>64</v>
      </c>
      <c r="O5" s="718"/>
      <c r="P5" s="718"/>
      <c r="Q5" s="718"/>
      <c r="R5" s="718"/>
      <c r="S5" s="718"/>
      <c r="T5" s="718"/>
      <c r="U5" s="718"/>
      <c r="V5" s="718"/>
      <c r="W5" s="718"/>
      <c r="X5" s="718"/>
      <c r="Y5" s="718"/>
      <c r="Z5" s="718"/>
      <c r="AA5" s="718"/>
      <c r="AB5" s="718"/>
      <c r="AC5" s="718"/>
      <c r="AD5" s="718"/>
      <c r="AE5" s="718"/>
      <c r="AF5" s="718"/>
      <c r="AG5" s="718"/>
      <c r="AH5" s="718"/>
      <c r="AI5" s="718"/>
      <c r="AJ5" s="718"/>
      <c r="AK5" s="718"/>
      <c r="AL5" s="718"/>
      <c r="AM5" s="718"/>
      <c r="AN5" s="718"/>
      <c r="AO5" s="718"/>
      <c r="AP5" s="718"/>
      <c r="AQ5" s="718"/>
      <c r="AR5" s="718"/>
      <c r="AS5" s="718"/>
      <c r="AT5" s="718"/>
      <c r="AU5" s="718"/>
      <c r="AV5" s="718"/>
      <c r="AW5" s="718"/>
      <c r="AX5" s="718"/>
      <c r="AY5" s="718"/>
      <c r="AZ5" s="718"/>
      <c r="BA5" s="718"/>
      <c r="BB5" s="718"/>
      <c r="BC5" s="718"/>
      <c r="BD5" s="718"/>
      <c r="BE5" s="718"/>
      <c r="BF5" s="718"/>
      <c r="BG5" s="718"/>
      <c r="BH5" s="718"/>
      <c r="BI5" s="718"/>
      <c r="BJ5" s="718"/>
      <c r="BK5" s="718"/>
      <c r="BL5" s="718"/>
      <c r="BM5" s="718"/>
      <c r="BN5" s="718"/>
      <c r="BO5" s="718"/>
      <c r="BP5" s="718"/>
      <c r="BQ5" s="718"/>
      <c r="BR5" s="718"/>
      <c r="BS5" s="718"/>
      <c r="BT5" s="718"/>
      <c r="BU5" s="718"/>
      <c r="BV5" s="718"/>
      <c r="BW5" s="718"/>
      <c r="BX5" s="718"/>
      <c r="BY5" s="718"/>
      <c r="BZ5" s="718"/>
      <c r="CA5" s="719"/>
      <c r="CB5" s="717" t="s">
        <v>65</v>
      </c>
      <c r="CC5" s="718"/>
      <c r="CD5" s="718"/>
      <c r="CE5" s="718"/>
      <c r="CF5" s="718"/>
      <c r="CG5" s="718"/>
      <c r="CH5" s="718"/>
      <c r="CI5" s="718"/>
      <c r="CJ5" s="718"/>
      <c r="CK5" s="718"/>
      <c r="CL5" s="718"/>
      <c r="CM5" s="718"/>
      <c r="CN5" s="718"/>
      <c r="CO5" s="718"/>
      <c r="CP5" s="718"/>
      <c r="CQ5" s="718"/>
      <c r="CR5" s="718"/>
      <c r="CS5" s="718"/>
      <c r="CT5" s="718"/>
      <c r="CU5" s="718"/>
      <c r="CV5" s="718"/>
      <c r="CW5" s="718"/>
      <c r="CX5" s="718"/>
      <c r="CY5" s="718"/>
      <c r="CZ5" s="718"/>
      <c r="DA5" s="718"/>
      <c r="DB5" s="718"/>
      <c r="DC5" s="718"/>
      <c r="DD5" s="718"/>
      <c r="DE5" s="718"/>
      <c r="DF5" s="718"/>
      <c r="DG5" s="718"/>
      <c r="DH5" s="719"/>
      <c r="DI5" s="521" t="s">
        <v>66</v>
      </c>
      <c r="DJ5" s="522"/>
      <c r="DK5" s="522"/>
      <c r="DL5" s="522"/>
      <c r="DM5" s="522"/>
      <c r="DN5" s="522"/>
      <c r="DO5" s="522"/>
      <c r="DP5" s="522"/>
      <c r="DQ5" s="522"/>
      <c r="DR5" s="522"/>
      <c r="DS5" s="522"/>
      <c r="DT5" s="522"/>
      <c r="DU5" s="522"/>
      <c r="DV5" s="522"/>
      <c r="DW5" s="522"/>
      <c r="DX5" s="522"/>
      <c r="DY5" s="522"/>
      <c r="DZ5" s="522"/>
      <c r="EA5" s="522"/>
      <c r="EB5" s="522"/>
      <c r="EC5" s="522"/>
      <c r="ED5" s="522"/>
      <c r="EE5" s="522"/>
      <c r="EF5" s="522"/>
      <c r="EG5" s="522"/>
      <c r="EH5" s="522"/>
      <c r="EI5" s="522"/>
      <c r="EJ5" s="522"/>
      <c r="EK5" s="522"/>
      <c r="EL5" s="522"/>
      <c r="EM5" s="522"/>
      <c r="EN5" s="522"/>
      <c r="EO5" s="522"/>
      <c r="EP5" s="522"/>
      <c r="EQ5" s="522"/>
      <c r="ER5" s="522"/>
      <c r="ES5" s="522"/>
      <c r="ET5" s="522"/>
      <c r="EU5" s="522"/>
      <c r="EV5" s="522"/>
      <c r="EW5" s="522"/>
      <c r="EX5" s="522"/>
      <c r="EY5" s="522"/>
      <c r="EZ5" s="522"/>
      <c r="FA5" s="522"/>
      <c r="FB5" s="522"/>
      <c r="FC5" s="522"/>
      <c r="FD5" s="522"/>
      <c r="FE5" s="522"/>
      <c r="FF5" s="522"/>
      <c r="FG5" s="522"/>
      <c r="FH5" s="522"/>
      <c r="FI5" s="522"/>
      <c r="FJ5" s="522"/>
      <c r="FK5" s="523"/>
      <c r="FL5" s="717" t="s">
        <v>67</v>
      </c>
      <c r="FM5" s="718"/>
      <c r="FN5" s="718"/>
      <c r="FO5" s="718"/>
      <c r="FP5" s="718"/>
      <c r="FQ5" s="718"/>
      <c r="FR5" s="718"/>
      <c r="FS5" s="718"/>
      <c r="FT5" s="718"/>
      <c r="FU5" s="718"/>
      <c r="FV5" s="718"/>
      <c r="FW5" s="718"/>
      <c r="FX5" s="718"/>
      <c r="FY5" s="718"/>
      <c r="FZ5" s="718"/>
      <c r="GA5" s="718"/>
      <c r="GB5" s="718"/>
      <c r="GC5" s="718"/>
      <c r="GD5" s="718"/>
      <c r="GE5" s="718"/>
      <c r="GF5" s="718"/>
      <c r="GG5" s="718"/>
      <c r="GH5" s="718"/>
      <c r="GI5" s="718"/>
      <c r="GJ5" s="718"/>
      <c r="GK5" s="718"/>
      <c r="GL5" s="718"/>
      <c r="GM5" s="718"/>
      <c r="GN5" s="718"/>
      <c r="GO5" s="718"/>
      <c r="GP5" s="718"/>
      <c r="GQ5" s="718"/>
      <c r="GR5" s="718"/>
      <c r="GS5" s="718"/>
      <c r="GT5" s="718"/>
      <c r="GU5" s="718"/>
      <c r="GV5" s="718"/>
      <c r="GW5" s="718"/>
      <c r="GX5" s="718"/>
      <c r="GY5" s="718"/>
      <c r="GZ5" s="718"/>
      <c r="HA5" s="718"/>
      <c r="HB5" s="718"/>
      <c r="HC5" s="719"/>
      <c r="HD5" s="720" t="s">
        <v>68</v>
      </c>
      <c r="HE5" s="721"/>
      <c r="HF5" s="721"/>
      <c r="HG5" s="721"/>
      <c r="HH5" s="721"/>
      <c r="HI5" s="721"/>
      <c r="HJ5" s="721"/>
      <c r="HK5" s="721"/>
      <c r="HL5" s="721"/>
      <c r="HM5" s="721"/>
      <c r="HN5" s="722"/>
      <c r="HO5" s="720" t="s">
        <v>69</v>
      </c>
      <c r="HP5" s="721"/>
      <c r="HQ5" s="721"/>
      <c r="HR5" s="721"/>
      <c r="HS5" s="721"/>
      <c r="HT5" s="721"/>
      <c r="HU5" s="721"/>
      <c r="HV5" s="721"/>
      <c r="HW5" s="721"/>
      <c r="HX5" s="721"/>
      <c r="HY5" s="722"/>
      <c r="HZ5" s="661"/>
      <c r="IA5" s="662"/>
      <c r="IB5" s="662"/>
      <c r="IC5" s="662"/>
      <c r="ID5" s="662"/>
      <c r="IE5" s="662"/>
      <c r="IF5" s="662"/>
      <c r="IG5" s="662"/>
      <c r="IH5" s="662"/>
      <c r="II5" s="662"/>
      <c r="IJ5" s="663"/>
      <c r="IK5" s="599" t="s">
        <v>94</v>
      </c>
      <c r="IL5" s="504"/>
      <c r="IM5" s="504"/>
      <c r="IN5" s="504"/>
      <c r="IO5" s="504"/>
      <c r="IP5" s="504"/>
      <c r="IQ5" s="504"/>
      <c r="IR5" s="504"/>
      <c r="IS5" s="504"/>
      <c r="IT5" s="504"/>
      <c r="IU5" s="505"/>
      <c r="IV5" s="599" t="s">
        <v>88</v>
      </c>
      <c r="IW5" s="504"/>
      <c r="IX5" s="504"/>
      <c r="IY5" s="504"/>
      <c r="IZ5" s="504"/>
      <c r="JA5" s="504"/>
      <c r="JB5" s="504"/>
      <c r="JC5" s="504"/>
      <c r="JD5" s="504"/>
      <c r="JE5" s="504"/>
      <c r="JF5" s="505"/>
      <c r="JG5" s="664" t="s">
        <v>144</v>
      </c>
      <c r="JH5" s="665"/>
      <c r="JI5" s="665"/>
      <c r="JJ5" s="665"/>
      <c r="JK5" s="665"/>
      <c r="JL5" s="665"/>
      <c r="JM5" s="665"/>
      <c r="JN5" s="665"/>
      <c r="JO5" s="665"/>
      <c r="JP5" s="665"/>
      <c r="JQ5" s="666"/>
      <c r="JR5" s="599" t="s">
        <v>90</v>
      </c>
      <c r="JS5" s="504"/>
      <c r="JT5" s="504"/>
      <c r="JU5" s="504"/>
      <c r="JV5" s="504"/>
      <c r="JW5" s="504"/>
      <c r="JX5" s="504"/>
      <c r="JY5" s="504"/>
      <c r="JZ5" s="504"/>
      <c r="KA5" s="504"/>
      <c r="KB5" s="505"/>
      <c r="KC5" s="599" t="s">
        <v>89</v>
      </c>
      <c r="KD5" s="504"/>
      <c r="KE5" s="504"/>
      <c r="KF5" s="504"/>
      <c r="KG5" s="504"/>
      <c r="KH5" s="504"/>
      <c r="KI5" s="504"/>
      <c r="KJ5" s="504"/>
      <c r="KK5" s="504"/>
      <c r="KL5" s="504"/>
      <c r="KM5" s="505"/>
      <c r="KN5" s="599" t="s">
        <v>91</v>
      </c>
      <c r="KO5" s="504"/>
      <c r="KP5" s="504"/>
      <c r="KQ5" s="504"/>
      <c r="KR5" s="504"/>
      <c r="KS5" s="504"/>
      <c r="KT5" s="504"/>
      <c r="KU5" s="504"/>
      <c r="KV5" s="504"/>
      <c r="KW5" s="504"/>
      <c r="KX5" s="505"/>
      <c r="KY5" s="599" t="s">
        <v>92</v>
      </c>
      <c r="KZ5" s="504"/>
      <c r="LA5" s="504"/>
      <c r="LB5" s="504"/>
      <c r="LC5" s="504"/>
      <c r="LD5" s="504"/>
      <c r="LE5" s="504"/>
      <c r="LF5" s="504"/>
      <c r="LG5" s="504"/>
      <c r="LH5" s="504"/>
      <c r="LI5" s="505"/>
      <c r="LJ5" s="670" t="s">
        <v>93</v>
      </c>
      <c r="LK5" s="671"/>
      <c r="LL5" s="671"/>
      <c r="LM5" s="671"/>
      <c r="LN5" s="671"/>
      <c r="LO5" s="671"/>
      <c r="LP5" s="671"/>
      <c r="LQ5" s="671"/>
      <c r="LR5" s="671"/>
      <c r="LS5" s="671"/>
      <c r="LT5" s="672"/>
      <c r="LU5" s="673" t="s">
        <v>145</v>
      </c>
      <c r="LV5" s="674"/>
      <c r="LW5" s="674"/>
      <c r="LX5" s="674"/>
      <c r="LY5" s="674"/>
      <c r="LZ5" s="674"/>
      <c r="MA5" s="674"/>
      <c r="MB5" s="674"/>
      <c r="MC5" s="674"/>
      <c r="MD5" s="674"/>
      <c r="ME5" s="675"/>
      <c r="MF5" s="661"/>
      <c r="MG5" s="662"/>
      <c r="MH5" s="662"/>
      <c r="MI5" s="662"/>
      <c r="MJ5" s="662"/>
      <c r="MK5" s="662"/>
      <c r="ML5" s="662"/>
      <c r="MM5" s="662"/>
      <c r="MN5" s="662"/>
      <c r="MO5" s="662"/>
      <c r="MP5" s="663"/>
      <c r="MQ5" s="599" t="s">
        <v>57</v>
      </c>
      <c r="MR5" s="504"/>
      <c r="MS5" s="504"/>
      <c r="MT5" s="504"/>
      <c r="MU5" s="504"/>
      <c r="MV5" s="504"/>
      <c r="MW5" s="504"/>
      <c r="MX5" s="504"/>
      <c r="MY5" s="504"/>
      <c r="MZ5" s="504"/>
      <c r="NA5" s="505"/>
      <c r="NB5" s="599" t="s">
        <v>58</v>
      </c>
      <c r="NC5" s="504"/>
      <c r="ND5" s="504"/>
      <c r="NE5" s="504"/>
      <c r="NF5" s="504"/>
      <c r="NG5" s="504"/>
      <c r="NH5" s="504"/>
      <c r="NI5" s="504"/>
      <c r="NJ5" s="504"/>
      <c r="NK5" s="504"/>
      <c r="NL5" s="505"/>
      <c r="NM5" s="599" t="s">
        <v>59</v>
      </c>
      <c r="NN5" s="504"/>
      <c r="NO5" s="504"/>
      <c r="NP5" s="504"/>
      <c r="NQ5" s="504"/>
      <c r="NR5" s="504"/>
      <c r="NS5" s="504"/>
      <c r="NT5" s="504"/>
      <c r="NU5" s="504"/>
      <c r="NV5" s="504"/>
      <c r="NW5" s="505"/>
      <c r="NX5" s="651" t="s">
        <v>151</v>
      </c>
      <c r="NY5" s="652"/>
      <c r="NZ5" s="652"/>
      <c r="OA5" s="652"/>
      <c r="OB5" s="652"/>
      <c r="OC5" s="652"/>
      <c r="OD5" s="652"/>
      <c r="OE5" s="652"/>
      <c r="OF5" s="652"/>
      <c r="OG5" s="652"/>
      <c r="OH5" s="653"/>
      <c r="OI5" s="658"/>
      <c r="OJ5" s="659"/>
      <c r="OK5" s="659"/>
      <c r="OL5" s="659"/>
      <c r="OM5" s="659"/>
      <c r="ON5" s="659"/>
      <c r="OO5" s="659"/>
      <c r="OP5" s="659"/>
      <c r="OQ5" s="659"/>
      <c r="OR5" s="659"/>
      <c r="OS5" s="660"/>
    </row>
    <row r="6" spans="1:409" ht="21" customHeight="1" thickBot="1" x14ac:dyDescent="0.25">
      <c r="B6" s="710"/>
      <c r="C6" s="714"/>
      <c r="D6" s="714"/>
      <c r="E6" s="714"/>
      <c r="F6" s="714"/>
      <c r="G6" s="714"/>
      <c r="H6" s="714"/>
      <c r="I6" s="714"/>
      <c r="J6" s="714"/>
      <c r="K6" s="714"/>
      <c r="L6" s="714"/>
      <c r="M6" s="714"/>
      <c r="N6" s="513"/>
      <c r="O6" s="514"/>
      <c r="P6" s="514"/>
      <c r="Q6" s="514"/>
      <c r="R6" s="514"/>
      <c r="S6" s="514"/>
      <c r="T6" s="514"/>
      <c r="U6" s="514"/>
      <c r="V6" s="514"/>
      <c r="W6" s="514"/>
      <c r="X6" s="515"/>
      <c r="Y6" s="702" t="s">
        <v>70</v>
      </c>
      <c r="Z6" s="517"/>
      <c r="AA6" s="517"/>
      <c r="AB6" s="517"/>
      <c r="AC6" s="517"/>
      <c r="AD6" s="517"/>
      <c r="AE6" s="517"/>
      <c r="AF6" s="517"/>
      <c r="AG6" s="517"/>
      <c r="AH6" s="517"/>
      <c r="AI6" s="518"/>
      <c r="AJ6" s="697" t="s">
        <v>71</v>
      </c>
      <c r="AK6" s="698"/>
      <c r="AL6" s="698"/>
      <c r="AM6" s="698"/>
      <c r="AN6" s="698"/>
      <c r="AO6" s="698"/>
      <c r="AP6" s="698"/>
      <c r="AQ6" s="698"/>
      <c r="AR6" s="698"/>
      <c r="AS6" s="698"/>
      <c r="AT6" s="699"/>
      <c r="AU6" s="697" t="s">
        <v>72</v>
      </c>
      <c r="AV6" s="698"/>
      <c r="AW6" s="698"/>
      <c r="AX6" s="698"/>
      <c r="AY6" s="698"/>
      <c r="AZ6" s="698"/>
      <c r="BA6" s="698"/>
      <c r="BB6" s="698"/>
      <c r="BC6" s="698"/>
      <c r="BD6" s="698"/>
      <c r="BE6" s="699"/>
      <c r="BF6" s="697" t="s">
        <v>73</v>
      </c>
      <c r="BG6" s="698"/>
      <c r="BH6" s="698"/>
      <c r="BI6" s="698"/>
      <c r="BJ6" s="698"/>
      <c r="BK6" s="698"/>
      <c r="BL6" s="698"/>
      <c r="BM6" s="698"/>
      <c r="BN6" s="698"/>
      <c r="BO6" s="698"/>
      <c r="BP6" s="699"/>
      <c r="BQ6" s="697" t="s">
        <v>74</v>
      </c>
      <c r="BR6" s="698"/>
      <c r="BS6" s="698"/>
      <c r="BT6" s="698"/>
      <c r="BU6" s="698"/>
      <c r="BV6" s="698"/>
      <c r="BW6" s="698"/>
      <c r="BX6" s="698"/>
      <c r="BY6" s="698"/>
      <c r="BZ6" s="698"/>
      <c r="CA6" s="699"/>
      <c r="CB6" s="700"/>
      <c r="CC6" s="701"/>
      <c r="CD6" s="701"/>
      <c r="CE6" s="701"/>
      <c r="CF6" s="701"/>
      <c r="CG6" s="701"/>
      <c r="CH6" s="701"/>
      <c r="CI6" s="701"/>
      <c r="CJ6" s="701"/>
      <c r="CK6" s="701"/>
      <c r="CL6" s="726"/>
      <c r="CM6" s="697" t="s">
        <v>75</v>
      </c>
      <c r="CN6" s="698"/>
      <c r="CO6" s="698"/>
      <c r="CP6" s="698"/>
      <c r="CQ6" s="698"/>
      <c r="CR6" s="698"/>
      <c r="CS6" s="698"/>
      <c r="CT6" s="698"/>
      <c r="CU6" s="698"/>
      <c r="CV6" s="698"/>
      <c r="CW6" s="699"/>
      <c r="CX6" s="697" t="s">
        <v>76</v>
      </c>
      <c r="CY6" s="698"/>
      <c r="CZ6" s="698"/>
      <c r="DA6" s="698"/>
      <c r="DB6" s="698"/>
      <c r="DC6" s="698"/>
      <c r="DD6" s="698"/>
      <c r="DE6" s="698"/>
      <c r="DF6" s="698"/>
      <c r="DG6" s="698"/>
      <c r="DH6" s="699"/>
      <c r="DI6" s="700"/>
      <c r="DJ6" s="701"/>
      <c r="DK6" s="701"/>
      <c r="DL6" s="701"/>
      <c r="DM6" s="701"/>
      <c r="DN6" s="701"/>
      <c r="DO6" s="701"/>
      <c r="DP6" s="701"/>
      <c r="DQ6" s="701"/>
      <c r="DR6" s="701"/>
      <c r="DS6" s="701"/>
      <c r="DT6" s="697" t="s">
        <v>77</v>
      </c>
      <c r="DU6" s="698"/>
      <c r="DV6" s="698"/>
      <c r="DW6" s="698"/>
      <c r="DX6" s="698"/>
      <c r="DY6" s="698"/>
      <c r="DZ6" s="698"/>
      <c r="EA6" s="698"/>
      <c r="EB6" s="698"/>
      <c r="EC6" s="698"/>
      <c r="ED6" s="699"/>
      <c r="EE6" s="697" t="s">
        <v>78</v>
      </c>
      <c r="EF6" s="698"/>
      <c r="EG6" s="698"/>
      <c r="EH6" s="698"/>
      <c r="EI6" s="698"/>
      <c r="EJ6" s="698"/>
      <c r="EK6" s="698"/>
      <c r="EL6" s="698"/>
      <c r="EM6" s="698"/>
      <c r="EN6" s="698"/>
      <c r="EO6" s="699"/>
      <c r="EP6" s="697" t="s">
        <v>79</v>
      </c>
      <c r="EQ6" s="698"/>
      <c r="ER6" s="698"/>
      <c r="ES6" s="698"/>
      <c r="ET6" s="698"/>
      <c r="EU6" s="698"/>
      <c r="EV6" s="698"/>
      <c r="EW6" s="698"/>
      <c r="EX6" s="698"/>
      <c r="EY6" s="698"/>
      <c r="EZ6" s="699"/>
      <c r="FA6" s="619" t="s">
        <v>152</v>
      </c>
      <c r="FB6" s="698"/>
      <c r="FC6" s="698"/>
      <c r="FD6" s="698"/>
      <c r="FE6" s="698"/>
      <c r="FF6" s="698"/>
      <c r="FG6" s="698"/>
      <c r="FH6" s="698"/>
      <c r="FI6" s="698"/>
      <c r="FJ6" s="698"/>
      <c r="FK6" s="699"/>
      <c r="FL6" s="700"/>
      <c r="FM6" s="701"/>
      <c r="FN6" s="701"/>
      <c r="FO6" s="701"/>
      <c r="FP6" s="701"/>
      <c r="FQ6" s="701"/>
      <c r="FR6" s="701"/>
      <c r="FS6" s="701"/>
      <c r="FT6" s="701"/>
      <c r="FU6" s="701"/>
      <c r="FV6" s="701"/>
      <c r="FW6" s="697" t="s">
        <v>80</v>
      </c>
      <c r="FX6" s="698"/>
      <c r="FY6" s="698"/>
      <c r="FZ6" s="698"/>
      <c r="GA6" s="698"/>
      <c r="GB6" s="698"/>
      <c r="GC6" s="698"/>
      <c r="GD6" s="698"/>
      <c r="GE6" s="698"/>
      <c r="GF6" s="698"/>
      <c r="GG6" s="699"/>
      <c r="GH6" s="702" t="s">
        <v>81</v>
      </c>
      <c r="GI6" s="517"/>
      <c r="GJ6" s="517"/>
      <c r="GK6" s="517"/>
      <c r="GL6" s="517"/>
      <c r="GM6" s="517"/>
      <c r="GN6" s="517"/>
      <c r="GO6" s="517"/>
      <c r="GP6" s="517"/>
      <c r="GQ6" s="517"/>
      <c r="GR6" s="518"/>
      <c r="GS6" s="702" t="s">
        <v>82</v>
      </c>
      <c r="GT6" s="517"/>
      <c r="GU6" s="517"/>
      <c r="GV6" s="517"/>
      <c r="GW6" s="517"/>
      <c r="GX6" s="517"/>
      <c r="GY6" s="517"/>
      <c r="GZ6" s="517"/>
      <c r="HA6" s="517"/>
      <c r="HB6" s="517"/>
      <c r="HC6" s="518"/>
      <c r="HD6" s="723"/>
      <c r="HE6" s="724"/>
      <c r="HF6" s="724"/>
      <c r="HG6" s="724"/>
      <c r="HH6" s="724"/>
      <c r="HI6" s="724"/>
      <c r="HJ6" s="724"/>
      <c r="HK6" s="724"/>
      <c r="HL6" s="724"/>
      <c r="HM6" s="724"/>
      <c r="HN6" s="725"/>
      <c r="HO6" s="723"/>
      <c r="HP6" s="724"/>
      <c r="HQ6" s="724"/>
      <c r="HR6" s="724"/>
      <c r="HS6" s="724"/>
      <c r="HT6" s="724"/>
      <c r="HU6" s="724"/>
      <c r="HV6" s="724"/>
      <c r="HW6" s="724"/>
      <c r="HX6" s="724"/>
      <c r="HY6" s="725"/>
      <c r="HZ6" s="613"/>
      <c r="IA6" s="614"/>
      <c r="IB6" s="614"/>
      <c r="IC6" s="614"/>
      <c r="ID6" s="614"/>
      <c r="IE6" s="614"/>
      <c r="IF6" s="614"/>
      <c r="IG6" s="614"/>
      <c r="IH6" s="614"/>
      <c r="II6" s="614"/>
      <c r="IJ6" s="615"/>
      <c r="IK6" s="600"/>
      <c r="IL6" s="593"/>
      <c r="IM6" s="593"/>
      <c r="IN6" s="593"/>
      <c r="IO6" s="593"/>
      <c r="IP6" s="593"/>
      <c r="IQ6" s="593"/>
      <c r="IR6" s="593"/>
      <c r="IS6" s="593"/>
      <c r="IT6" s="593"/>
      <c r="IU6" s="601"/>
      <c r="IV6" s="600"/>
      <c r="IW6" s="593"/>
      <c r="IX6" s="593"/>
      <c r="IY6" s="593"/>
      <c r="IZ6" s="593"/>
      <c r="JA6" s="593"/>
      <c r="JB6" s="593"/>
      <c r="JC6" s="593"/>
      <c r="JD6" s="593"/>
      <c r="JE6" s="593"/>
      <c r="JF6" s="601"/>
      <c r="JG6" s="667"/>
      <c r="JH6" s="668"/>
      <c r="JI6" s="668"/>
      <c r="JJ6" s="668"/>
      <c r="JK6" s="668"/>
      <c r="JL6" s="668"/>
      <c r="JM6" s="668"/>
      <c r="JN6" s="668"/>
      <c r="JO6" s="668"/>
      <c r="JP6" s="668"/>
      <c r="JQ6" s="669"/>
      <c r="JR6" s="600"/>
      <c r="JS6" s="593"/>
      <c r="JT6" s="593"/>
      <c r="JU6" s="593"/>
      <c r="JV6" s="593"/>
      <c r="JW6" s="593"/>
      <c r="JX6" s="593"/>
      <c r="JY6" s="593"/>
      <c r="JZ6" s="593"/>
      <c r="KA6" s="593"/>
      <c r="KB6" s="601"/>
      <c r="KC6" s="600"/>
      <c r="KD6" s="593"/>
      <c r="KE6" s="593"/>
      <c r="KF6" s="593"/>
      <c r="KG6" s="593"/>
      <c r="KH6" s="593"/>
      <c r="KI6" s="593"/>
      <c r="KJ6" s="593"/>
      <c r="KK6" s="593"/>
      <c r="KL6" s="593"/>
      <c r="KM6" s="601"/>
      <c r="KN6" s="600"/>
      <c r="KO6" s="593"/>
      <c r="KP6" s="593"/>
      <c r="KQ6" s="593"/>
      <c r="KR6" s="593"/>
      <c r="KS6" s="593"/>
      <c r="KT6" s="593"/>
      <c r="KU6" s="593"/>
      <c r="KV6" s="593"/>
      <c r="KW6" s="593"/>
      <c r="KX6" s="601"/>
      <c r="KY6" s="600"/>
      <c r="KZ6" s="593"/>
      <c r="LA6" s="593"/>
      <c r="LB6" s="593"/>
      <c r="LC6" s="593"/>
      <c r="LD6" s="593"/>
      <c r="LE6" s="593"/>
      <c r="LF6" s="593"/>
      <c r="LG6" s="593"/>
      <c r="LH6" s="593"/>
      <c r="LI6" s="601"/>
      <c r="LJ6" s="613"/>
      <c r="LK6" s="614"/>
      <c r="LL6" s="614"/>
      <c r="LM6" s="614"/>
      <c r="LN6" s="614"/>
      <c r="LO6" s="614"/>
      <c r="LP6" s="614"/>
      <c r="LQ6" s="614"/>
      <c r="LR6" s="614"/>
      <c r="LS6" s="614"/>
      <c r="LT6" s="615"/>
      <c r="LU6" s="676"/>
      <c r="LV6" s="677"/>
      <c r="LW6" s="677"/>
      <c r="LX6" s="677"/>
      <c r="LY6" s="677"/>
      <c r="LZ6" s="677"/>
      <c r="MA6" s="677"/>
      <c r="MB6" s="677"/>
      <c r="MC6" s="677"/>
      <c r="MD6" s="677"/>
      <c r="ME6" s="678"/>
      <c r="MF6" s="613"/>
      <c r="MG6" s="614"/>
      <c r="MH6" s="614"/>
      <c r="MI6" s="614"/>
      <c r="MJ6" s="614"/>
      <c r="MK6" s="614"/>
      <c r="ML6" s="614"/>
      <c r="MM6" s="614"/>
      <c r="MN6" s="614"/>
      <c r="MO6" s="614"/>
      <c r="MP6" s="615"/>
      <c r="MQ6" s="600"/>
      <c r="MR6" s="593"/>
      <c r="MS6" s="593"/>
      <c r="MT6" s="593"/>
      <c r="MU6" s="593"/>
      <c r="MV6" s="593"/>
      <c r="MW6" s="593"/>
      <c r="MX6" s="593"/>
      <c r="MY6" s="593"/>
      <c r="MZ6" s="593"/>
      <c r="NA6" s="601"/>
      <c r="NB6" s="600"/>
      <c r="NC6" s="593"/>
      <c r="ND6" s="593"/>
      <c r="NE6" s="593"/>
      <c r="NF6" s="593"/>
      <c r="NG6" s="593"/>
      <c r="NH6" s="593"/>
      <c r="NI6" s="593"/>
      <c r="NJ6" s="593"/>
      <c r="NK6" s="593"/>
      <c r="NL6" s="601"/>
      <c r="NM6" s="600"/>
      <c r="NN6" s="593"/>
      <c r="NO6" s="593"/>
      <c r="NP6" s="593"/>
      <c r="NQ6" s="593"/>
      <c r="NR6" s="593"/>
      <c r="NS6" s="593"/>
      <c r="NT6" s="593"/>
      <c r="NU6" s="593"/>
      <c r="NV6" s="593"/>
      <c r="NW6" s="601"/>
      <c r="NX6" s="654"/>
      <c r="NY6" s="655"/>
      <c r="NZ6" s="655"/>
      <c r="OA6" s="655"/>
      <c r="OB6" s="655"/>
      <c r="OC6" s="655"/>
      <c r="OD6" s="655"/>
      <c r="OE6" s="655"/>
      <c r="OF6" s="655"/>
      <c r="OG6" s="655"/>
      <c r="OH6" s="656"/>
      <c r="OI6" s="600"/>
      <c r="OJ6" s="593"/>
      <c r="OK6" s="593"/>
      <c r="OL6" s="593"/>
      <c r="OM6" s="593"/>
      <c r="ON6" s="593"/>
      <c r="OO6" s="593"/>
      <c r="OP6" s="593"/>
      <c r="OQ6" s="593"/>
      <c r="OR6" s="593"/>
      <c r="OS6" s="601"/>
    </row>
    <row r="7" spans="1:409" ht="21" customHeight="1" x14ac:dyDescent="0.2">
      <c r="B7" s="710"/>
      <c r="C7" s="695" t="s">
        <v>61</v>
      </c>
      <c r="D7" s="695"/>
      <c r="E7" s="695"/>
      <c r="F7" s="707" t="s">
        <v>62</v>
      </c>
      <c r="G7" s="695"/>
      <c r="H7" s="695"/>
      <c r="I7" s="695"/>
      <c r="J7" s="695"/>
      <c r="K7" s="695"/>
      <c r="L7" s="695"/>
      <c r="M7" s="707" t="s">
        <v>52</v>
      </c>
      <c r="N7" s="706" t="s">
        <v>61</v>
      </c>
      <c r="O7" s="695"/>
      <c r="P7" s="695"/>
      <c r="Q7" s="707" t="s">
        <v>62</v>
      </c>
      <c r="R7" s="695"/>
      <c r="S7" s="695"/>
      <c r="T7" s="695"/>
      <c r="U7" s="695"/>
      <c r="V7" s="695"/>
      <c r="W7" s="708"/>
      <c r="X7" s="703" t="s">
        <v>52</v>
      </c>
      <c r="Y7" s="513" t="s">
        <v>61</v>
      </c>
      <c r="Z7" s="514"/>
      <c r="AA7" s="689"/>
      <c r="AB7" s="688" t="s">
        <v>62</v>
      </c>
      <c r="AC7" s="514"/>
      <c r="AD7" s="514"/>
      <c r="AE7" s="514"/>
      <c r="AF7" s="514"/>
      <c r="AG7" s="514"/>
      <c r="AH7" s="689"/>
      <c r="AI7" s="515" t="s">
        <v>52</v>
      </c>
      <c r="AJ7" s="683" t="s">
        <v>61</v>
      </c>
      <c r="AK7" s="684"/>
      <c r="AL7" s="685"/>
      <c r="AM7" s="686" t="s">
        <v>62</v>
      </c>
      <c r="AN7" s="684"/>
      <c r="AO7" s="684"/>
      <c r="AP7" s="684"/>
      <c r="AQ7" s="684"/>
      <c r="AR7" s="684"/>
      <c r="AS7" s="687"/>
      <c r="AT7" s="515" t="s">
        <v>52</v>
      </c>
      <c r="AU7" s="683" t="s">
        <v>61</v>
      </c>
      <c r="AV7" s="684"/>
      <c r="AW7" s="685"/>
      <c r="AX7" s="686" t="s">
        <v>62</v>
      </c>
      <c r="AY7" s="684"/>
      <c r="AZ7" s="684"/>
      <c r="BA7" s="684"/>
      <c r="BB7" s="684"/>
      <c r="BC7" s="684"/>
      <c r="BD7" s="687"/>
      <c r="BE7" s="515" t="s">
        <v>52</v>
      </c>
      <c r="BF7" s="683" t="s">
        <v>61</v>
      </c>
      <c r="BG7" s="684"/>
      <c r="BH7" s="685"/>
      <c r="BI7" s="686" t="s">
        <v>62</v>
      </c>
      <c r="BJ7" s="684"/>
      <c r="BK7" s="684"/>
      <c r="BL7" s="684"/>
      <c r="BM7" s="684"/>
      <c r="BN7" s="684"/>
      <c r="BO7" s="687"/>
      <c r="BP7" s="515" t="s">
        <v>52</v>
      </c>
      <c r="BQ7" s="683" t="s">
        <v>61</v>
      </c>
      <c r="BR7" s="684"/>
      <c r="BS7" s="685"/>
      <c r="BT7" s="686" t="s">
        <v>62</v>
      </c>
      <c r="BU7" s="684"/>
      <c r="BV7" s="684"/>
      <c r="BW7" s="684"/>
      <c r="BX7" s="684"/>
      <c r="BY7" s="684"/>
      <c r="BZ7" s="687"/>
      <c r="CA7" s="515" t="s">
        <v>52</v>
      </c>
      <c r="CB7" s="690" t="s">
        <v>61</v>
      </c>
      <c r="CC7" s="691"/>
      <c r="CD7" s="692"/>
      <c r="CE7" s="693" t="s">
        <v>62</v>
      </c>
      <c r="CF7" s="691"/>
      <c r="CG7" s="691"/>
      <c r="CH7" s="691"/>
      <c r="CI7" s="691"/>
      <c r="CJ7" s="691"/>
      <c r="CK7" s="694"/>
      <c r="CL7" s="703" t="s">
        <v>52</v>
      </c>
      <c r="CM7" s="683" t="s">
        <v>61</v>
      </c>
      <c r="CN7" s="684"/>
      <c r="CO7" s="687"/>
      <c r="CP7" s="686" t="s">
        <v>62</v>
      </c>
      <c r="CQ7" s="684"/>
      <c r="CR7" s="684"/>
      <c r="CS7" s="684"/>
      <c r="CT7" s="684"/>
      <c r="CU7" s="684"/>
      <c r="CV7" s="687"/>
      <c r="CW7" s="705" t="s">
        <v>52</v>
      </c>
      <c r="CX7" s="683" t="s">
        <v>61</v>
      </c>
      <c r="CY7" s="684"/>
      <c r="CZ7" s="687"/>
      <c r="DA7" s="686" t="s">
        <v>62</v>
      </c>
      <c r="DB7" s="684"/>
      <c r="DC7" s="684"/>
      <c r="DD7" s="684"/>
      <c r="DE7" s="684"/>
      <c r="DF7" s="684"/>
      <c r="DG7" s="687"/>
      <c r="DH7" s="705" t="s">
        <v>52</v>
      </c>
      <c r="DI7" s="690" t="s">
        <v>61</v>
      </c>
      <c r="DJ7" s="691"/>
      <c r="DK7" s="694"/>
      <c r="DL7" s="693" t="s">
        <v>62</v>
      </c>
      <c r="DM7" s="691"/>
      <c r="DN7" s="691"/>
      <c r="DO7" s="691"/>
      <c r="DP7" s="691"/>
      <c r="DQ7" s="691"/>
      <c r="DR7" s="694"/>
      <c r="DS7" s="703" t="s">
        <v>52</v>
      </c>
      <c r="DT7" s="683" t="s">
        <v>61</v>
      </c>
      <c r="DU7" s="684"/>
      <c r="DV7" s="685"/>
      <c r="DW7" s="686" t="s">
        <v>62</v>
      </c>
      <c r="DX7" s="684"/>
      <c r="DY7" s="684"/>
      <c r="DZ7" s="684"/>
      <c r="EA7" s="684"/>
      <c r="EB7" s="684"/>
      <c r="EC7" s="687"/>
      <c r="ED7" s="515" t="s">
        <v>52</v>
      </c>
      <c r="EE7" s="683" t="s">
        <v>61</v>
      </c>
      <c r="EF7" s="684"/>
      <c r="EG7" s="685"/>
      <c r="EH7" s="686" t="s">
        <v>62</v>
      </c>
      <c r="EI7" s="684"/>
      <c r="EJ7" s="684"/>
      <c r="EK7" s="684"/>
      <c r="EL7" s="684"/>
      <c r="EM7" s="684"/>
      <c r="EN7" s="687"/>
      <c r="EO7" s="515" t="s">
        <v>52</v>
      </c>
      <c r="EP7" s="683" t="s">
        <v>61</v>
      </c>
      <c r="EQ7" s="684"/>
      <c r="ER7" s="685"/>
      <c r="ES7" s="686" t="s">
        <v>62</v>
      </c>
      <c r="ET7" s="684"/>
      <c r="EU7" s="684"/>
      <c r="EV7" s="684"/>
      <c r="EW7" s="684"/>
      <c r="EX7" s="684"/>
      <c r="EY7" s="687"/>
      <c r="EZ7" s="515" t="s">
        <v>52</v>
      </c>
      <c r="FA7" s="683" t="s">
        <v>61</v>
      </c>
      <c r="FB7" s="684"/>
      <c r="FC7" s="685"/>
      <c r="FD7" s="686" t="s">
        <v>62</v>
      </c>
      <c r="FE7" s="684"/>
      <c r="FF7" s="684"/>
      <c r="FG7" s="684"/>
      <c r="FH7" s="684"/>
      <c r="FI7" s="684"/>
      <c r="FJ7" s="687"/>
      <c r="FK7" s="515" t="s">
        <v>52</v>
      </c>
      <c r="FL7" s="690" t="s">
        <v>61</v>
      </c>
      <c r="FM7" s="691"/>
      <c r="FN7" s="692"/>
      <c r="FO7" s="693" t="s">
        <v>62</v>
      </c>
      <c r="FP7" s="691"/>
      <c r="FQ7" s="691"/>
      <c r="FR7" s="691"/>
      <c r="FS7" s="691"/>
      <c r="FT7" s="691"/>
      <c r="FU7" s="694"/>
      <c r="FV7" s="695" t="s">
        <v>52</v>
      </c>
      <c r="FW7" s="683" t="s">
        <v>61</v>
      </c>
      <c r="FX7" s="684"/>
      <c r="FY7" s="685"/>
      <c r="FZ7" s="686" t="s">
        <v>62</v>
      </c>
      <c r="GA7" s="684"/>
      <c r="GB7" s="684"/>
      <c r="GC7" s="684"/>
      <c r="GD7" s="684"/>
      <c r="GE7" s="684"/>
      <c r="GF7" s="687"/>
      <c r="GG7" s="515" t="s">
        <v>52</v>
      </c>
      <c r="GH7" s="513" t="s">
        <v>61</v>
      </c>
      <c r="GI7" s="514"/>
      <c r="GJ7" s="514"/>
      <c r="GK7" s="688" t="s">
        <v>62</v>
      </c>
      <c r="GL7" s="514"/>
      <c r="GM7" s="514"/>
      <c r="GN7" s="514"/>
      <c r="GO7" s="514"/>
      <c r="GP7" s="514"/>
      <c r="GQ7" s="689"/>
      <c r="GR7" s="681" t="s">
        <v>52</v>
      </c>
      <c r="GS7" s="513" t="s">
        <v>61</v>
      </c>
      <c r="GT7" s="514"/>
      <c r="GU7" s="689"/>
      <c r="GV7" s="688" t="s">
        <v>62</v>
      </c>
      <c r="GW7" s="514"/>
      <c r="GX7" s="514"/>
      <c r="GY7" s="514"/>
      <c r="GZ7" s="514"/>
      <c r="HA7" s="514"/>
      <c r="HB7" s="689"/>
      <c r="HC7" s="681" t="s">
        <v>52</v>
      </c>
      <c r="HD7" s="683" t="s">
        <v>61</v>
      </c>
      <c r="HE7" s="684"/>
      <c r="HF7" s="685"/>
      <c r="HG7" s="686" t="s">
        <v>62</v>
      </c>
      <c r="HH7" s="684"/>
      <c r="HI7" s="684"/>
      <c r="HJ7" s="684"/>
      <c r="HK7" s="684"/>
      <c r="HL7" s="684"/>
      <c r="HM7" s="687"/>
      <c r="HN7" s="515" t="s">
        <v>52</v>
      </c>
      <c r="HO7" s="683" t="s">
        <v>61</v>
      </c>
      <c r="HP7" s="684"/>
      <c r="HQ7" s="685"/>
      <c r="HR7" s="686" t="s">
        <v>62</v>
      </c>
      <c r="HS7" s="684"/>
      <c r="HT7" s="684"/>
      <c r="HU7" s="684"/>
      <c r="HV7" s="684"/>
      <c r="HW7" s="684"/>
      <c r="HX7" s="687"/>
      <c r="HY7" s="515" t="s">
        <v>52</v>
      </c>
      <c r="HZ7" s="581" t="s">
        <v>61</v>
      </c>
      <c r="IA7" s="582"/>
      <c r="IB7" s="583"/>
      <c r="IC7" s="642" t="s">
        <v>62</v>
      </c>
      <c r="ID7" s="582"/>
      <c r="IE7" s="582"/>
      <c r="IF7" s="582"/>
      <c r="IG7" s="582"/>
      <c r="IH7" s="582"/>
      <c r="II7" s="643"/>
      <c r="IJ7" s="585" t="s">
        <v>52</v>
      </c>
      <c r="IK7" s="589" t="s">
        <v>61</v>
      </c>
      <c r="IL7" s="590"/>
      <c r="IM7" s="591"/>
      <c r="IN7" s="624" t="s">
        <v>62</v>
      </c>
      <c r="IO7" s="590"/>
      <c r="IP7" s="590"/>
      <c r="IQ7" s="590"/>
      <c r="IR7" s="590"/>
      <c r="IS7" s="590"/>
      <c r="IT7" s="625"/>
      <c r="IU7" s="601" t="s">
        <v>52</v>
      </c>
      <c r="IV7" s="589" t="s">
        <v>61</v>
      </c>
      <c r="IW7" s="590"/>
      <c r="IX7" s="625"/>
      <c r="IY7" s="624" t="s">
        <v>62</v>
      </c>
      <c r="IZ7" s="590"/>
      <c r="JA7" s="590"/>
      <c r="JB7" s="590"/>
      <c r="JC7" s="590"/>
      <c r="JD7" s="590"/>
      <c r="JE7" s="625"/>
      <c r="JF7" s="601" t="s">
        <v>52</v>
      </c>
      <c r="JG7" s="589" t="s">
        <v>61</v>
      </c>
      <c r="JH7" s="590"/>
      <c r="JI7" s="591"/>
      <c r="JJ7" s="624" t="s">
        <v>62</v>
      </c>
      <c r="JK7" s="590"/>
      <c r="JL7" s="590"/>
      <c r="JM7" s="590"/>
      <c r="JN7" s="590"/>
      <c r="JO7" s="590"/>
      <c r="JP7" s="625"/>
      <c r="JQ7" s="648" t="s">
        <v>52</v>
      </c>
      <c r="JR7" s="589" t="s">
        <v>61</v>
      </c>
      <c r="JS7" s="590"/>
      <c r="JT7" s="591"/>
      <c r="JU7" s="624" t="s">
        <v>62</v>
      </c>
      <c r="JV7" s="590"/>
      <c r="JW7" s="590"/>
      <c r="JX7" s="590"/>
      <c r="JY7" s="590"/>
      <c r="JZ7" s="590"/>
      <c r="KA7" s="625"/>
      <c r="KB7" s="648" t="s">
        <v>52</v>
      </c>
      <c r="KC7" s="589" t="s">
        <v>61</v>
      </c>
      <c r="KD7" s="590"/>
      <c r="KE7" s="591"/>
      <c r="KF7" s="624" t="s">
        <v>62</v>
      </c>
      <c r="KG7" s="590"/>
      <c r="KH7" s="590"/>
      <c r="KI7" s="590"/>
      <c r="KJ7" s="590"/>
      <c r="KK7" s="590"/>
      <c r="KL7" s="625"/>
      <c r="KM7" s="648" t="s">
        <v>52</v>
      </c>
      <c r="KN7" s="589" t="s">
        <v>61</v>
      </c>
      <c r="KO7" s="590"/>
      <c r="KP7" s="591"/>
      <c r="KQ7" s="624" t="s">
        <v>62</v>
      </c>
      <c r="KR7" s="590"/>
      <c r="KS7" s="590"/>
      <c r="KT7" s="590"/>
      <c r="KU7" s="590"/>
      <c r="KV7" s="590"/>
      <c r="KW7" s="625"/>
      <c r="KX7" s="648" t="s">
        <v>52</v>
      </c>
      <c r="KY7" s="589" t="s">
        <v>61</v>
      </c>
      <c r="KZ7" s="590"/>
      <c r="LA7" s="591"/>
      <c r="LB7" s="624" t="s">
        <v>62</v>
      </c>
      <c r="LC7" s="590"/>
      <c r="LD7" s="590"/>
      <c r="LE7" s="590"/>
      <c r="LF7" s="590"/>
      <c r="LG7" s="590"/>
      <c r="LH7" s="625"/>
      <c r="LI7" s="648" t="s">
        <v>52</v>
      </c>
      <c r="LJ7" s="589" t="s">
        <v>61</v>
      </c>
      <c r="LK7" s="590"/>
      <c r="LL7" s="591"/>
      <c r="LM7" s="624" t="s">
        <v>62</v>
      </c>
      <c r="LN7" s="590"/>
      <c r="LO7" s="590"/>
      <c r="LP7" s="590"/>
      <c r="LQ7" s="590"/>
      <c r="LR7" s="590"/>
      <c r="LS7" s="625"/>
      <c r="LT7" s="648" t="s">
        <v>52</v>
      </c>
      <c r="LU7" s="589" t="s">
        <v>61</v>
      </c>
      <c r="LV7" s="590"/>
      <c r="LW7" s="591"/>
      <c r="LX7" s="624" t="s">
        <v>62</v>
      </c>
      <c r="LY7" s="590"/>
      <c r="LZ7" s="590"/>
      <c r="MA7" s="590"/>
      <c r="MB7" s="590"/>
      <c r="MC7" s="590"/>
      <c r="MD7" s="625"/>
      <c r="ME7" s="648" t="s">
        <v>52</v>
      </c>
      <c r="MF7" s="581" t="s">
        <v>61</v>
      </c>
      <c r="MG7" s="582"/>
      <c r="MH7" s="583"/>
      <c r="MI7" s="642" t="s">
        <v>62</v>
      </c>
      <c r="MJ7" s="582"/>
      <c r="MK7" s="582"/>
      <c r="ML7" s="582"/>
      <c r="MM7" s="582"/>
      <c r="MN7" s="582"/>
      <c r="MO7" s="643"/>
      <c r="MP7" s="626" t="s">
        <v>52</v>
      </c>
      <c r="MQ7" s="589" t="s">
        <v>61</v>
      </c>
      <c r="MR7" s="590"/>
      <c r="MS7" s="591"/>
      <c r="MT7" s="624" t="s">
        <v>62</v>
      </c>
      <c r="MU7" s="590"/>
      <c r="MV7" s="590"/>
      <c r="MW7" s="590"/>
      <c r="MX7" s="590"/>
      <c r="MY7" s="590"/>
      <c r="MZ7" s="625"/>
      <c r="NA7" s="648" t="s">
        <v>52</v>
      </c>
      <c r="NB7" s="589" t="s">
        <v>61</v>
      </c>
      <c r="NC7" s="590"/>
      <c r="ND7" s="591"/>
      <c r="NE7" s="624" t="s">
        <v>62</v>
      </c>
      <c r="NF7" s="590"/>
      <c r="NG7" s="590"/>
      <c r="NH7" s="590"/>
      <c r="NI7" s="590"/>
      <c r="NJ7" s="590"/>
      <c r="NK7" s="625"/>
      <c r="NL7" s="648" t="s">
        <v>52</v>
      </c>
      <c r="NM7" s="589" t="s">
        <v>61</v>
      </c>
      <c r="NN7" s="590"/>
      <c r="NO7" s="591"/>
      <c r="NP7" s="624" t="s">
        <v>62</v>
      </c>
      <c r="NQ7" s="590"/>
      <c r="NR7" s="590"/>
      <c r="NS7" s="590"/>
      <c r="NT7" s="590"/>
      <c r="NU7" s="590"/>
      <c r="NV7" s="625"/>
      <c r="NW7" s="648" t="s">
        <v>52</v>
      </c>
      <c r="NX7" s="589" t="s">
        <v>61</v>
      </c>
      <c r="NY7" s="590"/>
      <c r="NZ7" s="591"/>
      <c r="OA7" s="624" t="s">
        <v>62</v>
      </c>
      <c r="OB7" s="590"/>
      <c r="OC7" s="590"/>
      <c r="OD7" s="590"/>
      <c r="OE7" s="590"/>
      <c r="OF7" s="590"/>
      <c r="OG7" s="625"/>
      <c r="OH7" s="648" t="s">
        <v>52</v>
      </c>
      <c r="OI7" s="581" t="s">
        <v>61</v>
      </c>
      <c r="OJ7" s="582"/>
      <c r="OK7" s="583"/>
      <c r="OL7" s="642" t="s">
        <v>62</v>
      </c>
      <c r="OM7" s="582"/>
      <c r="ON7" s="582"/>
      <c r="OO7" s="582"/>
      <c r="OP7" s="582"/>
      <c r="OQ7" s="582"/>
      <c r="OR7" s="643"/>
      <c r="OS7" s="626" t="s">
        <v>52</v>
      </c>
    </row>
    <row r="8" spans="1:409" ht="30" customHeight="1" thickBot="1" x14ac:dyDescent="0.25">
      <c r="B8" s="711"/>
      <c r="C8" s="325" t="s">
        <v>43</v>
      </c>
      <c r="D8" s="47" t="s">
        <v>44</v>
      </c>
      <c r="E8" s="326" t="s">
        <v>45</v>
      </c>
      <c r="F8" s="52" t="s">
        <v>83</v>
      </c>
      <c r="G8" s="47" t="s">
        <v>47</v>
      </c>
      <c r="H8" s="47" t="s">
        <v>48</v>
      </c>
      <c r="I8" s="47" t="s">
        <v>49</v>
      </c>
      <c r="J8" s="47" t="s">
        <v>50</v>
      </c>
      <c r="K8" s="47" t="s">
        <v>51</v>
      </c>
      <c r="L8" s="48" t="s">
        <v>45</v>
      </c>
      <c r="M8" s="727"/>
      <c r="N8" s="51" t="s">
        <v>43</v>
      </c>
      <c r="O8" s="47" t="s">
        <v>44</v>
      </c>
      <c r="P8" s="48" t="s">
        <v>45</v>
      </c>
      <c r="Q8" s="52" t="s">
        <v>83</v>
      </c>
      <c r="R8" s="47" t="s">
        <v>47</v>
      </c>
      <c r="S8" s="47" t="s">
        <v>48</v>
      </c>
      <c r="T8" s="47" t="s">
        <v>49</v>
      </c>
      <c r="U8" s="47" t="s">
        <v>50</v>
      </c>
      <c r="V8" s="47" t="s">
        <v>51</v>
      </c>
      <c r="W8" s="48" t="s">
        <v>45</v>
      </c>
      <c r="X8" s="704"/>
      <c r="Y8" s="51" t="s">
        <v>43</v>
      </c>
      <c r="Z8" s="47" t="s">
        <v>44</v>
      </c>
      <c r="AA8" s="48" t="s">
        <v>45</v>
      </c>
      <c r="AB8" s="52" t="s">
        <v>83</v>
      </c>
      <c r="AC8" s="47" t="s">
        <v>47</v>
      </c>
      <c r="AD8" s="47" t="s">
        <v>48</v>
      </c>
      <c r="AE8" s="47" t="s">
        <v>49</v>
      </c>
      <c r="AF8" s="47" t="s">
        <v>50</v>
      </c>
      <c r="AG8" s="47" t="s">
        <v>51</v>
      </c>
      <c r="AH8" s="48" t="s">
        <v>45</v>
      </c>
      <c r="AI8" s="680"/>
      <c r="AJ8" s="51" t="s">
        <v>43</v>
      </c>
      <c r="AK8" s="47" t="s">
        <v>44</v>
      </c>
      <c r="AL8" s="326" t="s">
        <v>45</v>
      </c>
      <c r="AM8" s="52" t="s">
        <v>83</v>
      </c>
      <c r="AN8" s="47" t="s">
        <v>47</v>
      </c>
      <c r="AO8" s="47" t="s">
        <v>48</v>
      </c>
      <c r="AP8" s="47" t="s">
        <v>49</v>
      </c>
      <c r="AQ8" s="47" t="s">
        <v>50</v>
      </c>
      <c r="AR8" s="47" t="s">
        <v>51</v>
      </c>
      <c r="AS8" s="48" t="s">
        <v>45</v>
      </c>
      <c r="AT8" s="680"/>
      <c r="AU8" s="51" t="s">
        <v>43</v>
      </c>
      <c r="AV8" s="47" t="s">
        <v>44</v>
      </c>
      <c r="AW8" s="326" t="s">
        <v>45</v>
      </c>
      <c r="AX8" s="52" t="s">
        <v>83</v>
      </c>
      <c r="AY8" s="47" t="s">
        <v>47</v>
      </c>
      <c r="AZ8" s="47" t="s">
        <v>48</v>
      </c>
      <c r="BA8" s="47" t="s">
        <v>49</v>
      </c>
      <c r="BB8" s="47" t="s">
        <v>50</v>
      </c>
      <c r="BC8" s="47" t="s">
        <v>51</v>
      </c>
      <c r="BD8" s="48" t="s">
        <v>45</v>
      </c>
      <c r="BE8" s="680"/>
      <c r="BF8" s="327" t="s">
        <v>43</v>
      </c>
      <c r="BG8" s="47" t="s">
        <v>44</v>
      </c>
      <c r="BH8" s="326" t="s">
        <v>45</v>
      </c>
      <c r="BI8" s="52" t="s">
        <v>83</v>
      </c>
      <c r="BJ8" s="47" t="s">
        <v>47</v>
      </c>
      <c r="BK8" s="47" t="s">
        <v>48</v>
      </c>
      <c r="BL8" s="47" t="s">
        <v>49</v>
      </c>
      <c r="BM8" s="47" t="s">
        <v>50</v>
      </c>
      <c r="BN8" s="47" t="s">
        <v>51</v>
      </c>
      <c r="BO8" s="48" t="s">
        <v>45</v>
      </c>
      <c r="BP8" s="680"/>
      <c r="BQ8" s="51" t="s">
        <v>43</v>
      </c>
      <c r="BR8" s="47" t="s">
        <v>44</v>
      </c>
      <c r="BS8" s="326" t="s">
        <v>45</v>
      </c>
      <c r="BT8" s="52" t="s">
        <v>83</v>
      </c>
      <c r="BU8" s="47" t="s">
        <v>47</v>
      </c>
      <c r="BV8" s="47" t="s">
        <v>48</v>
      </c>
      <c r="BW8" s="47" t="s">
        <v>49</v>
      </c>
      <c r="BX8" s="47" t="s">
        <v>50</v>
      </c>
      <c r="BY8" s="47" t="s">
        <v>51</v>
      </c>
      <c r="BZ8" s="48" t="s">
        <v>45</v>
      </c>
      <c r="CA8" s="680"/>
      <c r="CB8" s="51" t="s">
        <v>43</v>
      </c>
      <c r="CC8" s="47" t="s">
        <v>44</v>
      </c>
      <c r="CD8" s="326" t="s">
        <v>45</v>
      </c>
      <c r="CE8" s="52" t="s">
        <v>83</v>
      </c>
      <c r="CF8" s="47" t="s">
        <v>47</v>
      </c>
      <c r="CG8" s="47" t="s">
        <v>48</v>
      </c>
      <c r="CH8" s="47" t="s">
        <v>49</v>
      </c>
      <c r="CI8" s="47" t="s">
        <v>50</v>
      </c>
      <c r="CJ8" s="47" t="s">
        <v>51</v>
      </c>
      <c r="CK8" s="48" t="s">
        <v>45</v>
      </c>
      <c r="CL8" s="704"/>
      <c r="CM8" s="51" t="s">
        <v>43</v>
      </c>
      <c r="CN8" s="47" t="s">
        <v>44</v>
      </c>
      <c r="CO8" s="48" t="s">
        <v>45</v>
      </c>
      <c r="CP8" s="52" t="s">
        <v>83</v>
      </c>
      <c r="CQ8" s="47" t="s">
        <v>47</v>
      </c>
      <c r="CR8" s="47" t="s">
        <v>48</v>
      </c>
      <c r="CS8" s="47" t="s">
        <v>49</v>
      </c>
      <c r="CT8" s="47" t="s">
        <v>50</v>
      </c>
      <c r="CU8" s="47" t="s">
        <v>51</v>
      </c>
      <c r="CV8" s="48" t="s">
        <v>45</v>
      </c>
      <c r="CW8" s="704"/>
      <c r="CX8" s="51" t="s">
        <v>43</v>
      </c>
      <c r="CY8" s="47" t="s">
        <v>44</v>
      </c>
      <c r="CZ8" s="48" t="s">
        <v>45</v>
      </c>
      <c r="DA8" s="52" t="s">
        <v>83</v>
      </c>
      <c r="DB8" s="47" t="s">
        <v>47</v>
      </c>
      <c r="DC8" s="47" t="s">
        <v>48</v>
      </c>
      <c r="DD8" s="47" t="s">
        <v>49</v>
      </c>
      <c r="DE8" s="47" t="s">
        <v>50</v>
      </c>
      <c r="DF8" s="47" t="s">
        <v>51</v>
      </c>
      <c r="DG8" s="48" t="s">
        <v>45</v>
      </c>
      <c r="DH8" s="704"/>
      <c r="DI8" s="51" t="s">
        <v>43</v>
      </c>
      <c r="DJ8" s="47" t="s">
        <v>44</v>
      </c>
      <c r="DK8" s="48" t="s">
        <v>45</v>
      </c>
      <c r="DL8" s="52" t="s">
        <v>83</v>
      </c>
      <c r="DM8" s="47" t="s">
        <v>47</v>
      </c>
      <c r="DN8" s="47" t="s">
        <v>48</v>
      </c>
      <c r="DO8" s="47" t="s">
        <v>49</v>
      </c>
      <c r="DP8" s="47" t="s">
        <v>50</v>
      </c>
      <c r="DQ8" s="47" t="s">
        <v>51</v>
      </c>
      <c r="DR8" s="48" t="s">
        <v>45</v>
      </c>
      <c r="DS8" s="704"/>
      <c r="DT8" s="51" t="s">
        <v>43</v>
      </c>
      <c r="DU8" s="47" t="s">
        <v>44</v>
      </c>
      <c r="DV8" s="326" t="s">
        <v>45</v>
      </c>
      <c r="DW8" s="52" t="s">
        <v>83</v>
      </c>
      <c r="DX8" s="47" t="s">
        <v>47</v>
      </c>
      <c r="DY8" s="47" t="s">
        <v>48</v>
      </c>
      <c r="DZ8" s="47" t="s">
        <v>49</v>
      </c>
      <c r="EA8" s="47" t="s">
        <v>50</v>
      </c>
      <c r="EB8" s="47" t="s">
        <v>51</v>
      </c>
      <c r="EC8" s="48" t="s">
        <v>45</v>
      </c>
      <c r="ED8" s="680"/>
      <c r="EE8" s="51" t="s">
        <v>43</v>
      </c>
      <c r="EF8" s="47" t="s">
        <v>44</v>
      </c>
      <c r="EG8" s="326" t="s">
        <v>45</v>
      </c>
      <c r="EH8" s="52" t="s">
        <v>83</v>
      </c>
      <c r="EI8" s="47" t="s">
        <v>47</v>
      </c>
      <c r="EJ8" s="47" t="s">
        <v>48</v>
      </c>
      <c r="EK8" s="47" t="s">
        <v>49</v>
      </c>
      <c r="EL8" s="47" t="s">
        <v>50</v>
      </c>
      <c r="EM8" s="47" t="s">
        <v>51</v>
      </c>
      <c r="EN8" s="48" t="s">
        <v>45</v>
      </c>
      <c r="EO8" s="680"/>
      <c r="EP8" s="51" t="s">
        <v>43</v>
      </c>
      <c r="EQ8" s="47" t="s">
        <v>44</v>
      </c>
      <c r="ER8" s="326" t="s">
        <v>45</v>
      </c>
      <c r="ES8" s="52" t="s">
        <v>83</v>
      </c>
      <c r="ET8" s="47" t="s">
        <v>47</v>
      </c>
      <c r="EU8" s="47" t="s">
        <v>48</v>
      </c>
      <c r="EV8" s="47" t="s">
        <v>49</v>
      </c>
      <c r="EW8" s="47" t="s">
        <v>50</v>
      </c>
      <c r="EX8" s="47" t="s">
        <v>51</v>
      </c>
      <c r="EY8" s="48" t="s">
        <v>45</v>
      </c>
      <c r="EZ8" s="680"/>
      <c r="FA8" s="51" t="s">
        <v>43</v>
      </c>
      <c r="FB8" s="47" t="s">
        <v>44</v>
      </c>
      <c r="FC8" s="326" t="s">
        <v>45</v>
      </c>
      <c r="FD8" s="52" t="s">
        <v>83</v>
      </c>
      <c r="FE8" s="47" t="s">
        <v>47</v>
      </c>
      <c r="FF8" s="47" t="s">
        <v>48</v>
      </c>
      <c r="FG8" s="47" t="s">
        <v>49</v>
      </c>
      <c r="FH8" s="47" t="s">
        <v>50</v>
      </c>
      <c r="FI8" s="47" t="s">
        <v>51</v>
      </c>
      <c r="FJ8" s="48" t="s">
        <v>45</v>
      </c>
      <c r="FK8" s="680"/>
      <c r="FL8" s="51" t="s">
        <v>43</v>
      </c>
      <c r="FM8" s="47" t="s">
        <v>44</v>
      </c>
      <c r="FN8" s="326" t="s">
        <v>45</v>
      </c>
      <c r="FO8" s="52" t="s">
        <v>83</v>
      </c>
      <c r="FP8" s="47" t="s">
        <v>47</v>
      </c>
      <c r="FQ8" s="47" t="s">
        <v>48</v>
      </c>
      <c r="FR8" s="47" t="s">
        <v>49</v>
      </c>
      <c r="FS8" s="47" t="s">
        <v>50</v>
      </c>
      <c r="FT8" s="47" t="s">
        <v>51</v>
      </c>
      <c r="FU8" s="48" t="s">
        <v>45</v>
      </c>
      <c r="FV8" s="696"/>
      <c r="FW8" s="51" t="s">
        <v>43</v>
      </c>
      <c r="FX8" s="47" t="s">
        <v>44</v>
      </c>
      <c r="FY8" s="326" t="s">
        <v>45</v>
      </c>
      <c r="FZ8" s="52" t="s">
        <v>83</v>
      </c>
      <c r="GA8" s="47" t="s">
        <v>47</v>
      </c>
      <c r="GB8" s="47" t="s">
        <v>48</v>
      </c>
      <c r="GC8" s="47" t="s">
        <v>49</v>
      </c>
      <c r="GD8" s="47" t="s">
        <v>50</v>
      </c>
      <c r="GE8" s="47" t="s">
        <v>51</v>
      </c>
      <c r="GF8" s="48" t="s">
        <v>45</v>
      </c>
      <c r="GG8" s="680"/>
      <c r="GH8" s="51" t="s">
        <v>43</v>
      </c>
      <c r="GI8" s="47" t="s">
        <v>44</v>
      </c>
      <c r="GJ8" s="326" t="s">
        <v>45</v>
      </c>
      <c r="GK8" s="52" t="s">
        <v>83</v>
      </c>
      <c r="GL8" s="47" t="s">
        <v>47</v>
      </c>
      <c r="GM8" s="47" t="s">
        <v>48</v>
      </c>
      <c r="GN8" s="47" t="s">
        <v>49</v>
      </c>
      <c r="GO8" s="47" t="s">
        <v>50</v>
      </c>
      <c r="GP8" s="47" t="s">
        <v>51</v>
      </c>
      <c r="GQ8" s="48" t="s">
        <v>45</v>
      </c>
      <c r="GR8" s="682"/>
      <c r="GS8" s="51" t="s">
        <v>43</v>
      </c>
      <c r="GT8" s="47" t="s">
        <v>44</v>
      </c>
      <c r="GU8" s="326" t="s">
        <v>45</v>
      </c>
      <c r="GV8" s="52" t="s">
        <v>83</v>
      </c>
      <c r="GW8" s="47" t="s">
        <v>47</v>
      </c>
      <c r="GX8" s="47" t="s">
        <v>48</v>
      </c>
      <c r="GY8" s="47" t="s">
        <v>49</v>
      </c>
      <c r="GZ8" s="47" t="s">
        <v>50</v>
      </c>
      <c r="HA8" s="47" t="s">
        <v>51</v>
      </c>
      <c r="HB8" s="48" t="s">
        <v>45</v>
      </c>
      <c r="HC8" s="682"/>
      <c r="HD8" s="51" t="s">
        <v>43</v>
      </c>
      <c r="HE8" s="47" t="s">
        <v>44</v>
      </c>
      <c r="HF8" s="326" t="s">
        <v>45</v>
      </c>
      <c r="HG8" s="52" t="s">
        <v>83</v>
      </c>
      <c r="HH8" s="47" t="s">
        <v>47</v>
      </c>
      <c r="HI8" s="47" t="s">
        <v>48</v>
      </c>
      <c r="HJ8" s="47" t="s">
        <v>49</v>
      </c>
      <c r="HK8" s="47" t="s">
        <v>50</v>
      </c>
      <c r="HL8" s="47" t="s">
        <v>51</v>
      </c>
      <c r="HM8" s="48" t="s">
        <v>45</v>
      </c>
      <c r="HN8" s="680"/>
      <c r="HO8" s="51" t="s">
        <v>43</v>
      </c>
      <c r="HP8" s="47" t="s">
        <v>44</v>
      </c>
      <c r="HQ8" s="326" t="s">
        <v>45</v>
      </c>
      <c r="HR8" s="52" t="s">
        <v>83</v>
      </c>
      <c r="HS8" s="47" t="s">
        <v>47</v>
      </c>
      <c r="HT8" s="47" t="s">
        <v>48</v>
      </c>
      <c r="HU8" s="47" t="s">
        <v>49</v>
      </c>
      <c r="HV8" s="47" t="s">
        <v>50</v>
      </c>
      <c r="HW8" s="47" t="s">
        <v>51</v>
      </c>
      <c r="HX8" s="48" t="s">
        <v>45</v>
      </c>
      <c r="HY8" s="680"/>
      <c r="HZ8" s="368" t="s">
        <v>43</v>
      </c>
      <c r="IA8" s="369" t="s">
        <v>44</v>
      </c>
      <c r="IB8" s="41" t="s">
        <v>45</v>
      </c>
      <c r="IC8" s="42" t="s">
        <v>83</v>
      </c>
      <c r="ID8" s="369" t="s">
        <v>47</v>
      </c>
      <c r="IE8" s="369" t="s">
        <v>48</v>
      </c>
      <c r="IF8" s="369" t="s">
        <v>49</v>
      </c>
      <c r="IG8" s="369" t="s">
        <v>50</v>
      </c>
      <c r="IH8" s="369" t="s">
        <v>51</v>
      </c>
      <c r="II8" s="17" t="s">
        <v>45</v>
      </c>
      <c r="IJ8" s="647"/>
      <c r="IK8" s="368" t="s">
        <v>43</v>
      </c>
      <c r="IL8" s="369" t="s">
        <v>44</v>
      </c>
      <c r="IM8" s="41" t="s">
        <v>45</v>
      </c>
      <c r="IN8" s="42" t="s">
        <v>83</v>
      </c>
      <c r="IO8" s="59" t="s">
        <v>47</v>
      </c>
      <c r="IP8" s="59" t="s">
        <v>48</v>
      </c>
      <c r="IQ8" s="59" t="s">
        <v>49</v>
      </c>
      <c r="IR8" s="59" t="s">
        <v>50</v>
      </c>
      <c r="IS8" s="59" t="s">
        <v>51</v>
      </c>
      <c r="IT8" s="64" t="s">
        <v>45</v>
      </c>
      <c r="IU8" s="657"/>
      <c r="IV8" s="61" t="s">
        <v>43</v>
      </c>
      <c r="IW8" s="59" t="s">
        <v>44</v>
      </c>
      <c r="IX8" s="64" t="s">
        <v>45</v>
      </c>
      <c r="IY8" s="33" t="s">
        <v>83</v>
      </c>
      <c r="IZ8" s="59" t="s">
        <v>47</v>
      </c>
      <c r="JA8" s="59" t="s">
        <v>48</v>
      </c>
      <c r="JB8" s="59" t="s">
        <v>49</v>
      </c>
      <c r="JC8" s="59" t="s">
        <v>50</v>
      </c>
      <c r="JD8" s="59" t="s">
        <v>51</v>
      </c>
      <c r="JE8" s="64" t="s">
        <v>45</v>
      </c>
      <c r="JF8" s="657"/>
      <c r="JG8" s="61" t="s">
        <v>43</v>
      </c>
      <c r="JH8" s="59" t="s">
        <v>44</v>
      </c>
      <c r="JI8" s="60" t="s">
        <v>45</v>
      </c>
      <c r="JJ8" s="33" t="s">
        <v>83</v>
      </c>
      <c r="JK8" s="59" t="s">
        <v>47</v>
      </c>
      <c r="JL8" s="59" t="s">
        <v>48</v>
      </c>
      <c r="JM8" s="59" t="s">
        <v>49</v>
      </c>
      <c r="JN8" s="59" t="s">
        <v>50</v>
      </c>
      <c r="JO8" s="59" t="s">
        <v>51</v>
      </c>
      <c r="JP8" s="64" t="s">
        <v>45</v>
      </c>
      <c r="JQ8" s="650"/>
      <c r="JR8" s="61" t="s">
        <v>43</v>
      </c>
      <c r="JS8" s="59" t="s">
        <v>44</v>
      </c>
      <c r="JT8" s="60" t="s">
        <v>45</v>
      </c>
      <c r="JU8" s="33" t="s">
        <v>83</v>
      </c>
      <c r="JV8" s="59" t="s">
        <v>47</v>
      </c>
      <c r="JW8" s="59" t="s">
        <v>48</v>
      </c>
      <c r="JX8" s="59" t="s">
        <v>49</v>
      </c>
      <c r="JY8" s="59" t="s">
        <v>50</v>
      </c>
      <c r="JZ8" s="59" t="s">
        <v>51</v>
      </c>
      <c r="KA8" s="64" t="s">
        <v>45</v>
      </c>
      <c r="KB8" s="650"/>
      <c r="KC8" s="61" t="s">
        <v>43</v>
      </c>
      <c r="KD8" s="59" t="s">
        <v>44</v>
      </c>
      <c r="KE8" s="60" t="s">
        <v>45</v>
      </c>
      <c r="KF8" s="33" t="s">
        <v>83</v>
      </c>
      <c r="KG8" s="59" t="s">
        <v>47</v>
      </c>
      <c r="KH8" s="59" t="s">
        <v>48</v>
      </c>
      <c r="KI8" s="59" t="s">
        <v>49</v>
      </c>
      <c r="KJ8" s="59" t="s">
        <v>50</v>
      </c>
      <c r="KK8" s="59" t="s">
        <v>51</v>
      </c>
      <c r="KL8" s="64" t="s">
        <v>45</v>
      </c>
      <c r="KM8" s="650"/>
      <c r="KN8" s="61" t="s">
        <v>43</v>
      </c>
      <c r="KO8" s="59" t="s">
        <v>44</v>
      </c>
      <c r="KP8" s="60" t="s">
        <v>45</v>
      </c>
      <c r="KQ8" s="42" t="s">
        <v>83</v>
      </c>
      <c r="KR8" s="59" t="s">
        <v>47</v>
      </c>
      <c r="KS8" s="59" t="s">
        <v>48</v>
      </c>
      <c r="KT8" s="59" t="s">
        <v>49</v>
      </c>
      <c r="KU8" s="59" t="s">
        <v>50</v>
      </c>
      <c r="KV8" s="59" t="s">
        <v>51</v>
      </c>
      <c r="KW8" s="64" t="s">
        <v>45</v>
      </c>
      <c r="KX8" s="650"/>
      <c r="KY8" s="61" t="s">
        <v>43</v>
      </c>
      <c r="KZ8" s="59" t="s">
        <v>44</v>
      </c>
      <c r="LA8" s="60" t="s">
        <v>45</v>
      </c>
      <c r="LB8" s="42" t="s">
        <v>83</v>
      </c>
      <c r="LC8" s="59" t="s">
        <v>47</v>
      </c>
      <c r="LD8" s="59" t="s">
        <v>48</v>
      </c>
      <c r="LE8" s="59" t="s">
        <v>49</v>
      </c>
      <c r="LF8" s="59" t="s">
        <v>50</v>
      </c>
      <c r="LG8" s="59" t="s">
        <v>51</v>
      </c>
      <c r="LH8" s="64" t="s">
        <v>45</v>
      </c>
      <c r="LI8" s="650"/>
      <c r="LJ8" s="61" t="s">
        <v>43</v>
      </c>
      <c r="LK8" s="59" t="s">
        <v>44</v>
      </c>
      <c r="LL8" s="60" t="s">
        <v>45</v>
      </c>
      <c r="LM8" s="42" t="s">
        <v>83</v>
      </c>
      <c r="LN8" s="59" t="s">
        <v>47</v>
      </c>
      <c r="LO8" s="59" t="s">
        <v>48</v>
      </c>
      <c r="LP8" s="59" t="s">
        <v>49</v>
      </c>
      <c r="LQ8" s="59" t="s">
        <v>50</v>
      </c>
      <c r="LR8" s="59" t="s">
        <v>51</v>
      </c>
      <c r="LS8" s="64" t="s">
        <v>45</v>
      </c>
      <c r="LT8" s="650"/>
      <c r="LU8" s="61" t="s">
        <v>43</v>
      </c>
      <c r="LV8" s="59" t="s">
        <v>44</v>
      </c>
      <c r="LW8" s="60" t="s">
        <v>45</v>
      </c>
      <c r="LX8" s="42" t="s">
        <v>83</v>
      </c>
      <c r="LY8" s="59" t="s">
        <v>47</v>
      </c>
      <c r="LZ8" s="59" t="s">
        <v>48</v>
      </c>
      <c r="MA8" s="59" t="s">
        <v>49</v>
      </c>
      <c r="MB8" s="59" t="s">
        <v>50</v>
      </c>
      <c r="MC8" s="59" t="s">
        <v>51</v>
      </c>
      <c r="MD8" s="64" t="s">
        <v>45</v>
      </c>
      <c r="ME8" s="650"/>
      <c r="MF8" s="61" t="s">
        <v>43</v>
      </c>
      <c r="MG8" s="59" t="s">
        <v>44</v>
      </c>
      <c r="MH8" s="60" t="s">
        <v>45</v>
      </c>
      <c r="MI8" s="42" t="s">
        <v>83</v>
      </c>
      <c r="MJ8" s="59" t="s">
        <v>47</v>
      </c>
      <c r="MK8" s="59" t="s">
        <v>48</v>
      </c>
      <c r="ML8" s="59" t="s">
        <v>49</v>
      </c>
      <c r="MM8" s="59" t="s">
        <v>50</v>
      </c>
      <c r="MN8" s="59" t="s">
        <v>51</v>
      </c>
      <c r="MO8" s="64" t="s">
        <v>45</v>
      </c>
      <c r="MP8" s="650"/>
      <c r="MQ8" s="61" t="s">
        <v>43</v>
      </c>
      <c r="MR8" s="59" t="s">
        <v>44</v>
      </c>
      <c r="MS8" s="60" t="s">
        <v>45</v>
      </c>
      <c r="MT8" s="42" t="s">
        <v>83</v>
      </c>
      <c r="MU8" s="59" t="s">
        <v>47</v>
      </c>
      <c r="MV8" s="59" t="s">
        <v>48</v>
      </c>
      <c r="MW8" s="59" t="s">
        <v>49</v>
      </c>
      <c r="MX8" s="59" t="s">
        <v>50</v>
      </c>
      <c r="MY8" s="59" t="s">
        <v>51</v>
      </c>
      <c r="MZ8" s="64" t="s">
        <v>45</v>
      </c>
      <c r="NA8" s="650"/>
      <c r="NB8" s="61" t="s">
        <v>43</v>
      </c>
      <c r="NC8" s="59" t="s">
        <v>44</v>
      </c>
      <c r="ND8" s="60" t="s">
        <v>45</v>
      </c>
      <c r="NE8" s="42" t="s">
        <v>83</v>
      </c>
      <c r="NF8" s="59" t="s">
        <v>47</v>
      </c>
      <c r="NG8" s="59" t="s">
        <v>48</v>
      </c>
      <c r="NH8" s="59" t="s">
        <v>49</v>
      </c>
      <c r="NI8" s="59" t="s">
        <v>50</v>
      </c>
      <c r="NJ8" s="59" t="s">
        <v>51</v>
      </c>
      <c r="NK8" s="64" t="s">
        <v>45</v>
      </c>
      <c r="NL8" s="650"/>
      <c r="NM8" s="61" t="s">
        <v>43</v>
      </c>
      <c r="NN8" s="59" t="s">
        <v>44</v>
      </c>
      <c r="NO8" s="60" t="s">
        <v>45</v>
      </c>
      <c r="NP8" s="42" t="s">
        <v>83</v>
      </c>
      <c r="NQ8" s="59" t="s">
        <v>47</v>
      </c>
      <c r="NR8" s="59" t="s">
        <v>48</v>
      </c>
      <c r="NS8" s="59" t="s">
        <v>49</v>
      </c>
      <c r="NT8" s="59" t="s">
        <v>50</v>
      </c>
      <c r="NU8" s="59" t="s">
        <v>51</v>
      </c>
      <c r="NV8" s="64" t="s">
        <v>45</v>
      </c>
      <c r="NW8" s="650"/>
      <c r="NX8" s="61" t="s">
        <v>43</v>
      </c>
      <c r="NY8" s="59" t="s">
        <v>44</v>
      </c>
      <c r="NZ8" s="60" t="s">
        <v>45</v>
      </c>
      <c r="OA8" s="42" t="s">
        <v>83</v>
      </c>
      <c r="OB8" s="59" t="s">
        <v>47</v>
      </c>
      <c r="OC8" s="59" t="s">
        <v>48</v>
      </c>
      <c r="OD8" s="59" t="s">
        <v>49</v>
      </c>
      <c r="OE8" s="59" t="s">
        <v>50</v>
      </c>
      <c r="OF8" s="59" t="s">
        <v>51</v>
      </c>
      <c r="OG8" s="64" t="s">
        <v>45</v>
      </c>
      <c r="OH8" s="650"/>
      <c r="OI8" s="61" t="s">
        <v>43</v>
      </c>
      <c r="OJ8" s="59" t="s">
        <v>44</v>
      </c>
      <c r="OK8" s="60" t="s">
        <v>45</v>
      </c>
      <c r="OL8" s="33" t="s">
        <v>83</v>
      </c>
      <c r="OM8" s="59" t="s">
        <v>47</v>
      </c>
      <c r="ON8" s="59" t="s">
        <v>48</v>
      </c>
      <c r="OO8" s="59" t="s">
        <v>49</v>
      </c>
      <c r="OP8" s="59" t="s">
        <v>50</v>
      </c>
      <c r="OQ8" s="59" t="s">
        <v>51</v>
      </c>
      <c r="OR8" s="64" t="s">
        <v>45</v>
      </c>
      <c r="OS8" s="650"/>
    </row>
    <row r="9" spans="1:409" s="473" customFormat="1" ht="21" customHeight="1" x14ac:dyDescent="0.2">
      <c r="A9" s="44"/>
      <c r="B9" s="467" t="s">
        <v>4</v>
      </c>
      <c r="C9" s="387">
        <v>27291064</v>
      </c>
      <c r="D9" s="388">
        <v>46263583</v>
      </c>
      <c r="E9" s="389">
        <v>73554647</v>
      </c>
      <c r="F9" s="390">
        <v>0</v>
      </c>
      <c r="G9" s="388">
        <v>295786686</v>
      </c>
      <c r="H9" s="388">
        <v>380927736</v>
      </c>
      <c r="I9" s="388">
        <v>346408306</v>
      </c>
      <c r="J9" s="388">
        <v>307585208</v>
      </c>
      <c r="K9" s="388">
        <v>207013068</v>
      </c>
      <c r="L9" s="391">
        <v>1537721004</v>
      </c>
      <c r="M9" s="392">
        <v>1611275651</v>
      </c>
      <c r="N9" s="387">
        <v>7609215</v>
      </c>
      <c r="O9" s="388">
        <v>15678931</v>
      </c>
      <c r="P9" s="393">
        <v>23288146</v>
      </c>
      <c r="Q9" s="387">
        <v>0</v>
      </c>
      <c r="R9" s="388">
        <v>93559162</v>
      </c>
      <c r="S9" s="388">
        <v>131923171</v>
      </c>
      <c r="T9" s="388">
        <v>114343205</v>
      </c>
      <c r="U9" s="388">
        <v>117118801</v>
      </c>
      <c r="V9" s="388">
        <v>105351947</v>
      </c>
      <c r="W9" s="393">
        <v>562296286</v>
      </c>
      <c r="X9" s="392">
        <v>585584432</v>
      </c>
      <c r="Y9" s="387">
        <v>0</v>
      </c>
      <c r="Z9" s="388">
        <v>0</v>
      </c>
      <c r="AA9" s="393">
        <v>0</v>
      </c>
      <c r="AB9" s="394">
        <v>0</v>
      </c>
      <c r="AC9" s="395">
        <v>40545044</v>
      </c>
      <c r="AD9" s="395">
        <v>55798786</v>
      </c>
      <c r="AE9" s="395">
        <v>57448268</v>
      </c>
      <c r="AF9" s="395">
        <v>61227523</v>
      </c>
      <c r="AG9" s="395">
        <v>54871706</v>
      </c>
      <c r="AH9" s="393">
        <v>269891327</v>
      </c>
      <c r="AI9" s="392">
        <v>269891327</v>
      </c>
      <c r="AJ9" s="396">
        <v>10149</v>
      </c>
      <c r="AK9" s="395">
        <v>43438</v>
      </c>
      <c r="AL9" s="393">
        <v>53587</v>
      </c>
      <c r="AM9" s="394">
        <v>0</v>
      </c>
      <c r="AN9" s="395">
        <v>374265</v>
      </c>
      <c r="AO9" s="391">
        <v>1731093</v>
      </c>
      <c r="AP9" s="395">
        <v>3096372</v>
      </c>
      <c r="AQ9" s="395">
        <v>7096034</v>
      </c>
      <c r="AR9" s="395">
        <v>13279543</v>
      </c>
      <c r="AS9" s="393">
        <v>25577307</v>
      </c>
      <c r="AT9" s="392">
        <v>25630894</v>
      </c>
      <c r="AU9" s="396">
        <v>3807321</v>
      </c>
      <c r="AV9" s="395">
        <v>10586666</v>
      </c>
      <c r="AW9" s="393">
        <v>14393987</v>
      </c>
      <c r="AX9" s="394">
        <v>0</v>
      </c>
      <c r="AY9" s="395">
        <v>34146647</v>
      </c>
      <c r="AZ9" s="395">
        <v>50946186</v>
      </c>
      <c r="BA9" s="395">
        <v>33957582</v>
      </c>
      <c r="BB9" s="395">
        <v>29701369</v>
      </c>
      <c r="BC9" s="395">
        <v>24858926</v>
      </c>
      <c r="BD9" s="393">
        <v>173610710</v>
      </c>
      <c r="BE9" s="397">
        <v>188004697</v>
      </c>
      <c r="BF9" s="396">
        <v>271753</v>
      </c>
      <c r="BG9" s="391">
        <v>1635363</v>
      </c>
      <c r="BH9" s="398">
        <v>1907116</v>
      </c>
      <c r="BI9" s="394">
        <v>0</v>
      </c>
      <c r="BJ9" s="395">
        <v>1924310</v>
      </c>
      <c r="BK9" s="395">
        <v>4567771</v>
      </c>
      <c r="BL9" s="395">
        <v>2574839</v>
      </c>
      <c r="BM9" s="395">
        <v>3006149</v>
      </c>
      <c r="BN9" s="395">
        <v>792188</v>
      </c>
      <c r="BO9" s="393">
        <v>12865257</v>
      </c>
      <c r="BP9" s="392">
        <v>14772373</v>
      </c>
      <c r="BQ9" s="396">
        <v>3519992</v>
      </c>
      <c r="BR9" s="395">
        <v>3413464</v>
      </c>
      <c r="BS9" s="393">
        <v>6933456</v>
      </c>
      <c r="BT9" s="394">
        <v>0</v>
      </c>
      <c r="BU9" s="395">
        <v>16568896</v>
      </c>
      <c r="BV9" s="395">
        <v>18879335</v>
      </c>
      <c r="BW9" s="395">
        <v>17266144</v>
      </c>
      <c r="BX9" s="395">
        <v>16087726</v>
      </c>
      <c r="BY9" s="395">
        <v>11549584</v>
      </c>
      <c r="BZ9" s="393">
        <v>80351685</v>
      </c>
      <c r="CA9" s="392">
        <v>87285141</v>
      </c>
      <c r="CB9" s="396">
        <v>3034702</v>
      </c>
      <c r="CC9" s="395">
        <v>6099654</v>
      </c>
      <c r="CD9" s="393">
        <v>9134356</v>
      </c>
      <c r="CE9" s="394">
        <v>0</v>
      </c>
      <c r="CF9" s="395">
        <v>90274584</v>
      </c>
      <c r="CG9" s="395">
        <v>106304573</v>
      </c>
      <c r="CH9" s="399">
        <v>83923080</v>
      </c>
      <c r="CI9" s="395">
        <v>47889931</v>
      </c>
      <c r="CJ9" s="395">
        <v>18550917</v>
      </c>
      <c r="CK9" s="393">
        <v>346943085</v>
      </c>
      <c r="CL9" s="392">
        <v>356077441</v>
      </c>
      <c r="CM9" s="387">
        <v>0</v>
      </c>
      <c r="CN9" s="388">
        <v>0</v>
      </c>
      <c r="CO9" s="393">
        <v>0</v>
      </c>
      <c r="CP9" s="394">
        <v>0</v>
      </c>
      <c r="CQ9" s="395">
        <v>72799500</v>
      </c>
      <c r="CR9" s="395">
        <v>78023690</v>
      </c>
      <c r="CS9" s="395">
        <v>61600311</v>
      </c>
      <c r="CT9" s="395">
        <v>33566075</v>
      </c>
      <c r="CU9" s="395">
        <v>14153917</v>
      </c>
      <c r="CV9" s="400">
        <v>260143493</v>
      </c>
      <c r="CW9" s="392">
        <v>260143493</v>
      </c>
      <c r="CX9" s="396">
        <v>3034702</v>
      </c>
      <c r="CY9" s="395">
        <v>6099654</v>
      </c>
      <c r="CZ9" s="393">
        <v>9134356</v>
      </c>
      <c r="DA9" s="394">
        <v>0</v>
      </c>
      <c r="DB9" s="395">
        <v>17475084</v>
      </c>
      <c r="DC9" s="395">
        <v>28280883</v>
      </c>
      <c r="DD9" s="395">
        <v>22322769</v>
      </c>
      <c r="DE9" s="395">
        <v>14323856</v>
      </c>
      <c r="DF9" s="395">
        <v>4397000</v>
      </c>
      <c r="DG9" s="393">
        <v>86799592</v>
      </c>
      <c r="DH9" s="392">
        <v>95933948</v>
      </c>
      <c r="DI9" s="396">
        <v>178115</v>
      </c>
      <c r="DJ9" s="395">
        <v>757506</v>
      </c>
      <c r="DK9" s="398">
        <v>935621</v>
      </c>
      <c r="DL9" s="394">
        <v>0</v>
      </c>
      <c r="DM9" s="395">
        <v>8530544</v>
      </c>
      <c r="DN9" s="395">
        <v>16945488</v>
      </c>
      <c r="DO9" s="395">
        <v>29353606</v>
      </c>
      <c r="DP9" s="395">
        <v>27100188</v>
      </c>
      <c r="DQ9" s="395">
        <v>10356025</v>
      </c>
      <c r="DR9" s="401">
        <v>92285851</v>
      </c>
      <c r="DS9" s="392">
        <v>93221472</v>
      </c>
      <c r="DT9" s="396">
        <v>178115</v>
      </c>
      <c r="DU9" s="395">
        <v>692079</v>
      </c>
      <c r="DV9" s="393">
        <v>870194</v>
      </c>
      <c r="DW9" s="394">
        <v>0</v>
      </c>
      <c r="DX9" s="395">
        <v>7853322</v>
      </c>
      <c r="DY9" s="395">
        <v>14220193</v>
      </c>
      <c r="DZ9" s="395">
        <v>25289881</v>
      </c>
      <c r="EA9" s="395">
        <v>22747610</v>
      </c>
      <c r="EB9" s="395">
        <v>8592550</v>
      </c>
      <c r="EC9" s="393">
        <v>78703556</v>
      </c>
      <c r="ED9" s="392">
        <v>79573750</v>
      </c>
      <c r="EE9" s="396">
        <v>0</v>
      </c>
      <c r="EF9" s="391">
        <v>65427</v>
      </c>
      <c r="EG9" s="393">
        <v>65427</v>
      </c>
      <c r="EH9" s="397">
        <v>0</v>
      </c>
      <c r="EI9" s="395">
        <v>677222</v>
      </c>
      <c r="EJ9" s="395">
        <v>2725295</v>
      </c>
      <c r="EK9" s="395">
        <v>4063725</v>
      </c>
      <c r="EL9" s="395">
        <v>4352578</v>
      </c>
      <c r="EM9" s="399">
        <v>1763475</v>
      </c>
      <c r="EN9" s="391">
        <v>13582295</v>
      </c>
      <c r="EO9" s="392">
        <v>13647722</v>
      </c>
      <c r="EP9" s="396">
        <v>0</v>
      </c>
      <c r="EQ9" s="395">
        <v>0</v>
      </c>
      <c r="ER9" s="391">
        <v>0</v>
      </c>
      <c r="ES9" s="394">
        <v>0</v>
      </c>
      <c r="ET9" s="395">
        <v>0</v>
      </c>
      <c r="EU9" s="395">
        <v>0</v>
      </c>
      <c r="EV9" s="395">
        <v>0</v>
      </c>
      <c r="EW9" s="395">
        <v>0</v>
      </c>
      <c r="EX9" s="395">
        <v>0</v>
      </c>
      <c r="EY9" s="400">
        <v>0</v>
      </c>
      <c r="EZ9" s="392">
        <v>0</v>
      </c>
      <c r="FA9" s="396">
        <v>0</v>
      </c>
      <c r="FB9" s="395">
        <v>0</v>
      </c>
      <c r="FC9" s="391">
        <v>0</v>
      </c>
      <c r="FD9" s="402"/>
      <c r="FE9" s="395">
        <v>0</v>
      </c>
      <c r="FF9" s="395">
        <v>0</v>
      </c>
      <c r="FG9" s="395">
        <v>0</v>
      </c>
      <c r="FH9" s="395">
        <v>0</v>
      </c>
      <c r="FI9" s="395">
        <v>0</v>
      </c>
      <c r="FJ9" s="400">
        <v>0</v>
      </c>
      <c r="FK9" s="392">
        <v>0</v>
      </c>
      <c r="FL9" s="396">
        <v>5639851</v>
      </c>
      <c r="FM9" s="395">
        <v>11083610</v>
      </c>
      <c r="FN9" s="393">
        <v>16723461</v>
      </c>
      <c r="FO9" s="394">
        <v>0</v>
      </c>
      <c r="FP9" s="395">
        <v>15019575</v>
      </c>
      <c r="FQ9" s="395">
        <v>37685290</v>
      </c>
      <c r="FR9" s="395">
        <v>28785842</v>
      </c>
      <c r="FS9" s="395">
        <v>25028281</v>
      </c>
      <c r="FT9" s="395">
        <v>16139584</v>
      </c>
      <c r="FU9" s="393">
        <v>122658572</v>
      </c>
      <c r="FV9" s="392">
        <v>139382033</v>
      </c>
      <c r="FW9" s="396">
        <v>2606664</v>
      </c>
      <c r="FX9" s="395">
        <v>6506770</v>
      </c>
      <c r="FY9" s="391">
        <v>9113434</v>
      </c>
      <c r="FZ9" s="397">
        <v>0</v>
      </c>
      <c r="GA9" s="395">
        <v>10969904</v>
      </c>
      <c r="GB9" s="403">
        <v>33928198</v>
      </c>
      <c r="GC9" s="395">
        <v>26149144</v>
      </c>
      <c r="GD9" s="403">
        <v>22792984</v>
      </c>
      <c r="GE9" s="395">
        <v>15350360</v>
      </c>
      <c r="GF9" s="400">
        <v>109190590</v>
      </c>
      <c r="GG9" s="404">
        <v>118304024</v>
      </c>
      <c r="GH9" s="405">
        <v>337459</v>
      </c>
      <c r="GI9" s="395">
        <v>424892</v>
      </c>
      <c r="GJ9" s="403">
        <v>762351</v>
      </c>
      <c r="GK9" s="390">
        <v>0</v>
      </c>
      <c r="GL9" s="395">
        <v>1173740</v>
      </c>
      <c r="GM9" s="391">
        <v>816020</v>
      </c>
      <c r="GN9" s="395">
        <v>681986</v>
      </c>
      <c r="GO9" s="391">
        <v>956601</v>
      </c>
      <c r="GP9" s="395">
        <v>241064</v>
      </c>
      <c r="GQ9" s="401">
        <v>3869411</v>
      </c>
      <c r="GR9" s="392">
        <v>4631762</v>
      </c>
      <c r="GS9" s="391">
        <v>2695728</v>
      </c>
      <c r="GT9" s="395">
        <v>4151948</v>
      </c>
      <c r="GU9" s="393">
        <v>6847676</v>
      </c>
      <c r="GV9" s="391">
        <v>0</v>
      </c>
      <c r="GW9" s="395">
        <v>2875931</v>
      </c>
      <c r="GX9" s="391">
        <v>2941072</v>
      </c>
      <c r="GY9" s="395">
        <v>1954712</v>
      </c>
      <c r="GZ9" s="391">
        <v>1278696</v>
      </c>
      <c r="HA9" s="395">
        <v>548160</v>
      </c>
      <c r="HB9" s="391">
        <v>9598571</v>
      </c>
      <c r="HC9" s="392">
        <v>16446247</v>
      </c>
      <c r="HD9" s="391">
        <v>10829181</v>
      </c>
      <c r="HE9" s="395">
        <v>12643882</v>
      </c>
      <c r="HF9" s="391">
        <v>23473063</v>
      </c>
      <c r="HG9" s="397">
        <v>0</v>
      </c>
      <c r="HH9" s="395">
        <v>88402821</v>
      </c>
      <c r="HI9" s="403">
        <v>88069214</v>
      </c>
      <c r="HJ9" s="395">
        <v>90002573</v>
      </c>
      <c r="HK9" s="403">
        <v>90448007</v>
      </c>
      <c r="HL9" s="395">
        <v>56614595</v>
      </c>
      <c r="HM9" s="400">
        <v>413537210</v>
      </c>
      <c r="HN9" s="391">
        <v>437010273</v>
      </c>
      <c r="HO9" s="468"/>
      <c r="HP9" s="469"/>
      <c r="HQ9" s="470"/>
      <c r="HR9" s="471"/>
      <c r="HS9" s="469"/>
      <c r="HT9" s="471"/>
      <c r="HU9" s="469"/>
      <c r="HV9" s="471"/>
      <c r="HW9" s="469"/>
      <c r="HX9" s="471"/>
      <c r="HY9" s="472"/>
      <c r="HZ9" s="406">
        <v>659748</v>
      </c>
      <c r="IA9" s="407">
        <v>847981</v>
      </c>
      <c r="IB9" s="408">
        <v>1507729</v>
      </c>
      <c r="IC9" s="409">
        <v>0</v>
      </c>
      <c r="ID9" s="407">
        <v>79292145</v>
      </c>
      <c r="IE9" s="410">
        <v>103097483</v>
      </c>
      <c r="IF9" s="411">
        <v>106212351</v>
      </c>
      <c r="IG9" s="407">
        <v>87012392</v>
      </c>
      <c r="IH9" s="411">
        <v>57347816</v>
      </c>
      <c r="II9" s="412">
        <v>432962187</v>
      </c>
      <c r="IJ9" s="413">
        <v>434469916</v>
      </c>
      <c r="IK9" s="414">
        <v>0</v>
      </c>
      <c r="IL9" s="415">
        <v>0</v>
      </c>
      <c r="IM9" s="416">
        <v>0</v>
      </c>
      <c r="IN9" s="417"/>
      <c r="IO9" s="418">
        <v>1462212</v>
      </c>
      <c r="IP9" s="418">
        <v>2639018</v>
      </c>
      <c r="IQ9" s="418">
        <v>4175623</v>
      </c>
      <c r="IR9" s="418">
        <v>5554666</v>
      </c>
      <c r="IS9" s="418">
        <v>5730692</v>
      </c>
      <c r="IT9" s="419">
        <v>19562211</v>
      </c>
      <c r="IU9" s="420">
        <v>19562211</v>
      </c>
      <c r="IV9" s="421">
        <v>0</v>
      </c>
      <c r="IW9" s="418">
        <v>0</v>
      </c>
      <c r="IX9" s="422">
        <v>0</v>
      </c>
      <c r="IY9" s="423"/>
      <c r="IZ9" s="418">
        <v>217854</v>
      </c>
      <c r="JA9" s="418">
        <v>500050</v>
      </c>
      <c r="JB9" s="418">
        <v>918341</v>
      </c>
      <c r="JC9" s="418">
        <v>1028890</v>
      </c>
      <c r="JD9" s="418">
        <v>1004375</v>
      </c>
      <c r="JE9" s="422">
        <v>3669510</v>
      </c>
      <c r="JF9" s="424">
        <v>3669510</v>
      </c>
      <c r="JG9" s="421">
        <v>0</v>
      </c>
      <c r="JH9" s="418">
        <v>0</v>
      </c>
      <c r="JI9" s="419">
        <v>0</v>
      </c>
      <c r="JJ9" s="425">
        <v>0</v>
      </c>
      <c r="JK9" s="418">
        <v>35369645</v>
      </c>
      <c r="JL9" s="418">
        <v>34413429</v>
      </c>
      <c r="JM9" s="418">
        <v>25780884</v>
      </c>
      <c r="JN9" s="418">
        <v>15306562</v>
      </c>
      <c r="JO9" s="418">
        <v>8001575</v>
      </c>
      <c r="JP9" s="422">
        <v>118872095</v>
      </c>
      <c r="JQ9" s="420">
        <v>118872095</v>
      </c>
      <c r="JR9" s="421">
        <v>26763</v>
      </c>
      <c r="JS9" s="418">
        <v>0</v>
      </c>
      <c r="JT9" s="419">
        <v>26763</v>
      </c>
      <c r="JU9" s="425">
        <v>0</v>
      </c>
      <c r="JV9" s="418">
        <v>6128948</v>
      </c>
      <c r="JW9" s="418">
        <v>8026822</v>
      </c>
      <c r="JX9" s="418">
        <v>8927458</v>
      </c>
      <c r="JY9" s="418">
        <v>3936169</v>
      </c>
      <c r="JZ9" s="418">
        <v>2628456</v>
      </c>
      <c r="KA9" s="422">
        <v>29647853</v>
      </c>
      <c r="KB9" s="420">
        <v>29674616</v>
      </c>
      <c r="KC9" s="426">
        <v>632985</v>
      </c>
      <c r="KD9" s="427">
        <v>847981</v>
      </c>
      <c r="KE9" s="422">
        <v>1480966</v>
      </c>
      <c r="KF9" s="425">
        <v>0</v>
      </c>
      <c r="KG9" s="418">
        <v>9691377</v>
      </c>
      <c r="KH9" s="418">
        <v>14138554</v>
      </c>
      <c r="KI9" s="418">
        <v>17892950</v>
      </c>
      <c r="KJ9" s="418">
        <v>13278035</v>
      </c>
      <c r="KK9" s="418">
        <v>6288164</v>
      </c>
      <c r="KL9" s="422">
        <v>61289080</v>
      </c>
      <c r="KM9" s="428">
        <v>62770046</v>
      </c>
      <c r="KN9" s="414">
        <v>0</v>
      </c>
      <c r="KO9" s="415">
        <v>0</v>
      </c>
      <c r="KP9" s="416">
        <v>0</v>
      </c>
      <c r="KQ9" s="417"/>
      <c r="KR9" s="418">
        <v>23311078</v>
      </c>
      <c r="KS9" s="418">
        <v>37356481</v>
      </c>
      <c r="KT9" s="418">
        <v>35720317</v>
      </c>
      <c r="KU9" s="418">
        <v>33744490</v>
      </c>
      <c r="KV9" s="418">
        <v>17397241</v>
      </c>
      <c r="KW9" s="422">
        <v>147529607</v>
      </c>
      <c r="KX9" s="420">
        <v>147529607</v>
      </c>
      <c r="KY9" s="421">
        <v>0</v>
      </c>
      <c r="KZ9" s="418">
        <v>0</v>
      </c>
      <c r="LA9" s="422">
        <v>0</v>
      </c>
      <c r="LB9" s="429"/>
      <c r="LC9" s="418">
        <v>644670</v>
      </c>
      <c r="LD9" s="418">
        <v>1731722</v>
      </c>
      <c r="LE9" s="418">
        <v>945024</v>
      </c>
      <c r="LF9" s="418">
        <v>1335100</v>
      </c>
      <c r="LG9" s="418">
        <v>948579</v>
      </c>
      <c r="LH9" s="422">
        <v>5605095</v>
      </c>
      <c r="LI9" s="424">
        <v>5605095</v>
      </c>
      <c r="LJ9" s="421">
        <v>0</v>
      </c>
      <c r="LK9" s="418">
        <v>0</v>
      </c>
      <c r="LL9" s="422">
        <v>0</v>
      </c>
      <c r="LM9" s="429"/>
      <c r="LN9" s="418">
        <v>200512</v>
      </c>
      <c r="LO9" s="418">
        <v>463007</v>
      </c>
      <c r="LP9" s="418">
        <v>4508789</v>
      </c>
      <c r="LQ9" s="418">
        <v>4174729</v>
      </c>
      <c r="LR9" s="418">
        <v>3199428</v>
      </c>
      <c r="LS9" s="422">
        <v>12546465</v>
      </c>
      <c r="LT9" s="420">
        <v>12546465</v>
      </c>
      <c r="LU9" s="421">
        <v>0</v>
      </c>
      <c r="LV9" s="418">
        <v>0</v>
      </c>
      <c r="LW9" s="422">
        <v>0</v>
      </c>
      <c r="LX9" s="429"/>
      <c r="LY9" s="418">
        <v>2265849</v>
      </c>
      <c r="LZ9" s="418">
        <v>3828400</v>
      </c>
      <c r="MA9" s="418">
        <v>7342965</v>
      </c>
      <c r="MB9" s="418">
        <v>8653751</v>
      </c>
      <c r="MC9" s="418">
        <v>12149306</v>
      </c>
      <c r="MD9" s="422">
        <v>34240271</v>
      </c>
      <c r="ME9" s="424">
        <v>34240271</v>
      </c>
      <c r="MF9" s="421">
        <v>0</v>
      </c>
      <c r="MG9" s="418">
        <v>0</v>
      </c>
      <c r="MH9" s="422">
        <v>0</v>
      </c>
      <c r="MI9" s="429"/>
      <c r="MJ9" s="418">
        <v>20419887</v>
      </c>
      <c r="MK9" s="418">
        <v>63988833</v>
      </c>
      <c r="ML9" s="418">
        <v>182901635</v>
      </c>
      <c r="MM9" s="418">
        <v>261607420</v>
      </c>
      <c r="MN9" s="418">
        <v>170380301</v>
      </c>
      <c r="MO9" s="422">
        <v>699298076</v>
      </c>
      <c r="MP9" s="428">
        <v>699298076</v>
      </c>
      <c r="MQ9" s="421">
        <v>0</v>
      </c>
      <c r="MR9" s="418">
        <v>0</v>
      </c>
      <c r="MS9" s="422">
        <v>0</v>
      </c>
      <c r="MT9" s="429"/>
      <c r="MU9" s="418">
        <v>2752595</v>
      </c>
      <c r="MV9" s="418">
        <v>13277391</v>
      </c>
      <c r="MW9" s="418">
        <v>107908849</v>
      </c>
      <c r="MX9" s="418">
        <v>167680828</v>
      </c>
      <c r="MY9" s="418">
        <v>103471030</v>
      </c>
      <c r="MZ9" s="422">
        <v>395090693</v>
      </c>
      <c r="NA9" s="428">
        <v>395090693</v>
      </c>
      <c r="NB9" s="421">
        <v>0</v>
      </c>
      <c r="NC9" s="418">
        <v>0</v>
      </c>
      <c r="ND9" s="422">
        <v>0</v>
      </c>
      <c r="NE9" s="429"/>
      <c r="NF9" s="418">
        <v>17667292</v>
      </c>
      <c r="NG9" s="418">
        <v>50190604</v>
      </c>
      <c r="NH9" s="418">
        <v>74297310</v>
      </c>
      <c r="NI9" s="418">
        <v>85987792</v>
      </c>
      <c r="NJ9" s="418">
        <v>53768319</v>
      </c>
      <c r="NK9" s="422">
        <v>281911317</v>
      </c>
      <c r="NL9" s="420">
        <v>281911317</v>
      </c>
      <c r="NM9" s="421">
        <v>0</v>
      </c>
      <c r="NN9" s="418">
        <v>0</v>
      </c>
      <c r="NO9" s="422">
        <v>0</v>
      </c>
      <c r="NP9" s="429"/>
      <c r="NQ9" s="418">
        <v>0</v>
      </c>
      <c r="NR9" s="418">
        <v>0</v>
      </c>
      <c r="NS9" s="418">
        <v>315888</v>
      </c>
      <c r="NT9" s="418">
        <v>3043067</v>
      </c>
      <c r="NU9" s="418">
        <v>3434918</v>
      </c>
      <c r="NV9" s="422">
        <v>6793873</v>
      </c>
      <c r="NW9" s="424">
        <v>6793873</v>
      </c>
      <c r="NX9" s="421">
        <v>0</v>
      </c>
      <c r="NY9" s="418">
        <v>0</v>
      </c>
      <c r="NZ9" s="422">
        <v>0</v>
      </c>
      <c r="OA9" s="429"/>
      <c r="OB9" s="418">
        <v>0</v>
      </c>
      <c r="OC9" s="418">
        <v>520838</v>
      </c>
      <c r="OD9" s="418">
        <v>379588</v>
      </c>
      <c r="OE9" s="418">
        <v>4895733</v>
      </c>
      <c r="OF9" s="418">
        <v>9706034</v>
      </c>
      <c r="OG9" s="422">
        <v>15502193</v>
      </c>
      <c r="OH9" s="424">
        <v>15502193</v>
      </c>
      <c r="OI9" s="421">
        <v>27950812</v>
      </c>
      <c r="OJ9" s="418">
        <v>47111564</v>
      </c>
      <c r="OK9" s="419">
        <v>75062376</v>
      </c>
      <c r="OL9" s="425">
        <v>0</v>
      </c>
      <c r="OM9" s="418">
        <v>395498718</v>
      </c>
      <c r="ON9" s="418">
        <v>548014052</v>
      </c>
      <c r="OO9" s="418">
        <v>635522292</v>
      </c>
      <c r="OP9" s="418">
        <v>656205020</v>
      </c>
      <c r="OQ9" s="418">
        <v>434741185</v>
      </c>
      <c r="OR9" s="422">
        <v>2669981267</v>
      </c>
      <c r="OS9" s="428">
        <v>2745043643</v>
      </c>
    </row>
    <row r="10" spans="1:409" s="473" customFormat="1" ht="21" customHeight="1" x14ac:dyDescent="0.2">
      <c r="A10" s="44"/>
      <c r="B10" s="474" t="s">
        <v>5</v>
      </c>
      <c r="C10" s="432">
        <v>11270599</v>
      </c>
      <c r="D10" s="433">
        <v>24150855</v>
      </c>
      <c r="E10" s="434">
        <v>35421454</v>
      </c>
      <c r="F10" s="435">
        <v>0</v>
      </c>
      <c r="G10" s="433">
        <v>110276734</v>
      </c>
      <c r="H10" s="433">
        <v>177583607</v>
      </c>
      <c r="I10" s="433">
        <v>158969603</v>
      </c>
      <c r="J10" s="433">
        <v>134075260</v>
      </c>
      <c r="K10" s="433">
        <v>93892226</v>
      </c>
      <c r="L10" s="435">
        <v>674797430</v>
      </c>
      <c r="M10" s="436">
        <v>710218884</v>
      </c>
      <c r="N10" s="432">
        <v>3476374</v>
      </c>
      <c r="O10" s="433">
        <v>9050069</v>
      </c>
      <c r="P10" s="434">
        <v>12526443</v>
      </c>
      <c r="Q10" s="432">
        <v>0</v>
      </c>
      <c r="R10" s="433">
        <v>36260818</v>
      </c>
      <c r="S10" s="433">
        <v>64646139</v>
      </c>
      <c r="T10" s="433">
        <v>52301369</v>
      </c>
      <c r="U10" s="433">
        <v>50435252</v>
      </c>
      <c r="V10" s="433">
        <v>46476400</v>
      </c>
      <c r="W10" s="434">
        <v>250119978</v>
      </c>
      <c r="X10" s="436">
        <v>262646421</v>
      </c>
      <c r="Y10" s="432">
        <v>0</v>
      </c>
      <c r="Z10" s="433">
        <v>0</v>
      </c>
      <c r="AA10" s="434">
        <v>0</v>
      </c>
      <c r="AB10" s="432">
        <v>0</v>
      </c>
      <c r="AC10" s="433">
        <v>15809980</v>
      </c>
      <c r="AD10" s="433">
        <v>25413140</v>
      </c>
      <c r="AE10" s="433">
        <v>25298538</v>
      </c>
      <c r="AF10" s="433">
        <v>23986132</v>
      </c>
      <c r="AG10" s="433">
        <v>23355197</v>
      </c>
      <c r="AH10" s="434">
        <v>113862987</v>
      </c>
      <c r="AI10" s="436">
        <v>113862987</v>
      </c>
      <c r="AJ10" s="432">
        <v>10149</v>
      </c>
      <c r="AK10" s="433">
        <v>43438</v>
      </c>
      <c r="AL10" s="434">
        <v>53587</v>
      </c>
      <c r="AM10" s="432">
        <v>0</v>
      </c>
      <c r="AN10" s="433">
        <v>113224</v>
      </c>
      <c r="AO10" s="433">
        <v>738103</v>
      </c>
      <c r="AP10" s="433">
        <v>1081286</v>
      </c>
      <c r="AQ10" s="433">
        <v>3285566</v>
      </c>
      <c r="AR10" s="433">
        <v>6029655</v>
      </c>
      <c r="AS10" s="434">
        <v>11247834</v>
      </c>
      <c r="AT10" s="436">
        <v>11301421</v>
      </c>
      <c r="AU10" s="432">
        <v>1822213</v>
      </c>
      <c r="AV10" s="433">
        <v>6151806</v>
      </c>
      <c r="AW10" s="434">
        <v>7974019</v>
      </c>
      <c r="AX10" s="432">
        <v>0</v>
      </c>
      <c r="AY10" s="433">
        <v>13856509</v>
      </c>
      <c r="AZ10" s="433">
        <v>27997492</v>
      </c>
      <c r="BA10" s="433">
        <v>17324058</v>
      </c>
      <c r="BB10" s="433">
        <v>14799998</v>
      </c>
      <c r="BC10" s="433">
        <v>11770623</v>
      </c>
      <c r="BD10" s="434">
        <v>85748680</v>
      </c>
      <c r="BE10" s="436">
        <v>93722699</v>
      </c>
      <c r="BF10" s="432">
        <v>99796</v>
      </c>
      <c r="BG10" s="433">
        <v>904409</v>
      </c>
      <c r="BH10" s="437">
        <v>1004205</v>
      </c>
      <c r="BI10" s="438">
        <v>0</v>
      </c>
      <c r="BJ10" s="433">
        <v>316041</v>
      </c>
      <c r="BK10" s="433">
        <v>1864159</v>
      </c>
      <c r="BL10" s="433">
        <v>939215</v>
      </c>
      <c r="BM10" s="433">
        <v>1133622</v>
      </c>
      <c r="BN10" s="433">
        <v>286901</v>
      </c>
      <c r="BO10" s="434">
        <v>4539938</v>
      </c>
      <c r="BP10" s="436">
        <v>5544143</v>
      </c>
      <c r="BQ10" s="432">
        <v>1544216</v>
      </c>
      <c r="BR10" s="433">
        <v>1950416</v>
      </c>
      <c r="BS10" s="434">
        <v>3494632</v>
      </c>
      <c r="BT10" s="432">
        <v>0</v>
      </c>
      <c r="BU10" s="433">
        <v>6165064</v>
      </c>
      <c r="BV10" s="433">
        <v>8633245</v>
      </c>
      <c r="BW10" s="433">
        <v>7658272</v>
      </c>
      <c r="BX10" s="433">
        <v>7229934</v>
      </c>
      <c r="BY10" s="433">
        <v>5034024</v>
      </c>
      <c r="BZ10" s="434">
        <v>34720539</v>
      </c>
      <c r="CA10" s="436">
        <v>38215171</v>
      </c>
      <c r="CB10" s="432">
        <v>1503997</v>
      </c>
      <c r="CC10" s="433">
        <v>3205874</v>
      </c>
      <c r="CD10" s="434">
        <v>4709871</v>
      </c>
      <c r="CE10" s="432">
        <v>0</v>
      </c>
      <c r="CF10" s="433">
        <v>33113895</v>
      </c>
      <c r="CG10" s="433">
        <v>46696850</v>
      </c>
      <c r="CH10" s="433">
        <v>35248891</v>
      </c>
      <c r="CI10" s="433">
        <v>19820000</v>
      </c>
      <c r="CJ10" s="433">
        <v>7794300</v>
      </c>
      <c r="CK10" s="434">
        <v>142673936</v>
      </c>
      <c r="CL10" s="436">
        <v>147383807</v>
      </c>
      <c r="CM10" s="432">
        <v>0</v>
      </c>
      <c r="CN10" s="433">
        <v>0</v>
      </c>
      <c r="CO10" s="434">
        <v>0</v>
      </c>
      <c r="CP10" s="438">
        <v>0</v>
      </c>
      <c r="CQ10" s="433">
        <v>26855037</v>
      </c>
      <c r="CR10" s="433">
        <v>34761898</v>
      </c>
      <c r="CS10" s="433">
        <v>24393201</v>
      </c>
      <c r="CT10" s="433">
        <v>12312036</v>
      </c>
      <c r="CU10" s="433">
        <v>5755745</v>
      </c>
      <c r="CV10" s="434">
        <v>104077917</v>
      </c>
      <c r="CW10" s="436">
        <v>104077917</v>
      </c>
      <c r="CX10" s="432">
        <v>1503997</v>
      </c>
      <c r="CY10" s="433">
        <v>3205874</v>
      </c>
      <c r="CZ10" s="434">
        <v>4709871</v>
      </c>
      <c r="DA10" s="432">
        <v>0</v>
      </c>
      <c r="DB10" s="433">
        <v>6258858</v>
      </c>
      <c r="DC10" s="433">
        <v>11934952</v>
      </c>
      <c r="DD10" s="433">
        <v>10855690</v>
      </c>
      <c r="DE10" s="433">
        <v>7507964</v>
      </c>
      <c r="DF10" s="433">
        <v>2038555</v>
      </c>
      <c r="DG10" s="434">
        <v>38596019</v>
      </c>
      <c r="DH10" s="436">
        <v>43305890</v>
      </c>
      <c r="DI10" s="432">
        <v>51204</v>
      </c>
      <c r="DJ10" s="433">
        <v>351430</v>
      </c>
      <c r="DK10" s="437">
        <v>402634</v>
      </c>
      <c r="DL10" s="438">
        <v>0</v>
      </c>
      <c r="DM10" s="433">
        <v>3046287</v>
      </c>
      <c r="DN10" s="433">
        <v>7416164</v>
      </c>
      <c r="DO10" s="433">
        <v>15597546</v>
      </c>
      <c r="DP10" s="433">
        <v>12362479</v>
      </c>
      <c r="DQ10" s="433">
        <v>5405391</v>
      </c>
      <c r="DR10" s="434">
        <v>43827867</v>
      </c>
      <c r="DS10" s="436">
        <v>44230501</v>
      </c>
      <c r="DT10" s="432">
        <v>51204</v>
      </c>
      <c r="DU10" s="433">
        <v>312127</v>
      </c>
      <c r="DV10" s="434">
        <v>363331</v>
      </c>
      <c r="DW10" s="432">
        <v>0</v>
      </c>
      <c r="DX10" s="433">
        <v>2587228</v>
      </c>
      <c r="DY10" s="433">
        <v>5934325</v>
      </c>
      <c r="DZ10" s="433">
        <v>12935608</v>
      </c>
      <c r="EA10" s="433">
        <v>9705305</v>
      </c>
      <c r="EB10" s="433">
        <v>3896836</v>
      </c>
      <c r="EC10" s="434">
        <v>35059302</v>
      </c>
      <c r="ED10" s="436">
        <v>35422633</v>
      </c>
      <c r="EE10" s="432">
        <v>0</v>
      </c>
      <c r="EF10" s="437">
        <v>39303</v>
      </c>
      <c r="EG10" s="434">
        <v>39303</v>
      </c>
      <c r="EH10" s="432">
        <v>0</v>
      </c>
      <c r="EI10" s="433">
        <v>459059</v>
      </c>
      <c r="EJ10" s="433">
        <v>1481839</v>
      </c>
      <c r="EK10" s="433">
        <v>2661938</v>
      </c>
      <c r="EL10" s="433">
        <v>2657174</v>
      </c>
      <c r="EM10" s="433">
        <v>1508555</v>
      </c>
      <c r="EN10" s="437">
        <v>8768565</v>
      </c>
      <c r="EO10" s="436">
        <v>8807868</v>
      </c>
      <c r="EP10" s="432">
        <v>0</v>
      </c>
      <c r="EQ10" s="433">
        <v>0</v>
      </c>
      <c r="ER10" s="437">
        <v>0</v>
      </c>
      <c r="ES10" s="438">
        <v>0</v>
      </c>
      <c r="ET10" s="433">
        <v>0</v>
      </c>
      <c r="EU10" s="433">
        <v>0</v>
      </c>
      <c r="EV10" s="433">
        <v>0</v>
      </c>
      <c r="EW10" s="433">
        <v>0</v>
      </c>
      <c r="EX10" s="433">
        <v>0</v>
      </c>
      <c r="EY10" s="434">
        <v>0</v>
      </c>
      <c r="EZ10" s="436">
        <v>0</v>
      </c>
      <c r="FA10" s="432">
        <v>0</v>
      </c>
      <c r="FB10" s="433">
        <v>0</v>
      </c>
      <c r="FC10" s="437">
        <v>0</v>
      </c>
      <c r="FD10" s="439"/>
      <c r="FE10" s="433">
        <v>0</v>
      </c>
      <c r="FF10" s="433">
        <v>0</v>
      </c>
      <c r="FG10" s="433">
        <v>0</v>
      </c>
      <c r="FH10" s="433">
        <v>0</v>
      </c>
      <c r="FI10" s="433">
        <v>0</v>
      </c>
      <c r="FJ10" s="434">
        <v>0</v>
      </c>
      <c r="FK10" s="436">
        <v>0</v>
      </c>
      <c r="FL10" s="432">
        <v>1893824</v>
      </c>
      <c r="FM10" s="433">
        <v>5119289</v>
      </c>
      <c r="FN10" s="434">
        <v>7013113</v>
      </c>
      <c r="FO10" s="432">
        <v>0</v>
      </c>
      <c r="FP10" s="433">
        <v>4342468</v>
      </c>
      <c r="FQ10" s="433">
        <v>16964126</v>
      </c>
      <c r="FR10" s="433">
        <v>12439476</v>
      </c>
      <c r="FS10" s="433">
        <v>10501054</v>
      </c>
      <c r="FT10" s="433">
        <v>7116640</v>
      </c>
      <c r="FU10" s="434">
        <v>51363764</v>
      </c>
      <c r="FV10" s="436">
        <v>58376877</v>
      </c>
      <c r="FW10" s="440">
        <v>969352</v>
      </c>
      <c r="FX10" s="433">
        <v>2864450</v>
      </c>
      <c r="FY10" s="437">
        <v>3833802</v>
      </c>
      <c r="FZ10" s="438">
        <v>0</v>
      </c>
      <c r="GA10" s="433">
        <v>3306944</v>
      </c>
      <c r="GB10" s="433">
        <v>14895896</v>
      </c>
      <c r="GC10" s="433">
        <v>10975832</v>
      </c>
      <c r="GD10" s="433">
        <v>9461112</v>
      </c>
      <c r="GE10" s="433">
        <v>6574656</v>
      </c>
      <c r="GF10" s="434">
        <v>45214440</v>
      </c>
      <c r="GG10" s="441">
        <v>49048242</v>
      </c>
      <c r="GH10" s="440">
        <v>21120</v>
      </c>
      <c r="GI10" s="433">
        <v>111207</v>
      </c>
      <c r="GJ10" s="437">
        <v>132327</v>
      </c>
      <c r="GK10" s="438">
        <v>0</v>
      </c>
      <c r="GL10" s="433">
        <v>362376</v>
      </c>
      <c r="GM10" s="433">
        <v>479942</v>
      </c>
      <c r="GN10" s="433">
        <v>402924</v>
      </c>
      <c r="GO10" s="433">
        <v>430046</v>
      </c>
      <c r="GP10" s="433">
        <v>120544</v>
      </c>
      <c r="GQ10" s="434">
        <v>1795832</v>
      </c>
      <c r="GR10" s="436">
        <v>1928159</v>
      </c>
      <c r="GS10" s="432">
        <v>903352</v>
      </c>
      <c r="GT10" s="433">
        <v>2143632</v>
      </c>
      <c r="GU10" s="434">
        <v>3046984</v>
      </c>
      <c r="GV10" s="432">
        <v>0</v>
      </c>
      <c r="GW10" s="433">
        <v>673148</v>
      </c>
      <c r="GX10" s="433">
        <v>1588288</v>
      </c>
      <c r="GY10" s="433">
        <v>1060720</v>
      </c>
      <c r="GZ10" s="433">
        <v>609896</v>
      </c>
      <c r="HA10" s="433">
        <v>421440</v>
      </c>
      <c r="HB10" s="437">
        <v>4353492</v>
      </c>
      <c r="HC10" s="436">
        <v>7400476</v>
      </c>
      <c r="HD10" s="432">
        <v>4345200</v>
      </c>
      <c r="HE10" s="433">
        <v>6424193</v>
      </c>
      <c r="HF10" s="437">
        <v>10769393</v>
      </c>
      <c r="HG10" s="438">
        <v>0</v>
      </c>
      <c r="HH10" s="433">
        <v>33513266</v>
      </c>
      <c r="HI10" s="433">
        <v>41860328</v>
      </c>
      <c r="HJ10" s="433">
        <v>43382321</v>
      </c>
      <c r="HK10" s="433">
        <v>40956475</v>
      </c>
      <c r="HL10" s="433">
        <v>27099495</v>
      </c>
      <c r="HM10" s="434">
        <v>186811885</v>
      </c>
      <c r="HN10" s="435">
        <v>197581278</v>
      </c>
      <c r="HO10" s="475"/>
      <c r="HP10" s="476"/>
      <c r="HQ10" s="477"/>
      <c r="HR10" s="478"/>
      <c r="HS10" s="476"/>
      <c r="HT10" s="476"/>
      <c r="HU10" s="476"/>
      <c r="HV10" s="476"/>
      <c r="HW10" s="476"/>
      <c r="HX10" s="479"/>
      <c r="HY10" s="480"/>
      <c r="HZ10" s="442">
        <v>181667</v>
      </c>
      <c r="IA10" s="443">
        <v>476575</v>
      </c>
      <c r="IB10" s="444">
        <v>658242</v>
      </c>
      <c r="IC10" s="445">
        <v>0</v>
      </c>
      <c r="ID10" s="446">
        <v>31523098</v>
      </c>
      <c r="IE10" s="447">
        <v>44374189</v>
      </c>
      <c r="IF10" s="448">
        <v>41995199</v>
      </c>
      <c r="IG10" s="446">
        <v>38190653</v>
      </c>
      <c r="IH10" s="448">
        <v>24785196</v>
      </c>
      <c r="II10" s="449">
        <v>180868335</v>
      </c>
      <c r="IJ10" s="450">
        <v>181526577</v>
      </c>
      <c r="IK10" s="451">
        <v>0</v>
      </c>
      <c r="IL10" s="452">
        <v>0</v>
      </c>
      <c r="IM10" s="453">
        <v>0</v>
      </c>
      <c r="IN10" s="454"/>
      <c r="IO10" s="455">
        <v>399541</v>
      </c>
      <c r="IP10" s="455">
        <v>1334566</v>
      </c>
      <c r="IQ10" s="455">
        <v>1527649</v>
      </c>
      <c r="IR10" s="455">
        <v>2763525</v>
      </c>
      <c r="IS10" s="455">
        <v>3020909</v>
      </c>
      <c r="IT10" s="456">
        <v>9046190</v>
      </c>
      <c r="IU10" s="457">
        <v>9046190</v>
      </c>
      <c r="IV10" s="458">
        <v>0</v>
      </c>
      <c r="IW10" s="455">
        <v>0</v>
      </c>
      <c r="IX10" s="459">
        <v>0</v>
      </c>
      <c r="IY10" s="460"/>
      <c r="IZ10" s="455">
        <v>171864</v>
      </c>
      <c r="JA10" s="455">
        <v>383162</v>
      </c>
      <c r="JB10" s="455">
        <v>493673</v>
      </c>
      <c r="JC10" s="455">
        <v>920366</v>
      </c>
      <c r="JD10" s="455">
        <v>913239</v>
      </c>
      <c r="JE10" s="459">
        <v>2882304</v>
      </c>
      <c r="JF10" s="461">
        <v>2882304</v>
      </c>
      <c r="JG10" s="458">
        <v>0</v>
      </c>
      <c r="JH10" s="455">
        <v>0</v>
      </c>
      <c r="JI10" s="456">
        <v>0</v>
      </c>
      <c r="JJ10" s="462">
        <v>0</v>
      </c>
      <c r="JK10" s="455">
        <v>14785715</v>
      </c>
      <c r="JL10" s="455">
        <v>17183313</v>
      </c>
      <c r="JM10" s="455">
        <v>12340633</v>
      </c>
      <c r="JN10" s="455">
        <v>8384828</v>
      </c>
      <c r="JO10" s="455">
        <v>3368327</v>
      </c>
      <c r="JP10" s="459">
        <v>56062816</v>
      </c>
      <c r="JQ10" s="457">
        <v>56062816</v>
      </c>
      <c r="JR10" s="458">
        <v>0</v>
      </c>
      <c r="JS10" s="455">
        <v>0</v>
      </c>
      <c r="JT10" s="456">
        <v>0</v>
      </c>
      <c r="JU10" s="462">
        <v>0</v>
      </c>
      <c r="JV10" s="455">
        <v>2837590</v>
      </c>
      <c r="JW10" s="455">
        <v>4095654</v>
      </c>
      <c r="JX10" s="455">
        <v>5645397</v>
      </c>
      <c r="JY10" s="455">
        <v>2523413</v>
      </c>
      <c r="JZ10" s="455">
        <v>1388017</v>
      </c>
      <c r="KA10" s="459">
        <v>16490071</v>
      </c>
      <c r="KB10" s="457">
        <v>16490071</v>
      </c>
      <c r="KC10" s="463">
        <v>181667</v>
      </c>
      <c r="KD10" s="464">
        <v>476575</v>
      </c>
      <c r="KE10" s="459">
        <v>658242</v>
      </c>
      <c r="KF10" s="462">
        <v>0</v>
      </c>
      <c r="KG10" s="455">
        <v>4320228</v>
      </c>
      <c r="KH10" s="455">
        <v>4675151</v>
      </c>
      <c r="KI10" s="455">
        <v>7364159</v>
      </c>
      <c r="KJ10" s="455">
        <v>5456082</v>
      </c>
      <c r="KK10" s="455">
        <v>2908034</v>
      </c>
      <c r="KL10" s="459">
        <v>24723654</v>
      </c>
      <c r="KM10" s="465">
        <v>25381896</v>
      </c>
      <c r="KN10" s="451">
        <v>0</v>
      </c>
      <c r="KO10" s="452">
        <v>0</v>
      </c>
      <c r="KP10" s="453">
        <v>0</v>
      </c>
      <c r="KQ10" s="454"/>
      <c r="KR10" s="455">
        <v>8481900</v>
      </c>
      <c r="KS10" s="455">
        <v>15713501</v>
      </c>
      <c r="KT10" s="455">
        <v>12126253</v>
      </c>
      <c r="KU10" s="455">
        <v>14579066</v>
      </c>
      <c r="KV10" s="455">
        <v>5505708</v>
      </c>
      <c r="KW10" s="459">
        <v>56406428</v>
      </c>
      <c r="KX10" s="457">
        <v>56406428</v>
      </c>
      <c r="KY10" s="458">
        <v>0</v>
      </c>
      <c r="KZ10" s="455">
        <v>0</v>
      </c>
      <c r="LA10" s="459">
        <v>0</v>
      </c>
      <c r="LB10" s="466"/>
      <c r="LC10" s="455">
        <v>0</v>
      </c>
      <c r="LD10" s="455">
        <v>0</v>
      </c>
      <c r="LE10" s="455">
        <v>0</v>
      </c>
      <c r="LF10" s="455">
        <v>0</v>
      </c>
      <c r="LG10" s="455">
        <v>0</v>
      </c>
      <c r="LH10" s="459">
        <v>0</v>
      </c>
      <c r="LI10" s="461">
        <v>0</v>
      </c>
      <c r="LJ10" s="458">
        <v>0</v>
      </c>
      <c r="LK10" s="455">
        <v>0</v>
      </c>
      <c r="LL10" s="459">
        <v>0</v>
      </c>
      <c r="LM10" s="466"/>
      <c r="LN10" s="455">
        <v>0</v>
      </c>
      <c r="LO10" s="455">
        <v>250024</v>
      </c>
      <c r="LP10" s="455">
        <v>719370</v>
      </c>
      <c r="LQ10" s="455">
        <v>892425</v>
      </c>
      <c r="LR10" s="455">
        <v>915468</v>
      </c>
      <c r="LS10" s="459">
        <v>2777287</v>
      </c>
      <c r="LT10" s="457">
        <v>2777287</v>
      </c>
      <c r="LU10" s="458">
        <v>0</v>
      </c>
      <c r="LV10" s="455">
        <v>0</v>
      </c>
      <c r="LW10" s="459">
        <v>0</v>
      </c>
      <c r="LX10" s="466"/>
      <c r="LY10" s="455">
        <v>526260</v>
      </c>
      <c r="LZ10" s="455">
        <v>738818</v>
      </c>
      <c r="MA10" s="455">
        <v>1778065</v>
      </c>
      <c r="MB10" s="455">
        <v>2670948</v>
      </c>
      <c r="MC10" s="455">
        <v>6765494</v>
      </c>
      <c r="MD10" s="459">
        <v>12479585</v>
      </c>
      <c r="ME10" s="461">
        <v>12479585</v>
      </c>
      <c r="MF10" s="458">
        <v>0</v>
      </c>
      <c r="MG10" s="455">
        <v>0</v>
      </c>
      <c r="MH10" s="459">
        <v>0</v>
      </c>
      <c r="MI10" s="466"/>
      <c r="MJ10" s="455">
        <v>8551737</v>
      </c>
      <c r="MK10" s="455">
        <v>37408846</v>
      </c>
      <c r="ML10" s="455">
        <v>95649798</v>
      </c>
      <c r="MM10" s="455">
        <v>114361306</v>
      </c>
      <c r="MN10" s="455">
        <v>79783089</v>
      </c>
      <c r="MO10" s="459">
        <v>335754776</v>
      </c>
      <c r="MP10" s="465">
        <v>335754776</v>
      </c>
      <c r="MQ10" s="458">
        <v>0</v>
      </c>
      <c r="MR10" s="455">
        <v>0</v>
      </c>
      <c r="MS10" s="459">
        <v>0</v>
      </c>
      <c r="MT10" s="466"/>
      <c r="MU10" s="455">
        <v>1894568</v>
      </c>
      <c r="MV10" s="455">
        <v>9684935</v>
      </c>
      <c r="MW10" s="455">
        <v>56803162</v>
      </c>
      <c r="MX10" s="455">
        <v>70719770</v>
      </c>
      <c r="MY10" s="455">
        <v>46939215</v>
      </c>
      <c r="MZ10" s="459">
        <v>186041650</v>
      </c>
      <c r="NA10" s="465">
        <v>186041650</v>
      </c>
      <c r="NB10" s="458">
        <v>0</v>
      </c>
      <c r="NC10" s="455">
        <v>0</v>
      </c>
      <c r="ND10" s="459">
        <v>0</v>
      </c>
      <c r="NE10" s="466"/>
      <c r="NF10" s="455">
        <v>6657169</v>
      </c>
      <c r="NG10" s="455">
        <v>27596610</v>
      </c>
      <c r="NH10" s="455">
        <v>38467048</v>
      </c>
      <c r="NI10" s="455">
        <v>41180153</v>
      </c>
      <c r="NJ10" s="455">
        <v>27489219</v>
      </c>
      <c r="NK10" s="459">
        <v>141390199</v>
      </c>
      <c r="NL10" s="457">
        <v>141390199</v>
      </c>
      <c r="NM10" s="458">
        <v>0</v>
      </c>
      <c r="NN10" s="455">
        <v>0</v>
      </c>
      <c r="NO10" s="459">
        <v>0</v>
      </c>
      <c r="NP10" s="466"/>
      <c r="NQ10" s="455">
        <v>0</v>
      </c>
      <c r="NR10" s="455">
        <v>0</v>
      </c>
      <c r="NS10" s="455">
        <v>0</v>
      </c>
      <c r="NT10" s="455">
        <v>1266244</v>
      </c>
      <c r="NU10" s="455">
        <v>1352367</v>
      </c>
      <c r="NV10" s="459">
        <v>2618611</v>
      </c>
      <c r="NW10" s="461">
        <v>2618611</v>
      </c>
      <c r="NX10" s="458">
        <v>0</v>
      </c>
      <c r="NY10" s="455">
        <v>0</v>
      </c>
      <c r="NZ10" s="459">
        <v>0</v>
      </c>
      <c r="OA10" s="466"/>
      <c r="OB10" s="455">
        <v>0</v>
      </c>
      <c r="OC10" s="455">
        <v>127301</v>
      </c>
      <c r="OD10" s="455">
        <v>379588</v>
      </c>
      <c r="OE10" s="455">
        <v>1195139</v>
      </c>
      <c r="OF10" s="455">
        <v>4002288</v>
      </c>
      <c r="OG10" s="459">
        <v>5704316</v>
      </c>
      <c r="OH10" s="461">
        <v>5704316</v>
      </c>
      <c r="OI10" s="458">
        <v>11452266</v>
      </c>
      <c r="OJ10" s="455">
        <v>24627430</v>
      </c>
      <c r="OK10" s="456">
        <v>36079696</v>
      </c>
      <c r="OL10" s="462">
        <v>0</v>
      </c>
      <c r="OM10" s="455">
        <v>150351569</v>
      </c>
      <c r="ON10" s="455">
        <v>259366642</v>
      </c>
      <c r="OO10" s="455">
        <v>296614600</v>
      </c>
      <c r="OP10" s="455">
        <v>286627219</v>
      </c>
      <c r="OQ10" s="455">
        <v>198460511</v>
      </c>
      <c r="OR10" s="459">
        <v>1191420541</v>
      </c>
      <c r="OS10" s="465">
        <v>1227500237</v>
      </c>
    </row>
    <row r="11" spans="1:409" ht="21" customHeight="1" x14ac:dyDescent="0.2">
      <c r="B11" s="126" t="s">
        <v>6</v>
      </c>
      <c r="C11" s="110">
        <v>4378495</v>
      </c>
      <c r="D11" s="114">
        <v>5379345</v>
      </c>
      <c r="E11" s="113">
        <v>9757840</v>
      </c>
      <c r="F11" s="109">
        <v>0</v>
      </c>
      <c r="G11" s="114">
        <v>42505991</v>
      </c>
      <c r="H11" s="114">
        <v>42542153</v>
      </c>
      <c r="I11" s="114">
        <v>38939469</v>
      </c>
      <c r="J11" s="114">
        <v>40413273</v>
      </c>
      <c r="K11" s="114">
        <v>30930821</v>
      </c>
      <c r="L11" s="109">
        <v>195331707</v>
      </c>
      <c r="M11" s="116">
        <v>205089547</v>
      </c>
      <c r="N11" s="110">
        <v>1024239</v>
      </c>
      <c r="O11" s="114">
        <v>1480763</v>
      </c>
      <c r="P11" s="113">
        <v>2505002</v>
      </c>
      <c r="Q11" s="110">
        <v>0</v>
      </c>
      <c r="R11" s="114">
        <v>13392836</v>
      </c>
      <c r="S11" s="114">
        <v>15018378</v>
      </c>
      <c r="T11" s="114">
        <v>12260501</v>
      </c>
      <c r="U11" s="114">
        <v>17055712</v>
      </c>
      <c r="V11" s="114">
        <v>16398875</v>
      </c>
      <c r="W11" s="113">
        <v>74126302</v>
      </c>
      <c r="X11" s="116">
        <v>76631304</v>
      </c>
      <c r="Y11" s="110">
        <v>0</v>
      </c>
      <c r="Z11" s="114">
        <v>0</v>
      </c>
      <c r="AA11" s="113">
        <v>0</v>
      </c>
      <c r="AB11" s="110">
        <v>0</v>
      </c>
      <c r="AC11" s="114">
        <v>5386042</v>
      </c>
      <c r="AD11" s="114">
        <v>6485365</v>
      </c>
      <c r="AE11" s="114">
        <v>5755539</v>
      </c>
      <c r="AF11" s="114">
        <v>9201809</v>
      </c>
      <c r="AG11" s="114">
        <v>8118699</v>
      </c>
      <c r="AH11" s="113">
        <v>34947454</v>
      </c>
      <c r="AI11" s="116">
        <v>34947454</v>
      </c>
      <c r="AJ11" s="110">
        <v>0</v>
      </c>
      <c r="AK11" s="114">
        <v>0</v>
      </c>
      <c r="AL11" s="113">
        <v>0</v>
      </c>
      <c r="AM11" s="110">
        <v>0</v>
      </c>
      <c r="AN11" s="114">
        <v>123438</v>
      </c>
      <c r="AO11" s="114">
        <v>86246</v>
      </c>
      <c r="AP11" s="114">
        <v>390742</v>
      </c>
      <c r="AQ11" s="114">
        <v>562324</v>
      </c>
      <c r="AR11" s="114">
        <v>1952745</v>
      </c>
      <c r="AS11" s="113">
        <v>3115495</v>
      </c>
      <c r="AT11" s="116">
        <v>3115495</v>
      </c>
      <c r="AU11" s="110">
        <v>434248</v>
      </c>
      <c r="AV11" s="114">
        <v>1061315</v>
      </c>
      <c r="AW11" s="113">
        <v>1495563</v>
      </c>
      <c r="AX11" s="110">
        <v>0</v>
      </c>
      <c r="AY11" s="114">
        <v>5035181</v>
      </c>
      <c r="AZ11" s="114">
        <v>5733290</v>
      </c>
      <c r="BA11" s="114">
        <v>3294656</v>
      </c>
      <c r="BB11" s="114">
        <v>4614253</v>
      </c>
      <c r="BC11" s="114">
        <v>4380227</v>
      </c>
      <c r="BD11" s="113">
        <v>23057607</v>
      </c>
      <c r="BE11" s="116">
        <v>24553170</v>
      </c>
      <c r="BF11" s="110">
        <v>33527</v>
      </c>
      <c r="BG11" s="114">
        <v>0</v>
      </c>
      <c r="BH11" s="112">
        <v>33527</v>
      </c>
      <c r="BI11" s="111">
        <v>0</v>
      </c>
      <c r="BJ11" s="114">
        <v>183551</v>
      </c>
      <c r="BK11" s="114">
        <v>416029</v>
      </c>
      <c r="BL11" s="114">
        <v>308036</v>
      </c>
      <c r="BM11" s="114">
        <v>367342</v>
      </c>
      <c r="BN11" s="114">
        <v>109372</v>
      </c>
      <c r="BO11" s="113">
        <v>1384330</v>
      </c>
      <c r="BP11" s="116">
        <v>1417857</v>
      </c>
      <c r="BQ11" s="110">
        <v>556464</v>
      </c>
      <c r="BR11" s="114">
        <v>419448</v>
      </c>
      <c r="BS11" s="113">
        <v>975912</v>
      </c>
      <c r="BT11" s="110">
        <v>0</v>
      </c>
      <c r="BU11" s="114">
        <v>2664624</v>
      </c>
      <c r="BV11" s="114">
        <v>2297448</v>
      </c>
      <c r="BW11" s="114">
        <v>2511528</v>
      </c>
      <c r="BX11" s="114">
        <v>2309984</v>
      </c>
      <c r="BY11" s="114">
        <v>1837832</v>
      </c>
      <c r="BZ11" s="113">
        <v>11621416</v>
      </c>
      <c r="CA11" s="116">
        <v>12597328</v>
      </c>
      <c r="CB11" s="110">
        <v>192002</v>
      </c>
      <c r="CC11" s="114">
        <v>482698</v>
      </c>
      <c r="CD11" s="113">
        <v>674700</v>
      </c>
      <c r="CE11" s="110">
        <v>0</v>
      </c>
      <c r="CF11" s="114">
        <v>12212044</v>
      </c>
      <c r="CG11" s="114">
        <v>11366407</v>
      </c>
      <c r="CH11" s="114">
        <v>9070005</v>
      </c>
      <c r="CI11" s="114">
        <v>6578586</v>
      </c>
      <c r="CJ11" s="114">
        <v>3232296</v>
      </c>
      <c r="CK11" s="113">
        <v>42459338</v>
      </c>
      <c r="CL11" s="116">
        <v>43134038</v>
      </c>
      <c r="CM11" s="110">
        <v>0</v>
      </c>
      <c r="CN11" s="114">
        <v>0</v>
      </c>
      <c r="CO11" s="113">
        <v>0</v>
      </c>
      <c r="CP11" s="111">
        <v>0</v>
      </c>
      <c r="CQ11" s="114">
        <v>10126272</v>
      </c>
      <c r="CR11" s="114">
        <v>7819458</v>
      </c>
      <c r="CS11" s="114">
        <v>6231691</v>
      </c>
      <c r="CT11" s="114">
        <v>4956291</v>
      </c>
      <c r="CU11" s="114">
        <v>2376055</v>
      </c>
      <c r="CV11" s="113">
        <v>31509767</v>
      </c>
      <c r="CW11" s="116">
        <v>31509767</v>
      </c>
      <c r="CX11" s="110">
        <v>192002</v>
      </c>
      <c r="CY11" s="114">
        <v>482698</v>
      </c>
      <c r="CZ11" s="113">
        <v>674700</v>
      </c>
      <c r="DA11" s="110">
        <v>0</v>
      </c>
      <c r="DB11" s="114">
        <v>2085772</v>
      </c>
      <c r="DC11" s="114">
        <v>3546949</v>
      </c>
      <c r="DD11" s="114">
        <v>2838314</v>
      </c>
      <c r="DE11" s="114">
        <v>1622295</v>
      </c>
      <c r="DF11" s="114">
        <v>856241</v>
      </c>
      <c r="DG11" s="113">
        <v>10949571</v>
      </c>
      <c r="DH11" s="116">
        <v>11624271</v>
      </c>
      <c r="DI11" s="110">
        <v>16424</v>
      </c>
      <c r="DJ11" s="114">
        <v>39097</v>
      </c>
      <c r="DK11" s="112">
        <v>55521</v>
      </c>
      <c r="DL11" s="111">
        <v>0</v>
      </c>
      <c r="DM11" s="114">
        <v>1249416</v>
      </c>
      <c r="DN11" s="114">
        <v>1392912</v>
      </c>
      <c r="DO11" s="114">
        <v>1781002</v>
      </c>
      <c r="DP11" s="114">
        <v>2336551</v>
      </c>
      <c r="DQ11" s="114">
        <v>1376285</v>
      </c>
      <c r="DR11" s="113">
        <v>8136166</v>
      </c>
      <c r="DS11" s="116">
        <v>8191687</v>
      </c>
      <c r="DT11" s="110">
        <v>16424</v>
      </c>
      <c r="DU11" s="114">
        <v>39097</v>
      </c>
      <c r="DV11" s="113">
        <v>55521</v>
      </c>
      <c r="DW11" s="110">
        <v>0</v>
      </c>
      <c r="DX11" s="114">
        <v>1063361</v>
      </c>
      <c r="DY11" s="114">
        <v>1211747</v>
      </c>
      <c r="DZ11" s="114">
        <v>1423170</v>
      </c>
      <c r="EA11" s="114">
        <v>1112065</v>
      </c>
      <c r="EB11" s="114">
        <v>1298847</v>
      </c>
      <c r="EC11" s="113">
        <v>6109190</v>
      </c>
      <c r="ED11" s="116">
        <v>6164711</v>
      </c>
      <c r="EE11" s="110">
        <v>0</v>
      </c>
      <c r="EF11" s="112">
        <v>0</v>
      </c>
      <c r="EG11" s="113">
        <v>0</v>
      </c>
      <c r="EH11" s="110">
        <v>0</v>
      </c>
      <c r="EI11" s="114">
        <v>186055</v>
      </c>
      <c r="EJ11" s="114">
        <v>181165</v>
      </c>
      <c r="EK11" s="114">
        <v>357832</v>
      </c>
      <c r="EL11" s="114">
        <v>1224486</v>
      </c>
      <c r="EM11" s="114">
        <v>77438</v>
      </c>
      <c r="EN11" s="112">
        <v>2026976</v>
      </c>
      <c r="EO11" s="116">
        <v>2026976</v>
      </c>
      <c r="EP11" s="110">
        <v>0</v>
      </c>
      <c r="EQ11" s="114">
        <v>0</v>
      </c>
      <c r="ER11" s="112">
        <v>0</v>
      </c>
      <c r="ES11" s="111">
        <v>0</v>
      </c>
      <c r="ET11" s="114">
        <v>0</v>
      </c>
      <c r="EU11" s="114">
        <v>0</v>
      </c>
      <c r="EV11" s="114">
        <v>0</v>
      </c>
      <c r="EW11" s="114">
        <v>0</v>
      </c>
      <c r="EX11" s="114">
        <v>0</v>
      </c>
      <c r="EY11" s="113">
        <v>0</v>
      </c>
      <c r="EZ11" s="116">
        <v>0</v>
      </c>
      <c r="FA11" s="110">
        <v>0</v>
      </c>
      <c r="FB11" s="114">
        <v>0</v>
      </c>
      <c r="FC11" s="112">
        <v>0</v>
      </c>
      <c r="FD11" s="347"/>
      <c r="FE11" s="114">
        <v>0</v>
      </c>
      <c r="FF11" s="114">
        <v>0</v>
      </c>
      <c r="FG11" s="114">
        <v>0</v>
      </c>
      <c r="FH11" s="114">
        <v>0</v>
      </c>
      <c r="FI11" s="114">
        <v>0</v>
      </c>
      <c r="FJ11" s="113">
        <v>0</v>
      </c>
      <c r="FK11" s="116">
        <v>0</v>
      </c>
      <c r="FL11" s="110">
        <v>1146083</v>
      </c>
      <c r="FM11" s="114">
        <v>1513432</v>
      </c>
      <c r="FN11" s="113">
        <v>2659515</v>
      </c>
      <c r="FO11" s="110">
        <v>0</v>
      </c>
      <c r="FP11" s="114">
        <v>2221648</v>
      </c>
      <c r="FQ11" s="114">
        <v>3767408</v>
      </c>
      <c r="FR11" s="114">
        <v>3187416</v>
      </c>
      <c r="FS11" s="114">
        <v>3737496</v>
      </c>
      <c r="FT11" s="114">
        <v>2609448</v>
      </c>
      <c r="FU11" s="113">
        <v>15523416</v>
      </c>
      <c r="FV11" s="116">
        <v>18182931</v>
      </c>
      <c r="FW11" s="115">
        <v>362992</v>
      </c>
      <c r="FX11" s="114">
        <v>553504</v>
      </c>
      <c r="FY11" s="112">
        <v>916496</v>
      </c>
      <c r="FZ11" s="111">
        <v>0</v>
      </c>
      <c r="GA11" s="114">
        <v>1620384</v>
      </c>
      <c r="GB11" s="114">
        <v>3320144</v>
      </c>
      <c r="GC11" s="114">
        <v>3122040</v>
      </c>
      <c r="GD11" s="114">
        <v>3385512</v>
      </c>
      <c r="GE11" s="114">
        <v>2583048</v>
      </c>
      <c r="GF11" s="113">
        <v>14031128</v>
      </c>
      <c r="GG11" s="318">
        <v>14947624</v>
      </c>
      <c r="GH11" s="115">
        <v>111091</v>
      </c>
      <c r="GI11" s="114">
        <v>60072</v>
      </c>
      <c r="GJ11" s="112">
        <v>171163</v>
      </c>
      <c r="GK11" s="111">
        <v>0</v>
      </c>
      <c r="GL11" s="114">
        <v>86064</v>
      </c>
      <c r="GM11" s="114">
        <v>33968</v>
      </c>
      <c r="GN11" s="114">
        <v>13376</v>
      </c>
      <c r="GO11" s="114">
        <v>191984</v>
      </c>
      <c r="GP11" s="114">
        <v>26400</v>
      </c>
      <c r="GQ11" s="113">
        <v>351792</v>
      </c>
      <c r="GR11" s="116">
        <v>522955</v>
      </c>
      <c r="GS11" s="110">
        <v>672000</v>
      </c>
      <c r="GT11" s="114">
        <v>899856</v>
      </c>
      <c r="GU11" s="113">
        <v>1571856</v>
      </c>
      <c r="GV11" s="110">
        <v>0</v>
      </c>
      <c r="GW11" s="114">
        <v>515200</v>
      </c>
      <c r="GX11" s="114">
        <v>413296</v>
      </c>
      <c r="GY11" s="114">
        <v>52000</v>
      </c>
      <c r="GZ11" s="114">
        <v>160000</v>
      </c>
      <c r="HA11" s="114">
        <v>0</v>
      </c>
      <c r="HB11" s="112">
        <v>1140496</v>
      </c>
      <c r="HC11" s="116">
        <v>2712352</v>
      </c>
      <c r="HD11" s="110">
        <v>1999747</v>
      </c>
      <c r="HE11" s="114">
        <v>1863355</v>
      </c>
      <c r="HF11" s="112">
        <v>3863102</v>
      </c>
      <c r="HG11" s="111">
        <v>0</v>
      </c>
      <c r="HH11" s="114">
        <v>13430047</v>
      </c>
      <c r="HI11" s="114">
        <v>10997048</v>
      </c>
      <c r="HJ11" s="114">
        <v>12640545</v>
      </c>
      <c r="HK11" s="114">
        <v>10704928</v>
      </c>
      <c r="HL11" s="114">
        <v>7313917</v>
      </c>
      <c r="HM11" s="113">
        <v>55086485</v>
      </c>
      <c r="HN11" s="109">
        <v>58949587</v>
      </c>
      <c r="HO11" s="328"/>
      <c r="HP11" s="329"/>
      <c r="HQ11" s="330"/>
      <c r="HR11" s="331"/>
      <c r="HS11" s="329"/>
      <c r="HT11" s="329"/>
      <c r="HU11" s="329"/>
      <c r="HV11" s="329"/>
      <c r="HW11" s="329"/>
      <c r="HX11" s="332"/>
      <c r="HY11" s="333"/>
      <c r="HZ11" s="131">
        <v>44085</v>
      </c>
      <c r="IA11" s="132">
        <v>0</v>
      </c>
      <c r="IB11" s="133">
        <v>44085</v>
      </c>
      <c r="IC11" s="146">
        <v>0</v>
      </c>
      <c r="ID11" s="132">
        <v>11358768</v>
      </c>
      <c r="IE11" s="147">
        <v>12518139</v>
      </c>
      <c r="IF11" s="133">
        <v>14861896</v>
      </c>
      <c r="IG11" s="132">
        <v>15611073</v>
      </c>
      <c r="IH11" s="133">
        <v>10511413</v>
      </c>
      <c r="II11" s="148">
        <v>64861289</v>
      </c>
      <c r="IJ11" s="139">
        <v>64905374</v>
      </c>
      <c r="IK11" s="232">
        <v>0</v>
      </c>
      <c r="IL11" s="236">
        <v>0</v>
      </c>
      <c r="IM11" s="237">
        <v>0</v>
      </c>
      <c r="IN11" s="140"/>
      <c r="IO11" s="119">
        <v>347644</v>
      </c>
      <c r="IP11" s="119">
        <v>241569</v>
      </c>
      <c r="IQ11" s="119">
        <v>1079074</v>
      </c>
      <c r="IR11" s="119">
        <v>1449998</v>
      </c>
      <c r="IS11" s="119">
        <v>2070573</v>
      </c>
      <c r="IT11" s="141">
        <v>5188858</v>
      </c>
      <c r="IU11" s="320">
        <v>5188858</v>
      </c>
      <c r="IV11" s="142">
        <v>0</v>
      </c>
      <c r="IW11" s="119">
        <v>0</v>
      </c>
      <c r="IX11" s="120">
        <v>0</v>
      </c>
      <c r="IY11" s="144"/>
      <c r="IZ11" s="119">
        <v>35298</v>
      </c>
      <c r="JA11" s="119">
        <v>106196</v>
      </c>
      <c r="JB11" s="119">
        <v>374571</v>
      </c>
      <c r="JC11" s="119">
        <v>47645</v>
      </c>
      <c r="JD11" s="119">
        <v>91136</v>
      </c>
      <c r="JE11" s="120">
        <v>654846</v>
      </c>
      <c r="JF11" s="121">
        <v>654846</v>
      </c>
      <c r="JG11" s="142">
        <v>0</v>
      </c>
      <c r="JH11" s="119">
        <v>0</v>
      </c>
      <c r="JI11" s="141">
        <v>0</v>
      </c>
      <c r="JJ11" s="118">
        <v>0</v>
      </c>
      <c r="JK11" s="119">
        <v>3730009</v>
      </c>
      <c r="JL11" s="119">
        <v>3009567</v>
      </c>
      <c r="JM11" s="119">
        <v>2308674</v>
      </c>
      <c r="JN11" s="119">
        <v>1899806</v>
      </c>
      <c r="JO11" s="119">
        <v>744387</v>
      </c>
      <c r="JP11" s="120">
        <v>11692443</v>
      </c>
      <c r="JQ11" s="320">
        <v>11692443</v>
      </c>
      <c r="JR11" s="142">
        <v>0</v>
      </c>
      <c r="JS11" s="119">
        <v>0</v>
      </c>
      <c r="JT11" s="141">
        <v>0</v>
      </c>
      <c r="JU11" s="118">
        <v>0</v>
      </c>
      <c r="JV11" s="119">
        <v>1522827</v>
      </c>
      <c r="JW11" s="119">
        <v>1381898</v>
      </c>
      <c r="JX11" s="119">
        <v>696900</v>
      </c>
      <c r="JY11" s="119">
        <v>572972</v>
      </c>
      <c r="JZ11" s="119">
        <v>722594</v>
      </c>
      <c r="KA11" s="120">
        <v>4897191</v>
      </c>
      <c r="KB11" s="320">
        <v>4897191</v>
      </c>
      <c r="KC11" s="234">
        <v>44085</v>
      </c>
      <c r="KD11" s="230">
        <v>0</v>
      </c>
      <c r="KE11" s="120">
        <v>44085</v>
      </c>
      <c r="KF11" s="118">
        <v>0</v>
      </c>
      <c r="KG11" s="119">
        <v>743795</v>
      </c>
      <c r="KH11" s="119">
        <v>1363667</v>
      </c>
      <c r="KI11" s="119">
        <v>1500285</v>
      </c>
      <c r="KJ11" s="119">
        <v>2977419</v>
      </c>
      <c r="KK11" s="119">
        <v>682435</v>
      </c>
      <c r="KL11" s="120">
        <v>7267601</v>
      </c>
      <c r="KM11" s="143">
        <v>7311686</v>
      </c>
      <c r="KN11" s="232">
        <v>0</v>
      </c>
      <c r="KO11" s="236">
        <v>0</v>
      </c>
      <c r="KP11" s="237">
        <v>0</v>
      </c>
      <c r="KQ11" s="140"/>
      <c r="KR11" s="119">
        <v>4392896</v>
      </c>
      <c r="KS11" s="119">
        <v>5632467</v>
      </c>
      <c r="KT11" s="119">
        <v>5857311</v>
      </c>
      <c r="KU11" s="119">
        <v>5548916</v>
      </c>
      <c r="KV11" s="119">
        <v>2729132</v>
      </c>
      <c r="KW11" s="120">
        <v>24160722</v>
      </c>
      <c r="KX11" s="320">
        <v>24160722</v>
      </c>
      <c r="KY11" s="142">
        <v>0</v>
      </c>
      <c r="KZ11" s="119">
        <v>0</v>
      </c>
      <c r="LA11" s="120">
        <v>0</v>
      </c>
      <c r="LB11" s="145"/>
      <c r="LC11" s="119">
        <v>0</v>
      </c>
      <c r="LD11" s="119">
        <v>0</v>
      </c>
      <c r="LE11" s="119">
        <v>0</v>
      </c>
      <c r="LF11" s="119">
        <v>0</v>
      </c>
      <c r="LG11" s="119">
        <v>0</v>
      </c>
      <c r="LH11" s="120">
        <v>0</v>
      </c>
      <c r="LI11" s="121">
        <v>0</v>
      </c>
      <c r="LJ11" s="142">
        <v>0</v>
      </c>
      <c r="LK11" s="119">
        <v>0</v>
      </c>
      <c r="LL11" s="120">
        <v>0</v>
      </c>
      <c r="LM11" s="145"/>
      <c r="LN11" s="119">
        <v>0</v>
      </c>
      <c r="LO11" s="119">
        <v>0</v>
      </c>
      <c r="LP11" s="119">
        <v>2137622</v>
      </c>
      <c r="LQ11" s="119">
        <v>1131550</v>
      </c>
      <c r="LR11" s="119">
        <v>619220</v>
      </c>
      <c r="LS11" s="120">
        <v>3888392</v>
      </c>
      <c r="LT11" s="320">
        <v>3888392</v>
      </c>
      <c r="LU11" s="142">
        <v>0</v>
      </c>
      <c r="LV11" s="119">
        <v>0</v>
      </c>
      <c r="LW11" s="120">
        <v>0</v>
      </c>
      <c r="LX11" s="145"/>
      <c r="LY11" s="119">
        <v>586299</v>
      </c>
      <c r="LZ11" s="119">
        <v>782775</v>
      </c>
      <c r="MA11" s="119">
        <v>907459</v>
      </c>
      <c r="MB11" s="119">
        <v>1982767</v>
      </c>
      <c r="MC11" s="119">
        <v>2851936</v>
      </c>
      <c r="MD11" s="120">
        <v>7111236</v>
      </c>
      <c r="ME11" s="121">
        <v>7111236</v>
      </c>
      <c r="MF11" s="142">
        <v>0</v>
      </c>
      <c r="MG11" s="119">
        <v>0</v>
      </c>
      <c r="MH11" s="120">
        <v>0</v>
      </c>
      <c r="MI11" s="145"/>
      <c r="MJ11" s="119">
        <v>2230128</v>
      </c>
      <c r="MK11" s="119">
        <v>6553890</v>
      </c>
      <c r="ML11" s="119">
        <v>18702779</v>
      </c>
      <c r="MM11" s="119">
        <v>27047314</v>
      </c>
      <c r="MN11" s="119">
        <v>23378113</v>
      </c>
      <c r="MO11" s="120">
        <v>77912224</v>
      </c>
      <c r="MP11" s="143">
        <v>77912224</v>
      </c>
      <c r="MQ11" s="142">
        <v>0</v>
      </c>
      <c r="MR11" s="119">
        <v>0</v>
      </c>
      <c r="MS11" s="120">
        <v>0</v>
      </c>
      <c r="MT11" s="145"/>
      <c r="MU11" s="119">
        <v>199254</v>
      </c>
      <c r="MV11" s="119">
        <v>1308306</v>
      </c>
      <c r="MW11" s="119">
        <v>10482245</v>
      </c>
      <c r="MX11" s="119">
        <v>14123495</v>
      </c>
      <c r="MY11" s="119">
        <v>11682940</v>
      </c>
      <c r="MZ11" s="120">
        <v>37796240</v>
      </c>
      <c r="NA11" s="143">
        <v>37796240</v>
      </c>
      <c r="NB11" s="142">
        <v>0</v>
      </c>
      <c r="NC11" s="119">
        <v>0</v>
      </c>
      <c r="ND11" s="120">
        <v>0</v>
      </c>
      <c r="NE11" s="145"/>
      <c r="NF11" s="119">
        <v>2030874</v>
      </c>
      <c r="NG11" s="119">
        <v>5245584</v>
      </c>
      <c r="NH11" s="119">
        <v>7904646</v>
      </c>
      <c r="NI11" s="119">
        <v>10099511</v>
      </c>
      <c r="NJ11" s="119">
        <v>7667506</v>
      </c>
      <c r="NK11" s="120">
        <v>32948121</v>
      </c>
      <c r="NL11" s="320">
        <v>32948121</v>
      </c>
      <c r="NM11" s="142">
        <v>0</v>
      </c>
      <c r="NN11" s="119">
        <v>0</v>
      </c>
      <c r="NO11" s="120">
        <v>0</v>
      </c>
      <c r="NP11" s="145"/>
      <c r="NQ11" s="119">
        <v>0</v>
      </c>
      <c r="NR11" s="119">
        <v>0</v>
      </c>
      <c r="NS11" s="119">
        <v>315888</v>
      </c>
      <c r="NT11" s="119">
        <v>1776823</v>
      </c>
      <c r="NU11" s="119">
        <v>1771395</v>
      </c>
      <c r="NV11" s="120">
        <v>3864106</v>
      </c>
      <c r="NW11" s="121">
        <v>3864106</v>
      </c>
      <c r="NX11" s="142">
        <v>0</v>
      </c>
      <c r="NY11" s="119">
        <v>0</v>
      </c>
      <c r="NZ11" s="120">
        <v>0</v>
      </c>
      <c r="OA11" s="145"/>
      <c r="OB11" s="119">
        <v>0</v>
      </c>
      <c r="OC11" s="119">
        <v>0</v>
      </c>
      <c r="OD11" s="119">
        <v>0</v>
      </c>
      <c r="OE11" s="119">
        <v>1047485</v>
      </c>
      <c r="OF11" s="119">
        <v>2256272</v>
      </c>
      <c r="OG11" s="120">
        <v>3303757</v>
      </c>
      <c r="OH11" s="121">
        <v>3303757</v>
      </c>
      <c r="OI11" s="142">
        <v>4422580</v>
      </c>
      <c r="OJ11" s="119">
        <v>5379345</v>
      </c>
      <c r="OK11" s="141">
        <v>9801925</v>
      </c>
      <c r="OL11" s="118">
        <v>0</v>
      </c>
      <c r="OM11" s="119">
        <v>56094887</v>
      </c>
      <c r="ON11" s="119">
        <v>61614182</v>
      </c>
      <c r="OO11" s="119">
        <v>72504144</v>
      </c>
      <c r="OP11" s="119">
        <v>83071660</v>
      </c>
      <c r="OQ11" s="119">
        <v>64820347</v>
      </c>
      <c r="OR11" s="120">
        <v>338105220</v>
      </c>
      <c r="OS11" s="143">
        <v>347907145</v>
      </c>
    </row>
    <row r="12" spans="1:409" ht="21" customHeight="1" x14ac:dyDescent="0.2">
      <c r="B12" s="126" t="s">
        <v>14</v>
      </c>
      <c r="C12" s="110">
        <v>1884451</v>
      </c>
      <c r="D12" s="114">
        <v>4063362</v>
      </c>
      <c r="E12" s="113">
        <v>5947813</v>
      </c>
      <c r="F12" s="109">
        <v>0</v>
      </c>
      <c r="G12" s="114">
        <v>19384321</v>
      </c>
      <c r="H12" s="114">
        <v>26980135</v>
      </c>
      <c r="I12" s="114">
        <v>26661049</v>
      </c>
      <c r="J12" s="114">
        <v>17534736</v>
      </c>
      <c r="K12" s="114">
        <v>10035401</v>
      </c>
      <c r="L12" s="112">
        <v>100595642</v>
      </c>
      <c r="M12" s="116">
        <v>106543455</v>
      </c>
      <c r="N12" s="110">
        <v>375168</v>
      </c>
      <c r="O12" s="114">
        <v>993220</v>
      </c>
      <c r="P12" s="113">
        <v>1368388</v>
      </c>
      <c r="Q12" s="110">
        <v>0</v>
      </c>
      <c r="R12" s="114">
        <v>5617414</v>
      </c>
      <c r="S12" s="114">
        <v>9514512</v>
      </c>
      <c r="T12" s="114">
        <v>8775200</v>
      </c>
      <c r="U12" s="114">
        <v>5573932</v>
      </c>
      <c r="V12" s="114">
        <v>4372514</v>
      </c>
      <c r="W12" s="113">
        <v>33853572</v>
      </c>
      <c r="X12" s="116">
        <v>35221960</v>
      </c>
      <c r="Y12" s="110">
        <v>0</v>
      </c>
      <c r="Z12" s="114">
        <v>0</v>
      </c>
      <c r="AA12" s="113">
        <v>0</v>
      </c>
      <c r="AB12" s="110">
        <v>0</v>
      </c>
      <c r="AC12" s="114">
        <v>2689689</v>
      </c>
      <c r="AD12" s="114">
        <v>4535660</v>
      </c>
      <c r="AE12" s="114">
        <v>4638261</v>
      </c>
      <c r="AF12" s="114">
        <v>3127132</v>
      </c>
      <c r="AG12" s="114">
        <v>1935291</v>
      </c>
      <c r="AH12" s="113">
        <v>16926033</v>
      </c>
      <c r="AI12" s="116">
        <v>16926033</v>
      </c>
      <c r="AJ12" s="110">
        <v>0</v>
      </c>
      <c r="AK12" s="114">
        <v>0</v>
      </c>
      <c r="AL12" s="113">
        <v>0</v>
      </c>
      <c r="AM12" s="110">
        <v>0</v>
      </c>
      <c r="AN12" s="114">
        <v>13727</v>
      </c>
      <c r="AO12" s="114">
        <v>0</v>
      </c>
      <c r="AP12" s="114">
        <v>13727</v>
      </c>
      <c r="AQ12" s="114">
        <v>192392</v>
      </c>
      <c r="AR12" s="114">
        <v>720694</v>
      </c>
      <c r="AS12" s="113">
        <v>940540</v>
      </c>
      <c r="AT12" s="116">
        <v>940540</v>
      </c>
      <c r="AU12" s="110">
        <v>91608</v>
      </c>
      <c r="AV12" s="114">
        <v>613426</v>
      </c>
      <c r="AW12" s="113">
        <v>705034</v>
      </c>
      <c r="AX12" s="110">
        <v>0</v>
      </c>
      <c r="AY12" s="114">
        <v>1691866</v>
      </c>
      <c r="AZ12" s="114">
        <v>3633084</v>
      </c>
      <c r="BA12" s="114">
        <v>2591146</v>
      </c>
      <c r="BB12" s="114">
        <v>1141249</v>
      </c>
      <c r="BC12" s="114">
        <v>1118249</v>
      </c>
      <c r="BD12" s="113">
        <v>10175594</v>
      </c>
      <c r="BE12" s="116">
        <v>10880628</v>
      </c>
      <c r="BF12" s="110">
        <v>0</v>
      </c>
      <c r="BG12" s="114">
        <v>85482</v>
      </c>
      <c r="BH12" s="112">
        <v>85482</v>
      </c>
      <c r="BI12" s="111">
        <v>0</v>
      </c>
      <c r="BJ12" s="114">
        <v>43868</v>
      </c>
      <c r="BK12" s="114">
        <v>55726</v>
      </c>
      <c r="BL12" s="114">
        <v>89066</v>
      </c>
      <c r="BM12" s="114">
        <v>124463</v>
      </c>
      <c r="BN12" s="114">
        <v>0</v>
      </c>
      <c r="BO12" s="113">
        <v>313123</v>
      </c>
      <c r="BP12" s="116">
        <v>398605</v>
      </c>
      <c r="BQ12" s="110">
        <v>283560</v>
      </c>
      <c r="BR12" s="114">
        <v>294312</v>
      </c>
      <c r="BS12" s="113">
        <v>577872</v>
      </c>
      <c r="BT12" s="110">
        <v>0</v>
      </c>
      <c r="BU12" s="114">
        <v>1178264</v>
      </c>
      <c r="BV12" s="114">
        <v>1290042</v>
      </c>
      <c r="BW12" s="114">
        <v>1443000</v>
      </c>
      <c r="BX12" s="114">
        <v>988696</v>
      </c>
      <c r="BY12" s="114">
        <v>598280</v>
      </c>
      <c r="BZ12" s="113">
        <v>5498282</v>
      </c>
      <c r="CA12" s="116">
        <v>6076154</v>
      </c>
      <c r="CB12" s="110">
        <v>184640</v>
      </c>
      <c r="CC12" s="114">
        <v>387767</v>
      </c>
      <c r="CD12" s="113">
        <v>572407</v>
      </c>
      <c r="CE12" s="110">
        <v>0</v>
      </c>
      <c r="CF12" s="114">
        <v>6185728</v>
      </c>
      <c r="CG12" s="114">
        <v>9019648</v>
      </c>
      <c r="CH12" s="114">
        <v>7679573</v>
      </c>
      <c r="CI12" s="114">
        <v>4626853</v>
      </c>
      <c r="CJ12" s="114">
        <v>886748</v>
      </c>
      <c r="CK12" s="113">
        <v>28398550</v>
      </c>
      <c r="CL12" s="116">
        <v>28970957</v>
      </c>
      <c r="CM12" s="110">
        <v>0</v>
      </c>
      <c r="CN12" s="114">
        <v>0</v>
      </c>
      <c r="CO12" s="113">
        <v>0</v>
      </c>
      <c r="CP12" s="111">
        <v>0</v>
      </c>
      <c r="CQ12" s="114">
        <v>5450547</v>
      </c>
      <c r="CR12" s="114">
        <v>7231977</v>
      </c>
      <c r="CS12" s="114">
        <v>6442188</v>
      </c>
      <c r="CT12" s="114">
        <v>3381779</v>
      </c>
      <c r="CU12" s="114">
        <v>886748</v>
      </c>
      <c r="CV12" s="113">
        <v>23393239</v>
      </c>
      <c r="CW12" s="116">
        <v>23393239</v>
      </c>
      <c r="CX12" s="110">
        <v>184640</v>
      </c>
      <c r="CY12" s="114">
        <v>387767</v>
      </c>
      <c r="CZ12" s="113">
        <v>572407</v>
      </c>
      <c r="DA12" s="110">
        <v>0</v>
      </c>
      <c r="DB12" s="114">
        <v>735181</v>
      </c>
      <c r="DC12" s="114">
        <v>1787671</v>
      </c>
      <c r="DD12" s="114">
        <v>1237385</v>
      </c>
      <c r="DE12" s="114">
        <v>1245074</v>
      </c>
      <c r="DF12" s="114">
        <v>0</v>
      </c>
      <c r="DG12" s="113">
        <v>5005311</v>
      </c>
      <c r="DH12" s="116">
        <v>5577718</v>
      </c>
      <c r="DI12" s="110">
        <v>0</v>
      </c>
      <c r="DJ12" s="114">
        <v>68607</v>
      </c>
      <c r="DK12" s="112">
        <v>68607</v>
      </c>
      <c r="DL12" s="111">
        <v>0</v>
      </c>
      <c r="DM12" s="114">
        <v>568202</v>
      </c>
      <c r="DN12" s="114">
        <v>1160127</v>
      </c>
      <c r="DO12" s="114">
        <v>2287294</v>
      </c>
      <c r="DP12" s="114">
        <v>1415144</v>
      </c>
      <c r="DQ12" s="114">
        <v>388740</v>
      </c>
      <c r="DR12" s="113">
        <v>5819507</v>
      </c>
      <c r="DS12" s="116">
        <v>5888114</v>
      </c>
      <c r="DT12" s="110">
        <v>0</v>
      </c>
      <c r="DU12" s="114">
        <v>68607</v>
      </c>
      <c r="DV12" s="113">
        <v>68607</v>
      </c>
      <c r="DW12" s="110">
        <v>0</v>
      </c>
      <c r="DX12" s="114">
        <v>568202</v>
      </c>
      <c r="DY12" s="114">
        <v>1000291</v>
      </c>
      <c r="DZ12" s="114">
        <v>2232442</v>
      </c>
      <c r="EA12" s="114">
        <v>1415144</v>
      </c>
      <c r="EB12" s="114">
        <v>392772</v>
      </c>
      <c r="EC12" s="113">
        <v>5608851</v>
      </c>
      <c r="ED12" s="116">
        <v>5677458</v>
      </c>
      <c r="EE12" s="110">
        <v>0</v>
      </c>
      <c r="EF12" s="112">
        <v>0</v>
      </c>
      <c r="EG12" s="113">
        <v>0</v>
      </c>
      <c r="EH12" s="110">
        <v>0</v>
      </c>
      <c r="EI12" s="114">
        <v>0</v>
      </c>
      <c r="EJ12" s="114">
        <v>159836</v>
      </c>
      <c r="EK12" s="114">
        <v>54852</v>
      </c>
      <c r="EL12" s="114">
        <v>0</v>
      </c>
      <c r="EM12" s="114">
        <v>-4032</v>
      </c>
      <c r="EN12" s="112">
        <v>210656</v>
      </c>
      <c r="EO12" s="116">
        <v>210656</v>
      </c>
      <c r="EP12" s="110">
        <v>0</v>
      </c>
      <c r="EQ12" s="114">
        <v>0</v>
      </c>
      <c r="ER12" s="112">
        <v>0</v>
      </c>
      <c r="ES12" s="111">
        <v>0</v>
      </c>
      <c r="ET12" s="114">
        <v>0</v>
      </c>
      <c r="EU12" s="114">
        <v>0</v>
      </c>
      <c r="EV12" s="114">
        <v>0</v>
      </c>
      <c r="EW12" s="114">
        <v>0</v>
      </c>
      <c r="EX12" s="114">
        <v>0</v>
      </c>
      <c r="EY12" s="113">
        <v>0</v>
      </c>
      <c r="EZ12" s="116">
        <v>0</v>
      </c>
      <c r="FA12" s="110">
        <v>0</v>
      </c>
      <c r="FB12" s="114">
        <v>0</v>
      </c>
      <c r="FC12" s="112">
        <v>0</v>
      </c>
      <c r="FD12" s="347"/>
      <c r="FE12" s="114">
        <v>0</v>
      </c>
      <c r="FF12" s="114">
        <v>0</v>
      </c>
      <c r="FG12" s="114">
        <v>0</v>
      </c>
      <c r="FH12" s="114">
        <v>0</v>
      </c>
      <c r="FI12" s="114">
        <v>0</v>
      </c>
      <c r="FJ12" s="113">
        <v>0</v>
      </c>
      <c r="FK12" s="116">
        <v>0</v>
      </c>
      <c r="FL12" s="110">
        <v>445992</v>
      </c>
      <c r="FM12" s="114">
        <v>1450084</v>
      </c>
      <c r="FN12" s="113">
        <v>1896076</v>
      </c>
      <c r="FO12" s="110">
        <v>0</v>
      </c>
      <c r="FP12" s="114">
        <v>776760</v>
      </c>
      <c r="FQ12" s="114">
        <v>3191658</v>
      </c>
      <c r="FR12" s="114">
        <v>2551256</v>
      </c>
      <c r="FS12" s="114">
        <v>1501176</v>
      </c>
      <c r="FT12" s="114">
        <v>959888</v>
      </c>
      <c r="FU12" s="113">
        <v>8980738</v>
      </c>
      <c r="FV12" s="116">
        <v>10876814</v>
      </c>
      <c r="FW12" s="115">
        <v>197192</v>
      </c>
      <c r="FX12" s="114">
        <v>832008</v>
      </c>
      <c r="FY12" s="112">
        <v>1029200</v>
      </c>
      <c r="FZ12" s="111">
        <v>0</v>
      </c>
      <c r="GA12" s="114">
        <v>648416</v>
      </c>
      <c r="GB12" s="114">
        <v>3051912</v>
      </c>
      <c r="GC12" s="114">
        <v>1991904</v>
      </c>
      <c r="GD12" s="114">
        <v>1475576</v>
      </c>
      <c r="GE12" s="114">
        <v>922728</v>
      </c>
      <c r="GF12" s="113">
        <v>8090536</v>
      </c>
      <c r="GG12" s="318">
        <v>9119736</v>
      </c>
      <c r="GH12" s="115">
        <v>0</v>
      </c>
      <c r="GI12" s="114">
        <v>83772</v>
      </c>
      <c r="GJ12" s="112">
        <v>83772</v>
      </c>
      <c r="GK12" s="111">
        <v>0</v>
      </c>
      <c r="GL12" s="114">
        <v>0</v>
      </c>
      <c r="GM12" s="114">
        <v>72626</v>
      </c>
      <c r="GN12" s="114">
        <v>29536</v>
      </c>
      <c r="GO12" s="114">
        <v>25600</v>
      </c>
      <c r="GP12" s="114">
        <v>22440</v>
      </c>
      <c r="GQ12" s="113">
        <v>150202</v>
      </c>
      <c r="GR12" s="116">
        <v>233974</v>
      </c>
      <c r="GS12" s="110">
        <v>248800</v>
      </c>
      <c r="GT12" s="114">
        <v>534304</v>
      </c>
      <c r="GU12" s="113">
        <v>783104</v>
      </c>
      <c r="GV12" s="110">
        <v>0</v>
      </c>
      <c r="GW12" s="114">
        <v>128344</v>
      </c>
      <c r="GX12" s="114">
        <v>67120</v>
      </c>
      <c r="GY12" s="114">
        <v>529816</v>
      </c>
      <c r="GZ12" s="114">
        <v>0</v>
      </c>
      <c r="HA12" s="114">
        <v>14720</v>
      </c>
      <c r="HB12" s="112">
        <v>740000</v>
      </c>
      <c r="HC12" s="116">
        <v>1523104</v>
      </c>
      <c r="HD12" s="110">
        <v>878651</v>
      </c>
      <c r="HE12" s="114">
        <v>1163684</v>
      </c>
      <c r="HF12" s="112">
        <v>2042335</v>
      </c>
      <c r="HG12" s="111">
        <v>0</v>
      </c>
      <c r="HH12" s="114">
        <v>6236217</v>
      </c>
      <c r="HI12" s="114">
        <v>4094190</v>
      </c>
      <c r="HJ12" s="114">
        <v>5367726</v>
      </c>
      <c r="HK12" s="114">
        <v>4417631</v>
      </c>
      <c r="HL12" s="114">
        <v>3427511</v>
      </c>
      <c r="HM12" s="113">
        <v>23543275</v>
      </c>
      <c r="HN12" s="109">
        <v>25585610</v>
      </c>
      <c r="HO12" s="328"/>
      <c r="HP12" s="329"/>
      <c r="HQ12" s="330"/>
      <c r="HR12" s="331"/>
      <c r="HS12" s="329"/>
      <c r="HT12" s="329"/>
      <c r="HU12" s="329"/>
      <c r="HV12" s="329"/>
      <c r="HW12" s="329"/>
      <c r="HX12" s="332"/>
      <c r="HY12" s="333"/>
      <c r="HZ12" s="131">
        <v>49572</v>
      </c>
      <c r="IA12" s="132">
        <v>134963</v>
      </c>
      <c r="IB12" s="133">
        <v>184535</v>
      </c>
      <c r="IC12" s="134">
        <v>0</v>
      </c>
      <c r="ID12" s="135">
        <v>5378712</v>
      </c>
      <c r="IE12" s="136">
        <v>8626589</v>
      </c>
      <c r="IF12" s="137">
        <v>8492188</v>
      </c>
      <c r="IG12" s="135">
        <v>6007426</v>
      </c>
      <c r="IH12" s="137">
        <v>5085486</v>
      </c>
      <c r="II12" s="138">
        <v>33590401</v>
      </c>
      <c r="IJ12" s="139">
        <v>33774936</v>
      </c>
      <c r="IK12" s="232">
        <v>0</v>
      </c>
      <c r="IL12" s="236">
        <v>0</v>
      </c>
      <c r="IM12" s="237">
        <v>0</v>
      </c>
      <c r="IN12" s="140"/>
      <c r="IO12" s="119">
        <v>205801</v>
      </c>
      <c r="IP12" s="119">
        <v>210529</v>
      </c>
      <c r="IQ12" s="119">
        <v>0</v>
      </c>
      <c r="IR12" s="119">
        <v>660094</v>
      </c>
      <c r="IS12" s="119">
        <v>0</v>
      </c>
      <c r="IT12" s="141">
        <v>1076424</v>
      </c>
      <c r="IU12" s="320">
        <v>1076424</v>
      </c>
      <c r="IV12" s="142">
        <v>0</v>
      </c>
      <c r="IW12" s="119">
        <v>0</v>
      </c>
      <c r="IX12" s="120">
        <v>0</v>
      </c>
      <c r="IY12" s="144"/>
      <c r="IZ12" s="119">
        <v>0</v>
      </c>
      <c r="JA12" s="119">
        <v>0</v>
      </c>
      <c r="JB12" s="119">
        <v>0</v>
      </c>
      <c r="JC12" s="119">
        <v>0</v>
      </c>
      <c r="JD12" s="119">
        <v>0</v>
      </c>
      <c r="JE12" s="120">
        <v>0</v>
      </c>
      <c r="JF12" s="121">
        <v>0</v>
      </c>
      <c r="JG12" s="142">
        <v>0</v>
      </c>
      <c r="JH12" s="119">
        <v>0</v>
      </c>
      <c r="JI12" s="141">
        <v>0</v>
      </c>
      <c r="JJ12" s="118">
        <v>0</v>
      </c>
      <c r="JK12" s="119">
        <v>2531418</v>
      </c>
      <c r="JL12" s="119">
        <v>3543565</v>
      </c>
      <c r="JM12" s="119">
        <v>2828855</v>
      </c>
      <c r="JN12" s="119">
        <v>559492</v>
      </c>
      <c r="JO12" s="119">
        <v>1759155</v>
      </c>
      <c r="JP12" s="120">
        <v>11222485</v>
      </c>
      <c r="JQ12" s="320">
        <v>11222485</v>
      </c>
      <c r="JR12" s="142">
        <v>0</v>
      </c>
      <c r="JS12" s="119">
        <v>0</v>
      </c>
      <c r="JT12" s="141">
        <v>0</v>
      </c>
      <c r="JU12" s="118">
        <v>0</v>
      </c>
      <c r="JV12" s="119">
        <v>117046</v>
      </c>
      <c r="JW12" s="119">
        <v>383309</v>
      </c>
      <c r="JX12" s="119">
        <v>232557</v>
      </c>
      <c r="JY12" s="119">
        <v>0</v>
      </c>
      <c r="JZ12" s="119">
        <v>0</v>
      </c>
      <c r="KA12" s="120">
        <v>732912</v>
      </c>
      <c r="KB12" s="320">
        <v>732912</v>
      </c>
      <c r="KC12" s="234">
        <v>49572</v>
      </c>
      <c r="KD12" s="230">
        <v>134963</v>
      </c>
      <c r="KE12" s="120">
        <v>184535</v>
      </c>
      <c r="KF12" s="118">
        <v>0</v>
      </c>
      <c r="KG12" s="119">
        <v>838313</v>
      </c>
      <c r="KH12" s="119">
        <v>1852651</v>
      </c>
      <c r="KI12" s="119">
        <v>1170327</v>
      </c>
      <c r="KJ12" s="119">
        <v>476329</v>
      </c>
      <c r="KK12" s="119">
        <v>828877</v>
      </c>
      <c r="KL12" s="120">
        <v>5166497</v>
      </c>
      <c r="KM12" s="143">
        <v>5351032</v>
      </c>
      <c r="KN12" s="232">
        <v>0</v>
      </c>
      <c r="KO12" s="236">
        <v>0</v>
      </c>
      <c r="KP12" s="237">
        <v>0</v>
      </c>
      <c r="KQ12" s="140"/>
      <c r="KR12" s="119">
        <v>1686134</v>
      </c>
      <c r="KS12" s="119">
        <v>2256657</v>
      </c>
      <c r="KT12" s="119">
        <v>3756466</v>
      </c>
      <c r="KU12" s="119">
        <v>3326467</v>
      </c>
      <c r="KV12" s="119">
        <v>2142894</v>
      </c>
      <c r="KW12" s="120">
        <v>13168618</v>
      </c>
      <c r="KX12" s="320">
        <v>13168618</v>
      </c>
      <c r="KY12" s="142">
        <v>0</v>
      </c>
      <c r="KZ12" s="119">
        <v>0</v>
      </c>
      <c r="LA12" s="120">
        <v>0</v>
      </c>
      <c r="LB12" s="145"/>
      <c r="LC12" s="119">
        <v>0</v>
      </c>
      <c r="LD12" s="119">
        <v>0</v>
      </c>
      <c r="LE12" s="119">
        <v>0</v>
      </c>
      <c r="LF12" s="119">
        <v>0</v>
      </c>
      <c r="LG12" s="119">
        <v>0</v>
      </c>
      <c r="LH12" s="120">
        <v>0</v>
      </c>
      <c r="LI12" s="121">
        <v>0</v>
      </c>
      <c r="LJ12" s="142">
        <v>0</v>
      </c>
      <c r="LK12" s="119">
        <v>0</v>
      </c>
      <c r="LL12" s="120">
        <v>0</v>
      </c>
      <c r="LM12" s="145"/>
      <c r="LN12" s="119">
        <v>0</v>
      </c>
      <c r="LO12" s="119">
        <v>0</v>
      </c>
      <c r="LP12" s="119">
        <v>228734</v>
      </c>
      <c r="LQ12" s="119">
        <v>284326</v>
      </c>
      <c r="LR12" s="119">
        <v>0</v>
      </c>
      <c r="LS12" s="120">
        <v>513060</v>
      </c>
      <c r="LT12" s="320">
        <v>513060</v>
      </c>
      <c r="LU12" s="142">
        <v>0</v>
      </c>
      <c r="LV12" s="119">
        <v>0</v>
      </c>
      <c r="LW12" s="120">
        <v>0</v>
      </c>
      <c r="LX12" s="145"/>
      <c r="LY12" s="119">
        <v>0</v>
      </c>
      <c r="LZ12" s="119">
        <v>379878</v>
      </c>
      <c r="MA12" s="119">
        <v>275249</v>
      </c>
      <c r="MB12" s="119">
        <v>700718</v>
      </c>
      <c r="MC12" s="119">
        <v>354560</v>
      </c>
      <c r="MD12" s="120">
        <v>1710405</v>
      </c>
      <c r="ME12" s="121">
        <v>1710405</v>
      </c>
      <c r="MF12" s="142">
        <v>0</v>
      </c>
      <c r="MG12" s="119">
        <v>0</v>
      </c>
      <c r="MH12" s="120">
        <v>0</v>
      </c>
      <c r="MI12" s="145"/>
      <c r="MJ12" s="119">
        <v>0</v>
      </c>
      <c r="MK12" s="119">
        <v>1865603</v>
      </c>
      <c r="ML12" s="119">
        <v>11146409</v>
      </c>
      <c r="MM12" s="119">
        <v>21197719</v>
      </c>
      <c r="MN12" s="119">
        <v>10614108</v>
      </c>
      <c r="MO12" s="120">
        <v>44823839</v>
      </c>
      <c r="MP12" s="143">
        <v>44823839</v>
      </c>
      <c r="MQ12" s="142">
        <v>0</v>
      </c>
      <c r="MR12" s="119">
        <v>0</v>
      </c>
      <c r="MS12" s="120">
        <v>0</v>
      </c>
      <c r="MT12" s="145"/>
      <c r="MU12" s="119">
        <v>0</v>
      </c>
      <c r="MV12" s="119">
        <v>246922</v>
      </c>
      <c r="MW12" s="119">
        <v>7596968</v>
      </c>
      <c r="MX12" s="119">
        <v>16187045</v>
      </c>
      <c r="MY12" s="119">
        <v>7463941</v>
      </c>
      <c r="MZ12" s="120">
        <v>31494876</v>
      </c>
      <c r="NA12" s="143">
        <v>31494876</v>
      </c>
      <c r="NB12" s="142">
        <v>0</v>
      </c>
      <c r="NC12" s="119">
        <v>0</v>
      </c>
      <c r="ND12" s="120">
        <v>0</v>
      </c>
      <c r="NE12" s="145"/>
      <c r="NF12" s="119">
        <v>0</v>
      </c>
      <c r="NG12" s="119">
        <v>1618681</v>
      </c>
      <c r="NH12" s="119">
        <v>3549441</v>
      </c>
      <c r="NI12" s="119">
        <v>3989777</v>
      </c>
      <c r="NJ12" s="119">
        <v>1697536</v>
      </c>
      <c r="NK12" s="120">
        <v>10855435</v>
      </c>
      <c r="NL12" s="320">
        <v>10855435</v>
      </c>
      <c r="NM12" s="142">
        <v>0</v>
      </c>
      <c r="NN12" s="119">
        <v>0</v>
      </c>
      <c r="NO12" s="120">
        <v>0</v>
      </c>
      <c r="NP12" s="145"/>
      <c r="NQ12" s="119">
        <v>0</v>
      </c>
      <c r="NR12" s="119">
        <v>0</v>
      </c>
      <c r="NS12" s="119">
        <v>0</v>
      </c>
      <c r="NT12" s="119">
        <v>0</v>
      </c>
      <c r="NU12" s="119">
        <v>311156</v>
      </c>
      <c r="NV12" s="120">
        <v>311156</v>
      </c>
      <c r="NW12" s="121">
        <v>311156</v>
      </c>
      <c r="NX12" s="142">
        <v>0</v>
      </c>
      <c r="NY12" s="119">
        <v>0</v>
      </c>
      <c r="NZ12" s="120">
        <v>0</v>
      </c>
      <c r="OA12" s="145"/>
      <c r="OB12" s="119">
        <v>0</v>
      </c>
      <c r="OC12" s="119">
        <v>0</v>
      </c>
      <c r="OD12" s="119">
        <v>0</v>
      </c>
      <c r="OE12" s="119">
        <v>1020897</v>
      </c>
      <c r="OF12" s="119">
        <v>1141475</v>
      </c>
      <c r="OG12" s="120">
        <v>2162372</v>
      </c>
      <c r="OH12" s="121">
        <v>2162372</v>
      </c>
      <c r="OI12" s="142">
        <v>1934023</v>
      </c>
      <c r="OJ12" s="119">
        <v>4198325</v>
      </c>
      <c r="OK12" s="141">
        <v>6132348</v>
      </c>
      <c r="OL12" s="118">
        <v>0</v>
      </c>
      <c r="OM12" s="119">
        <v>24763033</v>
      </c>
      <c r="ON12" s="119">
        <v>37472327</v>
      </c>
      <c r="OO12" s="119">
        <v>46299646</v>
      </c>
      <c r="OP12" s="119">
        <v>44739881</v>
      </c>
      <c r="OQ12" s="119">
        <v>25734995</v>
      </c>
      <c r="OR12" s="120">
        <v>179009882</v>
      </c>
      <c r="OS12" s="143">
        <v>185142230</v>
      </c>
    </row>
    <row r="13" spans="1:409" ht="21" customHeight="1" x14ac:dyDescent="0.2">
      <c r="B13" s="126" t="s">
        <v>7</v>
      </c>
      <c r="C13" s="110">
        <v>818865</v>
      </c>
      <c r="D13" s="114">
        <v>893402</v>
      </c>
      <c r="E13" s="113">
        <v>1712267</v>
      </c>
      <c r="F13" s="109">
        <v>0</v>
      </c>
      <c r="G13" s="114">
        <v>25612264</v>
      </c>
      <c r="H13" s="114">
        <v>24745176</v>
      </c>
      <c r="I13" s="114">
        <v>21231527</v>
      </c>
      <c r="J13" s="114">
        <v>18836365</v>
      </c>
      <c r="K13" s="114">
        <v>10891255</v>
      </c>
      <c r="L13" s="109">
        <v>101316587</v>
      </c>
      <c r="M13" s="116">
        <v>103028854</v>
      </c>
      <c r="N13" s="110">
        <v>223941</v>
      </c>
      <c r="O13" s="114">
        <v>310296</v>
      </c>
      <c r="P13" s="113">
        <v>534237</v>
      </c>
      <c r="Q13" s="110">
        <v>0</v>
      </c>
      <c r="R13" s="114">
        <v>7401964</v>
      </c>
      <c r="S13" s="114">
        <v>7391304</v>
      </c>
      <c r="T13" s="114">
        <v>7977088</v>
      </c>
      <c r="U13" s="114">
        <v>7809760</v>
      </c>
      <c r="V13" s="114">
        <v>6131108</v>
      </c>
      <c r="W13" s="113">
        <v>36711224</v>
      </c>
      <c r="X13" s="116">
        <v>37245461</v>
      </c>
      <c r="Y13" s="110">
        <v>0</v>
      </c>
      <c r="Z13" s="114">
        <v>0</v>
      </c>
      <c r="AA13" s="113">
        <v>0</v>
      </c>
      <c r="AB13" s="110">
        <v>0</v>
      </c>
      <c r="AC13" s="114">
        <v>3540899</v>
      </c>
      <c r="AD13" s="114">
        <v>3420040</v>
      </c>
      <c r="AE13" s="114">
        <v>4432448</v>
      </c>
      <c r="AF13" s="114">
        <v>4436280</v>
      </c>
      <c r="AG13" s="114">
        <v>3809680</v>
      </c>
      <c r="AH13" s="113">
        <v>19639347</v>
      </c>
      <c r="AI13" s="116">
        <v>19639347</v>
      </c>
      <c r="AJ13" s="110">
        <v>0</v>
      </c>
      <c r="AK13" s="114">
        <v>0</v>
      </c>
      <c r="AL13" s="113">
        <v>0</v>
      </c>
      <c r="AM13" s="110">
        <v>0</v>
      </c>
      <c r="AN13" s="114">
        <v>36936</v>
      </c>
      <c r="AO13" s="114">
        <v>316367</v>
      </c>
      <c r="AP13" s="114">
        <v>501997</v>
      </c>
      <c r="AQ13" s="114">
        <v>921191</v>
      </c>
      <c r="AR13" s="114">
        <v>596704</v>
      </c>
      <c r="AS13" s="113">
        <v>2373195</v>
      </c>
      <c r="AT13" s="116">
        <v>2373195</v>
      </c>
      <c r="AU13" s="110">
        <v>52557</v>
      </c>
      <c r="AV13" s="114">
        <v>234272</v>
      </c>
      <c r="AW13" s="113">
        <v>286829</v>
      </c>
      <c r="AX13" s="110">
        <v>0</v>
      </c>
      <c r="AY13" s="114">
        <v>2060260</v>
      </c>
      <c r="AZ13" s="114">
        <v>2231994</v>
      </c>
      <c r="BA13" s="114">
        <v>1514355</v>
      </c>
      <c r="BB13" s="114">
        <v>1204153</v>
      </c>
      <c r="BC13" s="114">
        <v>1053876</v>
      </c>
      <c r="BD13" s="113">
        <v>8064638</v>
      </c>
      <c r="BE13" s="116">
        <v>8351467</v>
      </c>
      <c r="BF13" s="110">
        <v>0</v>
      </c>
      <c r="BG13" s="114">
        <v>0</v>
      </c>
      <c r="BH13" s="112">
        <v>0</v>
      </c>
      <c r="BI13" s="111">
        <v>0</v>
      </c>
      <c r="BJ13" s="114">
        <v>246037</v>
      </c>
      <c r="BK13" s="114">
        <v>195399</v>
      </c>
      <c r="BL13" s="114">
        <v>334488</v>
      </c>
      <c r="BM13" s="114">
        <v>211424</v>
      </c>
      <c r="BN13" s="114">
        <v>0</v>
      </c>
      <c r="BO13" s="113">
        <v>987348</v>
      </c>
      <c r="BP13" s="116">
        <v>987348</v>
      </c>
      <c r="BQ13" s="110">
        <v>171384</v>
      </c>
      <c r="BR13" s="114">
        <v>76024</v>
      </c>
      <c r="BS13" s="113">
        <v>247408</v>
      </c>
      <c r="BT13" s="110">
        <v>0</v>
      </c>
      <c r="BU13" s="114">
        <v>1517832</v>
      </c>
      <c r="BV13" s="114">
        <v>1227504</v>
      </c>
      <c r="BW13" s="114">
        <v>1193800</v>
      </c>
      <c r="BX13" s="114">
        <v>1036712</v>
      </c>
      <c r="BY13" s="114">
        <v>670848</v>
      </c>
      <c r="BZ13" s="113">
        <v>5646696</v>
      </c>
      <c r="CA13" s="116">
        <v>5894104</v>
      </c>
      <c r="CB13" s="110">
        <v>19428</v>
      </c>
      <c r="CC13" s="114">
        <v>35633</v>
      </c>
      <c r="CD13" s="113">
        <v>55061</v>
      </c>
      <c r="CE13" s="110">
        <v>0</v>
      </c>
      <c r="CF13" s="114">
        <v>7926194</v>
      </c>
      <c r="CG13" s="114">
        <v>5871330</v>
      </c>
      <c r="CH13" s="114">
        <v>4413778</v>
      </c>
      <c r="CI13" s="114">
        <v>1682003</v>
      </c>
      <c r="CJ13" s="114">
        <v>1020759</v>
      </c>
      <c r="CK13" s="113">
        <v>20914064</v>
      </c>
      <c r="CL13" s="116">
        <v>20969125</v>
      </c>
      <c r="CM13" s="110">
        <v>0</v>
      </c>
      <c r="CN13" s="114">
        <v>0</v>
      </c>
      <c r="CO13" s="113">
        <v>0</v>
      </c>
      <c r="CP13" s="111">
        <v>0</v>
      </c>
      <c r="CQ13" s="114">
        <v>6846543</v>
      </c>
      <c r="CR13" s="114">
        <v>4587047</v>
      </c>
      <c r="CS13" s="114">
        <v>3392474</v>
      </c>
      <c r="CT13" s="114">
        <v>1494964</v>
      </c>
      <c r="CU13" s="114">
        <v>1020759</v>
      </c>
      <c r="CV13" s="113">
        <v>17341787</v>
      </c>
      <c r="CW13" s="116">
        <v>17341787</v>
      </c>
      <c r="CX13" s="110">
        <v>19428</v>
      </c>
      <c r="CY13" s="114">
        <v>35633</v>
      </c>
      <c r="CZ13" s="113">
        <v>55061</v>
      </c>
      <c r="DA13" s="110">
        <v>0</v>
      </c>
      <c r="DB13" s="114">
        <v>1079651</v>
      </c>
      <c r="DC13" s="114">
        <v>1284283</v>
      </c>
      <c r="DD13" s="114">
        <v>1021304</v>
      </c>
      <c r="DE13" s="114">
        <v>187039</v>
      </c>
      <c r="DF13" s="114">
        <v>0</v>
      </c>
      <c r="DG13" s="113">
        <v>3572277</v>
      </c>
      <c r="DH13" s="116">
        <v>3627338</v>
      </c>
      <c r="DI13" s="110">
        <v>0</v>
      </c>
      <c r="DJ13" s="114">
        <v>73038</v>
      </c>
      <c r="DK13" s="112">
        <v>73038</v>
      </c>
      <c r="DL13" s="111">
        <v>0</v>
      </c>
      <c r="DM13" s="114">
        <v>803059</v>
      </c>
      <c r="DN13" s="114">
        <v>1820384</v>
      </c>
      <c r="DO13" s="114">
        <v>1402646</v>
      </c>
      <c r="DP13" s="114">
        <v>1016367</v>
      </c>
      <c r="DQ13" s="114">
        <v>415065</v>
      </c>
      <c r="DR13" s="113">
        <v>5457521</v>
      </c>
      <c r="DS13" s="116">
        <v>5530559</v>
      </c>
      <c r="DT13" s="110">
        <v>0</v>
      </c>
      <c r="DU13" s="114">
        <v>73038</v>
      </c>
      <c r="DV13" s="113">
        <v>73038</v>
      </c>
      <c r="DW13" s="110">
        <v>0</v>
      </c>
      <c r="DX13" s="114">
        <v>803059</v>
      </c>
      <c r="DY13" s="114">
        <v>1553063</v>
      </c>
      <c r="DZ13" s="114">
        <v>1072914</v>
      </c>
      <c r="EA13" s="114">
        <v>1016367</v>
      </c>
      <c r="EB13" s="114">
        <v>415065</v>
      </c>
      <c r="EC13" s="113">
        <v>4860468</v>
      </c>
      <c r="ED13" s="116">
        <v>4933506</v>
      </c>
      <c r="EE13" s="110">
        <v>0</v>
      </c>
      <c r="EF13" s="112">
        <v>0</v>
      </c>
      <c r="EG13" s="113">
        <v>0</v>
      </c>
      <c r="EH13" s="110">
        <v>0</v>
      </c>
      <c r="EI13" s="114">
        <v>0</v>
      </c>
      <c r="EJ13" s="114">
        <v>267321</v>
      </c>
      <c r="EK13" s="114">
        <v>329732</v>
      </c>
      <c r="EL13" s="114">
        <v>0</v>
      </c>
      <c r="EM13" s="114">
        <v>0</v>
      </c>
      <c r="EN13" s="112">
        <v>597053</v>
      </c>
      <c r="EO13" s="116">
        <v>597053</v>
      </c>
      <c r="EP13" s="110">
        <v>0</v>
      </c>
      <c r="EQ13" s="114">
        <v>0</v>
      </c>
      <c r="ER13" s="112">
        <v>0</v>
      </c>
      <c r="ES13" s="111">
        <v>0</v>
      </c>
      <c r="ET13" s="114">
        <v>0</v>
      </c>
      <c r="EU13" s="114">
        <v>0</v>
      </c>
      <c r="EV13" s="114">
        <v>0</v>
      </c>
      <c r="EW13" s="114">
        <v>0</v>
      </c>
      <c r="EX13" s="114">
        <v>0</v>
      </c>
      <c r="EY13" s="113">
        <v>0</v>
      </c>
      <c r="EZ13" s="116">
        <v>0</v>
      </c>
      <c r="FA13" s="110">
        <v>0</v>
      </c>
      <c r="FB13" s="114">
        <v>0</v>
      </c>
      <c r="FC13" s="112">
        <v>0</v>
      </c>
      <c r="FD13" s="347"/>
      <c r="FE13" s="114">
        <v>0</v>
      </c>
      <c r="FF13" s="114">
        <v>0</v>
      </c>
      <c r="FG13" s="114">
        <v>0</v>
      </c>
      <c r="FH13" s="114">
        <v>0</v>
      </c>
      <c r="FI13" s="114">
        <v>0</v>
      </c>
      <c r="FJ13" s="113">
        <v>0</v>
      </c>
      <c r="FK13" s="116">
        <v>0</v>
      </c>
      <c r="FL13" s="110">
        <v>98448</v>
      </c>
      <c r="FM13" s="114">
        <v>194184</v>
      </c>
      <c r="FN13" s="113">
        <v>292632</v>
      </c>
      <c r="FO13" s="110">
        <v>0</v>
      </c>
      <c r="FP13" s="114">
        <v>1284328</v>
      </c>
      <c r="FQ13" s="114">
        <v>2475100</v>
      </c>
      <c r="FR13" s="114">
        <v>1563848</v>
      </c>
      <c r="FS13" s="114">
        <v>1587451</v>
      </c>
      <c r="FT13" s="114">
        <v>778728</v>
      </c>
      <c r="FU13" s="113">
        <v>7689455</v>
      </c>
      <c r="FV13" s="116">
        <v>7982087</v>
      </c>
      <c r="FW13" s="115">
        <v>84048</v>
      </c>
      <c r="FX13" s="114">
        <v>156864</v>
      </c>
      <c r="FY13" s="112">
        <v>240912</v>
      </c>
      <c r="FZ13" s="111">
        <v>0</v>
      </c>
      <c r="GA13" s="114">
        <v>750840</v>
      </c>
      <c r="GB13" s="114">
        <v>2434400</v>
      </c>
      <c r="GC13" s="114">
        <v>1502472</v>
      </c>
      <c r="GD13" s="114">
        <v>1256520</v>
      </c>
      <c r="GE13" s="114">
        <v>707048</v>
      </c>
      <c r="GF13" s="113">
        <v>6651280</v>
      </c>
      <c r="GG13" s="318">
        <v>6892192</v>
      </c>
      <c r="GH13" s="115">
        <v>14400</v>
      </c>
      <c r="GI13" s="114">
        <v>37320</v>
      </c>
      <c r="GJ13" s="112">
        <v>51720</v>
      </c>
      <c r="GK13" s="111">
        <v>0</v>
      </c>
      <c r="GL13" s="114">
        <v>128832</v>
      </c>
      <c r="GM13" s="114">
        <v>40700</v>
      </c>
      <c r="GN13" s="114">
        <v>22176</v>
      </c>
      <c r="GO13" s="114">
        <v>91731</v>
      </c>
      <c r="GP13" s="114">
        <v>71680</v>
      </c>
      <c r="GQ13" s="113">
        <v>355119</v>
      </c>
      <c r="GR13" s="116">
        <v>406839</v>
      </c>
      <c r="GS13" s="110">
        <v>0</v>
      </c>
      <c r="GT13" s="114">
        <v>0</v>
      </c>
      <c r="GU13" s="113">
        <v>0</v>
      </c>
      <c r="GV13" s="110">
        <v>0</v>
      </c>
      <c r="GW13" s="114">
        <v>404656</v>
      </c>
      <c r="GX13" s="114">
        <v>0</v>
      </c>
      <c r="GY13" s="114">
        <v>39200</v>
      </c>
      <c r="GZ13" s="114">
        <v>239200</v>
      </c>
      <c r="HA13" s="114">
        <v>0</v>
      </c>
      <c r="HB13" s="112">
        <v>683056</v>
      </c>
      <c r="HC13" s="116">
        <v>683056</v>
      </c>
      <c r="HD13" s="110">
        <v>477048</v>
      </c>
      <c r="HE13" s="114">
        <v>280251</v>
      </c>
      <c r="HF13" s="112">
        <v>757299</v>
      </c>
      <c r="HG13" s="111">
        <v>0</v>
      </c>
      <c r="HH13" s="114">
        <v>8196719</v>
      </c>
      <c r="HI13" s="114">
        <v>7187058</v>
      </c>
      <c r="HJ13" s="114">
        <v>5874167</v>
      </c>
      <c r="HK13" s="114">
        <v>6740784</v>
      </c>
      <c r="HL13" s="114">
        <v>2545595</v>
      </c>
      <c r="HM13" s="113">
        <v>30544323</v>
      </c>
      <c r="HN13" s="109">
        <v>31301622</v>
      </c>
      <c r="HO13" s="328"/>
      <c r="HP13" s="329"/>
      <c r="HQ13" s="330"/>
      <c r="HR13" s="331"/>
      <c r="HS13" s="329"/>
      <c r="HT13" s="329"/>
      <c r="HU13" s="329"/>
      <c r="HV13" s="329"/>
      <c r="HW13" s="329"/>
      <c r="HX13" s="332"/>
      <c r="HY13" s="333"/>
      <c r="HZ13" s="131">
        <v>48850</v>
      </c>
      <c r="IA13" s="132">
        <v>0</v>
      </c>
      <c r="IB13" s="133">
        <v>48850</v>
      </c>
      <c r="IC13" s="146">
        <v>0</v>
      </c>
      <c r="ID13" s="132">
        <v>7089377</v>
      </c>
      <c r="IE13" s="147">
        <v>4890602</v>
      </c>
      <c r="IF13" s="133">
        <v>6608133</v>
      </c>
      <c r="IG13" s="132">
        <v>3138147</v>
      </c>
      <c r="IH13" s="133">
        <v>2316031</v>
      </c>
      <c r="II13" s="148">
        <v>24042290</v>
      </c>
      <c r="IJ13" s="139">
        <v>24091140</v>
      </c>
      <c r="IK13" s="232">
        <v>0</v>
      </c>
      <c r="IL13" s="236">
        <v>0</v>
      </c>
      <c r="IM13" s="237">
        <v>0</v>
      </c>
      <c r="IN13" s="140"/>
      <c r="IO13" s="119">
        <v>0</v>
      </c>
      <c r="IP13" s="119">
        <v>0</v>
      </c>
      <c r="IQ13" s="119">
        <v>0</v>
      </c>
      <c r="IR13" s="119">
        <v>0</v>
      </c>
      <c r="IS13" s="119">
        <v>0</v>
      </c>
      <c r="IT13" s="141">
        <v>0</v>
      </c>
      <c r="IU13" s="320">
        <v>0</v>
      </c>
      <c r="IV13" s="142">
        <v>0</v>
      </c>
      <c r="IW13" s="119">
        <v>0</v>
      </c>
      <c r="IX13" s="120">
        <v>0</v>
      </c>
      <c r="IY13" s="144"/>
      <c r="IZ13" s="119">
        <v>0</v>
      </c>
      <c r="JA13" s="119">
        <v>0</v>
      </c>
      <c r="JB13" s="119">
        <v>0</v>
      </c>
      <c r="JC13" s="119">
        <v>0</v>
      </c>
      <c r="JD13" s="119">
        <v>0</v>
      </c>
      <c r="JE13" s="120">
        <v>0</v>
      </c>
      <c r="JF13" s="121">
        <v>0</v>
      </c>
      <c r="JG13" s="142">
        <v>0</v>
      </c>
      <c r="JH13" s="119">
        <v>0</v>
      </c>
      <c r="JI13" s="141">
        <v>0</v>
      </c>
      <c r="JJ13" s="118">
        <v>0</v>
      </c>
      <c r="JK13" s="119">
        <v>3417195</v>
      </c>
      <c r="JL13" s="119">
        <v>1967397</v>
      </c>
      <c r="JM13" s="119">
        <v>1316209</v>
      </c>
      <c r="JN13" s="119">
        <v>348280</v>
      </c>
      <c r="JO13" s="119">
        <v>216371</v>
      </c>
      <c r="JP13" s="120">
        <v>7265452</v>
      </c>
      <c r="JQ13" s="320">
        <v>7265452</v>
      </c>
      <c r="JR13" s="142">
        <v>0</v>
      </c>
      <c r="JS13" s="119">
        <v>0</v>
      </c>
      <c r="JT13" s="141">
        <v>0</v>
      </c>
      <c r="JU13" s="118">
        <v>0</v>
      </c>
      <c r="JV13" s="119">
        <v>711974</v>
      </c>
      <c r="JW13" s="119">
        <v>1244262</v>
      </c>
      <c r="JX13" s="119">
        <v>739002</v>
      </c>
      <c r="JY13" s="119">
        <v>210509</v>
      </c>
      <c r="JZ13" s="119">
        <v>173500</v>
      </c>
      <c r="KA13" s="120">
        <v>3079247</v>
      </c>
      <c r="KB13" s="320">
        <v>3079247</v>
      </c>
      <c r="KC13" s="234">
        <v>48850</v>
      </c>
      <c r="KD13" s="230">
        <v>0</v>
      </c>
      <c r="KE13" s="120">
        <v>48850</v>
      </c>
      <c r="KF13" s="118">
        <v>0</v>
      </c>
      <c r="KG13" s="119">
        <v>673988</v>
      </c>
      <c r="KH13" s="119">
        <v>783279</v>
      </c>
      <c r="KI13" s="119">
        <v>190887</v>
      </c>
      <c r="KJ13" s="119">
        <v>226630</v>
      </c>
      <c r="KK13" s="119">
        <v>0</v>
      </c>
      <c r="KL13" s="120">
        <v>1874784</v>
      </c>
      <c r="KM13" s="143">
        <v>1923634</v>
      </c>
      <c r="KN13" s="232">
        <v>0</v>
      </c>
      <c r="KO13" s="236">
        <v>0</v>
      </c>
      <c r="KP13" s="237">
        <v>0</v>
      </c>
      <c r="KQ13" s="140"/>
      <c r="KR13" s="119">
        <v>2127329</v>
      </c>
      <c r="KS13" s="119">
        <v>728823</v>
      </c>
      <c r="KT13" s="119">
        <v>4077532</v>
      </c>
      <c r="KU13" s="119">
        <v>1816097</v>
      </c>
      <c r="KV13" s="119">
        <v>1572972</v>
      </c>
      <c r="KW13" s="120">
        <v>10322753</v>
      </c>
      <c r="KX13" s="320">
        <v>10322753</v>
      </c>
      <c r="KY13" s="142">
        <v>0</v>
      </c>
      <c r="KZ13" s="119">
        <v>0</v>
      </c>
      <c r="LA13" s="120">
        <v>0</v>
      </c>
      <c r="LB13" s="145"/>
      <c r="LC13" s="119">
        <v>0</v>
      </c>
      <c r="LD13" s="119">
        <v>0</v>
      </c>
      <c r="LE13" s="119">
        <v>0</v>
      </c>
      <c r="LF13" s="119">
        <v>0</v>
      </c>
      <c r="LG13" s="119">
        <v>0</v>
      </c>
      <c r="LH13" s="120">
        <v>0</v>
      </c>
      <c r="LI13" s="121">
        <v>0</v>
      </c>
      <c r="LJ13" s="142">
        <v>0</v>
      </c>
      <c r="LK13" s="119">
        <v>0</v>
      </c>
      <c r="LL13" s="120">
        <v>0</v>
      </c>
      <c r="LM13" s="145"/>
      <c r="LN13" s="119">
        <v>0</v>
      </c>
      <c r="LO13" s="119">
        <v>0</v>
      </c>
      <c r="LP13" s="119">
        <v>0</v>
      </c>
      <c r="LQ13" s="119">
        <v>0</v>
      </c>
      <c r="LR13" s="119">
        <v>0</v>
      </c>
      <c r="LS13" s="120">
        <v>0</v>
      </c>
      <c r="LT13" s="320">
        <v>0</v>
      </c>
      <c r="LU13" s="142">
        <v>0</v>
      </c>
      <c r="LV13" s="119">
        <v>0</v>
      </c>
      <c r="LW13" s="120">
        <v>0</v>
      </c>
      <c r="LX13" s="145"/>
      <c r="LY13" s="119">
        <v>158891</v>
      </c>
      <c r="LZ13" s="119">
        <v>166841</v>
      </c>
      <c r="MA13" s="119">
        <v>284503</v>
      </c>
      <c r="MB13" s="119">
        <v>536631</v>
      </c>
      <c r="MC13" s="119">
        <v>353188</v>
      </c>
      <c r="MD13" s="120">
        <v>1500054</v>
      </c>
      <c r="ME13" s="121">
        <v>1500054</v>
      </c>
      <c r="MF13" s="142">
        <v>0</v>
      </c>
      <c r="MG13" s="119">
        <v>0</v>
      </c>
      <c r="MH13" s="120">
        <v>0</v>
      </c>
      <c r="MI13" s="145"/>
      <c r="MJ13" s="119">
        <v>2515901</v>
      </c>
      <c r="MK13" s="119">
        <v>4184980</v>
      </c>
      <c r="ML13" s="119">
        <v>6099555</v>
      </c>
      <c r="MM13" s="119">
        <v>17710920</v>
      </c>
      <c r="MN13" s="119">
        <v>9979312</v>
      </c>
      <c r="MO13" s="120">
        <v>40490668</v>
      </c>
      <c r="MP13" s="143">
        <v>40490668</v>
      </c>
      <c r="MQ13" s="142">
        <v>0</v>
      </c>
      <c r="MR13" s="119">
        <v>0</v>
      </c>
      <c r="MS13" s="120">
        <v>0</v>
      </c>
      <c r="MT13" s="145"/>
      <c r="MU13" s="119">
        <v>0</v>
      </c>
      <c r="MV13" s="119">
        <v>703182</v>
      </c>
      <c r="MW13" s="119">
        <v>3963629</v>
      </c>
      <c r="MX13" s="119">
        <v>12110624</v>
      </c>
      <c r="MY13" s="119">
        <v>7819579</v>
      </c>
      <c r="MZ13" s="120">
        <v>24597014</v>
      </c>
      <c r="NA13" s="143">
        <v>24597014</v>
      </c>
      <c r="NB13" s="142">
        <v>0</v>
      </c>
      <c r="NC13" s="119">
        <v>0</v>
      </c>
      <c r="ND13" s="120">
        <v>0</v>
      </c>
      <c r="NE13" s="145"/>
      <c r="NF13" s="119">
        <v>2515901</v>
      </c>
      <c r="NG13" s="119">
        <v>3481798</v>
      </c>
      <c r="NH13" s="119">
        <v>2135926</v>
      </c>
      <c r="NI13" s="119">
        <v>5600296</v>
      </c>
      <c r="NJ13" s="119">
        <v>2159733</v>
      </c>
      <c r="NK13" s="120">
        <v>15893654</v>
      </c>
      <c r="NL13" s="320">
        <v>15893654</v>
      </c>
      <c r="NM13" s="142">
        <v>0</v>
      </c>
      <c r="NN13" s="119">
        <v>0</v>
      </c>
      <c r="NO13" s="120">
        <v>0</v>
      </c>
      <c r="NP13" s="145"/>
      <c r="NQ13" s="119">
        <v>0</v>
      </c>
      <c r="NR13" s="119">
        <v>0</v>
      </c>
      <c r="NS13" s="119">
        <v>0</v>
      </c>
      <c r="NT13" s="119">
        <v>0</v>
      </c>
      <c r="NU13" s="119">
        <v>0</v>
      </c>
      <c r="NV13" s="120">
        <v>0</v>
      </c>
      <c r="NW13" s="121">
        <v>0</v>
      </c>
      <c r="NX13" s="142">
        <v>0</v>
      </c>
      <c r="NY13" s="119">
        <v>0</v>
      </c>
      <c r="NZ13" s="120">
        <v>0</v>
      </c>
      <c r="OA13" s="145"/>
      <c r="OB13" s="119">
        <v>0</v>
      </c>
      <c r="OC13" s="119">
        <v>0</v>
      </c>
      <c r="OD13" s="119">
        <v>0</v>
      </c>
      <c r="OE13" s="119">
        <v>0</v>
      </c>
      <c r="OF13" s="119">
        <v>0</v>
      </c>
      <c r="OG13" s="120">
        <v>0</v>
      </c>
      <c r="OH13" s="121">
        <v>0</v>
      </c>
      <c r="OI13" s="142">
        <v>867715</v>
      </c>
      <c r="OJ13" s="119">
        <v>893402</v>
      </c>
      <c r="OK13" s="141">
        <v>1761117</v>
      </c>
      <c r="OL13" s="118">
        <v>0</v>
      </c>
      <c r="OM13" s="119">
        <v>35217542</v>
      </c>
      <c r="ON13" s="119">
        <v>33820758</v>
      </c>
      <c r="OO13" s="119">
        <v>33939215</v>
      </c>
      <c r="OP13" s="119">
        <v>39685432</v>
      </c>
      <c r="OQ13" s="119">
        <v>23186598</v>
      </c>
      <c r="OR13" s="120">
        <v>165849545</v>
      </c>
      <c r="OS13" s="143">
        <v>167610662</v>
      </c>
    </row>
    <row r="14" spans="1:409" ht="21" customHeight="1" x14ac:dyDescent="0.2">
      <c r="B14" s="126" t="s">
        <v>8</v>
      </c>
      <c r="C14" s="110">
        <v>903433</v>
      </c>
      <c r="D14" s="114">
        <v>703756</v>
      </c>
      <c r="E14" s="113">
        <v>1607189</v>
      </c>
      <c r="F14" s="109">
        <v>0</v>
      </c>
      <c r="G14" s="114">
        <v>6123610</v>
      </c>
      <c r="H14" s="114">
        <v>8381584</v>
      </c>
      <c r="I14" s="114">
        <v>9115528</v>
      </c>
      <c r="J14" s="114">
        <v>5992550</v>
      </c>
      <c r="K14" s="114">
        <v>4654654</v>
      </c>
      <c r="L14" s="109">
        <v>34267926</v>
      </c>
      <c r="M14" s="116">
        <v>35875115</v>
      </c>
      <c r="N14" s="110">
        <v>227250</v>
      </c>
      <c r="O14" s="114">
        <v>255269</v>
      </c>
      <c r="P14" s="113">
        <v>482519</v>
      </c>
      <c r="Q14" s="110">
        <v>0</v>
      </c>
      <c r="R14" s="114">
        <v>2015389</v>
      </c>
      <c r="S14" s="114">
        <v>2844905</v>
      </c>
      <c r="T14" s="114">
        <v>2978689</v>
      </c>
      <c r="U14" s="114">
        <v>2434877</v>
      </c>
      <c r="V14" s="114">
        <v>1826424</v>
      </c>
      <c r="W14" s="113">
        <v>12100284</v>
      </c>
      <c r="X14" s="116">
        <v>12582803</v>
      </c>
      <c r="Y14" s="110">
        <v>0</v>
      </c>
      <c r="Z14" s="114">
        <v>0</v>
      </c>
      <c r="AA14" s="113">
        <v>0</v>
      </c>
      <c r="AB14" s="110">
        <v>0</v>
      </c>
      <c r="AC14" s="114">
        <v>856807</v>
      </c>
      <c r="AD14" s="114">
        <v>1687631</v>
      </c>
      <c r="AE14" s="114">
        <v>1536405</v>
      </c>
      <c r="AF14" s="114">
        <v>1272042</v>
      </c>
      <c r="AG14" s="114">
        <v>811988</v>
      </c>
      <c r="AH14" s="113">
        <v>6164873</v>
      </c>
      <c r="AI14" s="116">
        <v>6164873</v>
      </c>
      <c r="AJ14" s="110">
        <v>0</v>
      </c>
      <c r="AK14" s="114">
        <v>0</v>
      </c>
      <c r="AL14" s="113">
        <v>0</v>
      </c>
      <c r="AM14" s="110">
        <v>0</v>
      </c>
      <c r="AN14" s="114">
        <v>0</v>
      </c>
      <c r="AO14" s="114">
        <v>0</v>
      </c>
      <c r="AP14" s="114">
        <v>117424</v>
      </c>
      <c r="AQ14" s="114">
        <v>105081</v>
      </c>
      <c r="AR14" s="114">
        <v>309159</v>
      </c>
      <c r="AS14" s="113">
        <v>531664</v>
      </c>
      <c r="AT14" s="116">
        <v>531664</v>
      </c>
      <c r="AU14" s="110">
        <v>93146</v>
      </c>
      <c r="AV14" s="114">
        <v>196353</v>
      </c>
      <c r="AW14" s="113">
        <v>289499</v>
      </c>
      <c r="AX14" s="110">
        <v>0</v>
      </c>
      <c r="AY14" s="114">
        <v>800894</v>
      </c>
      <c r="AZ14" s="114">
        <v>805792</v>
      </c>
      <c r="BA14" s="114">
        <v>885030</v>
      </c>
      <c r="BB14" s="114">
        <v>713805</v>
      </c>
      <c r="BC14" s="114">
        <v>499269</v>
      </c>
      <c r="BD14" s="113">
        <v>3704790</v>
      </c>
      <c r="BE14" s="116">
        <v>3994289</v>
      </c>
      <c r="BF14" s="110">
        <v>0</v>
      </c>
      <c r="BG14" s="114">
        <v>15596</v>
      </c>
      <c r="BH14" s="112">
        <v>15596</v>
      </c>
      <c r="BI14" s="111">
        <v>0</v>
      </c>
      <c r="BJ14" s="114">
        <v>52968</v>
      </c>
      <c r="BK14" s="114">
        <v>54826</v>
      </c>
      <c r="BL14" s="114">
        <v>97566</v>
      </c>
      <c r="BM14" s="114">
        <v>68717</v>
      </c>
      <c r="BN14" s="114">
        <v>0</v>
      </c>
      <c r="BO14" s="113">
        <v>274077</v>
      </c>
      <c r="BP14" s="116">
        <v>289673</v>
      </c>
      <c r="BQ14" s="110">
        <v>134104</v>
      </c>
      <c r="BR14" s="114">
        <v>43320</v>
      </c>
      <c r="BS14" s="113">
        <v>177424</v>
      </c>
      <c r="BT14" s="110">
        <v>0</v>
      </c>
      <c r="BU14" s="114">
        <v>304720</v>
      </c>
      <c r="BV14" s="114">
        <v>296656</v>
      </c>
      <c r="BW14" s="114">
        <v>342264</v>
      </c>
      <c r="BX14" s="114">
        <v>275232</v>
      </c>
      <c r="BY14" s="114">
        <v>206008</v>
      </c>
      <c r="BZ14" s="113">
        <v>1424880</v>
      </c>
      <c r="CA14" s="116">
        <v>1602304</v>
      </c>
      <c r="CB14" s="110">
        <v>155174</v>
      </c>
      <c r="CC14" s="114">
        <v>102180</v>
      </c>
      <c r="CD14" s="113">
        <v>257354</v>
      </c>
      <c r="CE14" s="110">
        <v>0</v>
      </c>
      <c r="CF14" s="114">
        <v>1682780</v>
      </c>
      <c r="CG14" s="114">
        <v>2791960</v>
      </c>
      <c r="CH14" s="114">
        <v>2506828</v>
      </c>
      <c r="CI14" s="114">
        <v>1436138</v>
      </c>
      <c r="CJ14" s="114">
        <v>485512</v>
      </c>
      <c r="CK14" s="113">
        <v>8903218</v>
      </c>
      <c r="CL14" s="116">
        <v>9160572</v>
      </c>
      <c r="CM14" s="110">
        <v>0</v>
      </c>
      <c r="CN14" s="114">
        <v>0</v>
      </c>
      <c r="CO14" s="113">
        <v>0</v>
      </c>
      <c r="CP14" s="111">
        <v>0</v>
      </c>
      <c r="CQ14" s="114">
        <v>1339512</v>
      </c>
      <c r="CR14" s="114">
        <v>2249883</v>
      </c>
      <c r="CS14" s="114">
        <v>2215289</v>
      </c>
      <c r="CT14" s="114">
        <v>1168450</v>
      </c>
      <c r="CU14" s="114">
        <v>460716</v>
      </c>
      <c r="CV14" s="113">
        <v>7433850</v>
      </c>
      <c r="CW14" s="116">
        <v>7433850</v>
      </c>
      <c r="CX14" s="110">
        <v>155174</v>
      </c>
      <c r="CY14" s="114">
        <v>102180</v>
      </c>
      <c r="CZ14" s="113">
        <v>257354</v>
      </c>
      <c r="DA14" s="110">
        <v>0</v>
      </c>
      <c r="DB14" s="114">
        <v>343268</v>
      </c>
      <c r="DC14" s="114">
        <v>542077</v>
      </c>
      <c r="DD14" s="114">
        <v>291539</v>
      </c>
      <c r="DE14" s="114">
        <v>267688</v>
      </c>
      <c r="DF14" s="114">
        <v>24796</v>
      </c>
      <c r="DG14" s="113">
        <v>1469368</v>
      </c>
      <c r="DH14" s="116">
        <v>1726722</v>
      </c>
      <c r="DI14" s="110">
        <v>35344</v>
      </c>
      <c r="DJ14" s="114">
        <v>0</v>
      </c>
      <c r="DK14" s="112">
        <v>35344</v>
      </c>
      <c r="DL14" s="111">
        <v>0</v>
      </c>
      <c r="DM14" s="114">
        <v>118241</v>
      </c>
      <c r="DN14" s="114">
        <v>211097</v>
      </c>
      <c r="DO14" s="114">
        <v>1096241</v>
      </c>
      <c r="DP14" s="114">
        <v>148769</v>
      </c>
      <c r="DQ14" s="114">
        <v>199503</v>
      </c>
      <c r="DR14" s="113">
        <v>1773851</v>
      </c>
      <c r="DS14" s="116">
        <v>1809195</v>
      </c>
      <c r="DT14" s="110">
        <v>35344</v>
      </c>
      <c r="DU14" s="114">
        <v>0</v>
      </c>
      <c r="DV14" s="113">
        <v>35344</v>
      </c>
      <c r="DW14" s="110">
        <v>0</v>
      </c>
      <c r="DX14" s="114">
        <v>118241</v>
      </c>
      <c r="DY14" s="114">
        <v>211097</v>
      </c>
      <c r="DZ14" s="114">
        <v>1049133</v>
      </c>
      <c r="EA14" s="114">
        <v>148769</v>
      </c>
      <c r="EB14" s="114">
        <v>199503</v>
      </c>
      <c r="EC14" s="113">
        <v>1726743</v>
      </c>
      <c r="ED14" s="116">
        <v>1762087</v>
      </c>
      <c r="EE14" s="110">
        <v>0</v>
      </c>
      <c r="EF14" s="112">
        <v>0</v>
      </c>
      <c r="EG14" s="113">
        <v>0</v>
      </c>
      <c r="EH14" s="110">
        <v>0</v>
      </c>
      <c r="EI14" s="114">
        <v>0</v>
      </c>
      <c r="EJ14" s="114">
        <v>0</v>
      </c>
      <c r="EK14" s="114">
        <v>47108</v>
      </c>
      <c r="EL14" s="114">
        <v>0</v>
      </c>
      <c r="EM14" s="114">
        <v>0</v>
      </c>
      <c r="EN14" s="112">
        <v>47108</v>
      </c>
      <c r="EO14" s="116">
        <v>47108</v>
      </c>
      <c r="EP14" s="110">
        <v>0</v>
      </c>
      <c r="EQ14" s="114">
        <v>0</v>
      </c>
      <c r="ER14" s="112">
        <v>0</v>
      </c>
      <c r="ES14" s="111">
        <v>0</v>
      </c>
      <c r="ET14" s="114">
        <v>0</v>
      </c>
      <c r="EU14" s="114">
        <v>0</v>
      </c>
      <c r="EV14" s="114">
        <v>0</v>
      </c>
      <c r="EW14" s="114">
        <v>0</v>
      </c>
      <c r="EX14" s="114">
        <v>0</v>
      </c>
      <c r="EY14" s="113">
        <v>0</v>
      </c>
      <c r="EZ14" s="116">
        <v>0</v>
      </c>
      <c r="FA14" s="110">
        <v>0</v>
      </c>
      <c r="FB14" s="114">
        <v>0</v>
      </c>
      <c r="FC14" s="112">
        <v>0</v>
      </c>
      <c r="FD14" s="347"/>
      <c r="FE14" s="114">
        <v>0</v>
      </c>
      <c r="FF14" s="114">
        <v>0</v>
      </c>
      <c r="FG14" s="114">
        <v>0</v>
      </c>
      <c r="FH14" s="114">
        <v>0</v>
      </c>
      <c r="FI14" s="114">
        <v>0</v>
      </c>
      <c r="FJ14" s="113">
        <v>0</v>
      </c>
      <c r="FK14" s="116">
        <v>0</v>
      </c>
      <c r="FL14" s="110">
        <v>47176</v>
      </c>
      <c r="FM14" s="114">
        <v>143680</v>
      </c>
      <c r="FN14" s="113">
        <v>190856</v>
      </c>
      <c r="FO14" s="110">
        <v>0</v>
      </c>
      <c r="FP14" s="114">
        <v>556992</v>
      </c>
      <c r="FQ14" s="114">
        <v>1083882</v>
      </c>
      <c r="FR14" s="114">
        <v>880240</v>
      </c>
      <c r="FS14" s="114">
        <v>617216</v>
      </c>
      <c r="FT14" s="114">
        <v>392720</v>
      </c>
      <c r="FU14" s="113">
        <v>3531050</v>
      </c>
      <c r="FV14" s="116">
        <v>3721906</v>
      </c>
      <c r="FW14" s="115">
        <v>47176</v>
      </c>
      <c r="FX14" s="114">
        <v>119920</v>
      </c>
      <c r="FY14" s="112">
        <v>167096</v>
      </c>
      <c r="FZ14" s="111">
        <v>0</v>
      </c>
      <c r="GA14" s="114">
        <v>402472</v>
      </c>
      <c r="GB14" s="114">
        <v>1042714</v>
      </c>
      <c r="GC14" s="114">
        <v>801136</v>
      </c>
      <c r="GD14" s="114">
        <v>617216</v>
      </c>
      <c r="GE14" s="114">
        <v>392720</v>
      </c>
      <c r="GF14" s="113">
        <v>3256258</v>
      </c>
      <c r="GG14" s="318">
        <v>3423354</v>
      </c>
      <c r="GH14" s="115">
        <v>0</v>
      </c>
      <c r="GI14" s="114">
        <v>23760</v>
      </c>
      <c r="GJ14" s="112">
        <v>23760</v>
      </c>
      <c r="GK14" s="111">
        <v>0</v>
      </c>
      <c r="GL14" s="114">
        <v>48840</v>
      </c>
      <c r="GM14" s="114">
        <v>11600</v>
      </c>
      <c r="GN14" s="114">
        <v>18304</v>
      </c>
      <c r="GO14" s="114">
        <v>0</v>
      </c>
      <c r="GP14" s="114">
        <v>0</v>
      </c>
      <c r="GQ14" s="113">
        <v>78744</v>
      </c>
      <c r="GR14" s="116">
        <v>102504</v>
      </c>
      <c r="GS14" s="110">
        <v>0</v>
      </c>
      <c r="GT14" s="114">
        <v>0</v>
      </c>
      <c r="GU14" s="113">
        <v>0</v>
      </c>
      <c r="GV14" s="110">
        <v>0</v>
      </c>
      <c r="GW14" s="114">
        <v>105680</v>
      </c>
      <c r="GX14" s="114">
        <v>29568</v>
      </c>
      <c r="GY14" s="114">
        <v>60800</v>
      </c>
      <c r="GZ14" s="114">
        <v>0</v>
      </c>
      <c r="HA14" s="114">
        <v>0</v>
      </c>
      <c r="HB14" s="112">
        <v>196048</v>
      </c>
      <c r="HC14" s="116">
        <v>196048</v>
      </c>
      <c r="HD14" s="110">
        <v>438489</v>
      </c>
      <c r="HE14" s="114">
        <v>202627</v>
      </c>
      <c r="HF14" s="112">
        <v>641116</v>
      </c>
      <c r="HG14" s="111">
        <v>0</v>
      </c>
      <c r="HH14" s="114">
        <v>1750208</v>
      </c>
      <c r="HI14" s="114">
        <v>1449740</v>
      </c>
      <c r="HJ14" s="114">
        <v>1653530</v>
      </c>
      <c r="HK14" s="114">
        <v>1355550</v>
      </c>
      <c r="HL14" s="114">
        <v>1750495</v>
      </c>
      <c r="HM14" s="113">
        <v>7959523</v>
      </c>
      <c r="HN14" s="109">
        <v>8600639</v>
      </c>
      <c r="HO14" s="328"/>
      <c r="HP14" s="329"/>
      <c r="HQ14" s="330"/>
      <c r="HR14" s="331"/>
      <c r="HS14" s="329"/>
      <c r="HT14" s="329"/>
      <c r="HU14" s="329"/>
      <c r="HV14" s="329"/>
      <c r="HW14" s="329"/>
      <c r="HX14" s="332"/>
      <c r="HY14" s="333"/>
      <c r="HZ14" s="131">
        <v>0</v>
      </c>
      <c r="IA14" s="132">
        <v>79588</v>
      </c>
      <c r="IB14" s="133">
        <v>79588</v>
      </c>
      <c r="IC14" s="134">
        <v>0</v>
      </c>
      <c r="ID14" s="135">
        <v>3032867</v>
      </c>
      <c r="IE14" s="136">
        <v>2502979</v>
      </c>
      <c r="IF14" s="137">
        <v>2713924</v>
      </c>
      <c r="IG14" s="135">
        <v>2628266</v>
      </c>
      <c r="IH14" s="137">
        <v>1113059</v>
      </c>
      <c r="II14" s="138">
        <v>11991095</v>
      </c>
      <c r="IJ14" s="139">
        <v>12070683</v>
      </c>
      <c r="IK14" s="232">
        <v>0</v>
      </c>
      <c r="IL14" s="236">
        <v>0</v>
      </c>
      <c r="IM14" s="237">
        <v>0</v>
      </c>
      <c r="IN14" s="140"/>
      <c r="IO14" s="119">
        <v>0</v>
      </c>
      <c r="IP14" s="119">
        <v>0</v>
      </c>
      <c r="IQ14" s="119">
        <v>0</v>
      </c>
      <c r="IR14" s="119">
        <v>457034</v>
      </c>
      <c r="IS14" s="119">
        <v>0</v>
      </c>
      <c r="IT14" s="141">
        <v>457034</v>
      </c>
      <c r="IU14" s="320">
        <v>457034</v>
      </c>
      <c r="IV14" s="142">
        <v>0</v>
      </c>
      <c r="IW14" s="119">
        <v>0</v>
      </c>
      <c r="IX14" s="120">
        <v>0</v>
      </c>
      <c r="IY14" s="144"/>
      <c r="IZ14" s="119">
        <v>0</v>
      </c>
      <c r="JA14" s="119">
        <v>0</v>
      </c>
      <c r="JB14" s="119">
        <v>0</v>
      </c>
      <c r="JC14" s="119">
        <v>0</v>
      </c>
      <c r="JD14" s="119">
        <v>0</v>
      </c>
      <c r="JE14" s="120">
        <v>0</v>
      </c>
      <c r="JF14" s="121">
        <v>0</v>
      </c>
      <c r="JG14" s="142">
        <v>0</v>
      </c>
      <c r="JH14" s="119">
        <v>0</v>
      </c>
      <c r="JI14" s="141">
        <v>0</v>
      </c>
      <c r="JJ14" s="118">
        <v>0</v>
      </c>
      <c r="JK14" s="119">
        <v>1406672</v>
      </c>
      <c r="JL14" s="119">
        <v>1328460</v>
      </c>
      <c r="JM14" s="119">
        <v>1029799</v>
      </c>
      <c r="JN14" s="119">
        <v>305647</v>
      </c>
      <c r="JO14" s="119">
        <v>295800</v>
      </c>
      <c r="JP14" s="120">
        <v>4366378</v>
      </c>
      <c r="JQ14" s="320">
        <v>4366378</v>
      </c>
      <c r="JR14" s="142">
        <v>0</v>
      </c>
      <c r="JS14" s="119">
        <v>0</v>
      </c>
      <c r="JT14" s="141">
        <v>0</v>
      </c>
      <c r="JU14" s="118">
        <v>0</v>
      </c>
      <c r="JV14" s="119">
        <v>0</v>
      </c>
      <c r="JW14" s="119">
        <v>0</v>
      </c>
      <c r="JX14" s="119">
        <v>0</v>
      </c>
      <c r="JY14" s="119">
        <v>0</v>
      </c>
      <c r="JZ14" s="119">
        <v>51390</v>
      </c>
      <c r="KA14" s="120">
        <v>51390</v>
      </c>
      <c r="KB14" s="320">
        <v>51390</v>
      </c>
      <c r="KC14" s="234">
        <v>0</v>
      </c>
      <c r="KD14" s="230">
        <v>79588</v>
      </c>
      <c r="KE14" s="120">
        <v>79588</v>
      </c>
      <c r="KF14" s="118">
        <v>0</v>
      </c>
      <c r="KG14" s="119">
        <v>236319</v>
      </c>
      <c r="KH14" s="119">
        <v>346156</v>
      </c>
      <c r="KI14" s="119">
        <v>474942</v>
      </c>
      <c r="KJ14" s="119">
        <v>450391</v>
      </c>
      <c r="KK14" s="119">
        <v>439157</v>
      </c>
      <c r="KL14" s="120">
        <v>1946965</v>
      </c>
      <c r="KM14" s="143">
        <v>2026553</v>
      </c>
      <c r="KN14" s="232">
        <v>0</v>
      </c>
      <c r="KO14" s="236">
        <v>0</v>
      </c>
      <c r="KP14" s="237">
        <v>0</v>
      </c>
      <c r="KQ14" s="140"/>
      <c r="KR14" s="119">
        <v>970740</v>
      </c>
      <c r="KS14" s="119">
        <v>828363</v>
      </c>
      <c r="KT14" s="119">
        <v>499835</v>
      </c>
      <c r="KU14" s="119">
        <v>412463</v>
      </c>
      <c r="KV14" s="119">
        <v>0</v>
      </c>
      <c r="KW14" s="120">
        <v>2711401</v>
      </c>
      <c r="KX14" s="320">
        <v>2711401</v>
      </c>
      <c r="KY14" s="142">
        <v>0</v>
      </c>
      <c r="KZ14" s="119">
        <v>0</v>
      </c>
      <c r="LA14" s="120">
        <v>0</v>
      </c>
      <c r="LB14" s="145"/>
      <c r="LC14" s="119">
        <v>0</v>
      </c>
      <c r="LD14" s="119">
        <v>0</v>
      </c>
      <c r="LE14" s="119">
        <v>196535</v>
      </c>
      <c r="LF14" s="119">
        <v>453544</v>
      </c>
      <c r="LG14" s="119">
        <v>0</v>
      </c>
      <c r="LH14" s="120">
        <v>650079</v>
      </c>
      <c r="LI14" s="121">
        <v>650079</v>
      </c>
      <c r="LJ14" s="142">
        <v>0</v>
      </c>
      <c r="LK14" s="119">
        <v>0</v>
      </c>
      <c r="LL14" s="120">
        <v>0</v>
      </c>
      <c r="LM14" s="145"/>
      <c r="LN14" s="119">
        <v>0</v>
      </c>
      <c r="LO14" s="119">
        <v>0</v>
      </c>
      <c r="LP14" s="119">
        <v>0</v>
      </c>
      <c r="LQ14" s="119">
        <v>248935</v>
      </c>
      <c r="LR14" s="119">
        <v>0</v>
      </c>
      <c r="LS14" s="120">
        <v>248935</v>
      </c>
      <c r="LT14" s="320">
        <v>248935</v>
      </c>
      <c r="LU14" s="142">
        <v>0</v>
      </c>
      <c r="LV14" s="119">
        <v>0</v>
      </c>
      <c r="LW14" s="120">
        <v>0</v>
      </c>
      <c r="LX14" s="145"/>
      <c r="LY14" s="119">
        <v>419136</v>
      </c>
      <c r="LZ14" s="119">
        <v>0</v>
      </c>
      <c r="MA14" s="119">
        <v>512813</v>
      </c>
      <c r="MB14" s="119">
        <v>300252</v>
      </c>
      <c r="MC14" s="119">
        <v>326712</v>
      </c>
      <c r="MD14" s="120">
        <v>1558913</v>
      </c>
      <c r="ME14" s="121">
        <v>1558913</v>
      </c>
      <c r="MF14" s="142">
        <v>0</v>
      </c>
      <c r="MG14" s="119">
        <v>0</v>
      </c>
      <c r="MH14" s="120">
        <v>0</v>
      </c>
      <c r="MI14" s="145"/>
      <c r="MJ14" s="119">
        <v>656776</v>
      </c>
      <c r="MK14" s="119">
        <v>1086832</v>
      </c>
      <c r="ML14" s="119">
        <v>4005907</v>
      </c>
      <c r="MM14" s="119">
        <v>5256904</v>
      </c>
      <c r="MN14" s="119">
        <v>2912470</v>
      </c>
      <c r="MO14" s="120">
        <v>13918889</v>
      </c>
      <c r="MP14" s="143">
        <v>13918889</v>
      </c>
      <c r="MQ14" s="142">
        <v>0</v>
      </c>
      <c r="MR14" s="119">
        <v>0</v>
      </c>
      <c r="MS14" s="120">
        <v>0</v>
      </c>
      <c r="MT14" s="145"/>
      <c r="MU14" s="119">
        <v>217501</v>
      </c>
      <c r="MV14" s="119">
        <v>-552</v>
      </c>
      <c r="MW14" s="119">
        <v>2245079</v>
      </c>
      <c r="MX14" s="119">
        <v>2522059</v>
      </c>
      <c r="MY14" s="119">
        <v>2291361</v>
      </c>
      <c r="MZ14" s="120">
        <v>7275448</v>
      </c>
      <c r="NA14" s="143">
        <v>7275448</v>
      </c>
      <c r="NB14" s="142">
        <v>0</v>
      </c>
      <c r="NC14" s="119">
        <v>0</v>
      </c>
      <c r="ND14" s="120">
        <v>0</v>
      </c>
      <c r="NE14" s="145"/>
      <c r="NF14" s="119">
        <v>439275</v>
      </c>
      <c r="NG14" s="119">
        <v>1087384</v>
      </c>
      <c r="NH14" s="119">
        <v>1760828</v>
      </c>
      <c r="NI14" s="119">
        <v>2137077</v>
      </c>
      <c r="NJ14" s="119">
        <v>621109</v>
      </c>
      <c r="NK14" s="120">
        <v>6045673</v>
      </c>
      <c r="NL14" s="320">
        <v>6045673</v>
      </c>
      <c r="NM14" s="142">
        <v>0</v>
      </c>
      <c r="NN14" s="119">
        <v>0</v>
      </c>
      <c r="NO14" s="120">
        <v>0</v>
      </c>
      <c r="NP14" s="145"/>
      <c r="NQ14" s="119">
        <v>0</v>
      </c>
      <c r="NR14" s="119">
        <v>0</v>
      </c>
      <c r="NS14" s="119">
        <v>0</v>
      </c>
      <c r="NT14" s="119">
        <v>0</v>
      </c>
      <c r="NU14" s="119">
        <v>0</v>
      </c>
      <c r="NV14" s="120">
        <v>0</v>
      </c>
      <c r="NW14" s="121">
        <v>0</v>
      </c>
      <c r="NX14" s="142">
        <v>0</v>
      </c>
      <c r="NY14" s="119">
        <v>0</v>
      </c>
      <c r="NZ14" s="120">
        <v>0</v>
      </c>
      <c r="OA14" s="145"/>
      <c r="OB14" s="119">
        <v>0</v>
      </c>
      <c r="OC14" s="119">
        <v>0</v>
      </c>
      <c r="OD14" s="119">
        <v>0</v>
      </c>
      <c r="OE14" s="119">
        <v>597768</v>
      </c>
      <c r="OF14" s="119">
        <v>0</v>
      </c>
      <c r="OG14" s="120">
        <v>597768</v>
      </c>
      <c r="OH14" s="121">
        <v>597768</v>
      </c>
      <c r="OI14" s="142">
        <v>903433</v>
      </c>
      <c r="OJ14" s="119">
        <v>783344</v>
      </c>
      <c r="OK14" s="141">
        <v>1686777</v>
      </c>
      <c r="OL14" s="118">
        <v>0</v>
      </c>
      <c r="OM14" s="119">
        <v>9813253</v>
      </c>
      <c r="ON14" s="119">
        <v>11971395</v>
      </c>
      <c r="OO14" s="119">
        <v>15835359</v>
      </c>
      <c r="OP14" s="119">
        <v>13877720</v>
      </c>
      <c r="OQ14" s="119">
        <v>8680183</v>
      </c>
      <c r="OR14" s="120">
        <v>60177910</v>
      </c>
      <c r="OS14" s="143">
        <v>61864687</v>
      </c>
    </row>
    <row r="15" spans="1:409" ht="21" customHeight="1" x14ac:dyDescent="0.2">
      <c r="B15" s="126" t="s">
        <v>9</v>
      </c>
      <c r="C15" s="110">
        <v>987954</v>
      </c>
      <c r="D15" s="114">
        <v>923415</v>
      </c>
      <c r="E15" s="113">
        <v>1911369</v>
      </c>
      <c r="F15" s="111">
        <v>0</v>
      </c>
      <c r="G15" s="114">
        <v>10254593</v>
      </c>
      <c r="H15" s="114">
        <v>11082624</v>
      </c>
      <c r="I15" s="114">
        <v>13974081</v>
      </c>
      <c r="J15" s="114">
        <v>10725611</v>
      </c>
      <c r="K15" s="114">
        <v>8112868</v>
      </c>
      <c r="L15" s="109">
        <v>54149777</v>
      </c>
      <c r="M15" s="116">
        <v>56061146</v>
      </c>
      <c r="N15" s="110">
        <v>254612</v>
      </c>
      <c r="O15" s="114">
        <v>278134</v>
      </c>
      <c r="P15" s="113">
        <v>532746</v>
      </c>
      <c r="Q15" s="110">
        <v>0</v>
      </c>
      <c r="R15" s="114">
        <v>3705873</v>
      </c>
      <c r="S15" s="114">
        <v>4295968</v>
      </c>
      <c r="T15" s="114">
        <v>6537584</v>
      </c>
      <c r="U15" s="114">
        <v>4641318</v>
      </c>
      <c r="V15" s="114">
        <v>4917914</v>
      </c>
      <c r="W15" s="113">
        <v>24098657</v>
      </c>
      <c r="X15" s="116">
        <v>24631403</v>
      </c>
      <c r="Y15" s="110">
        <v>0</v>
      </c>
      <c r="Z15" s="114">
        <v>0</v>
      </c>
      <c r="AA15" s="113">
        <v>0</v>
      </c>
      <c r="AB15" s="110">
        <v>0</v>
      </c>
      <c r="AC15" s="114">
        <v>1538430</v>
      </c>
      <c r="AD15" s="114">
        <v>2237043</v>
      </c>
      <c r="AE15" s="114">
        <v>4040183</v>
      </c>
      <c r="AF15" s="114">
        <v>2517709</v>
      </c>
      <c r="AG15" s="114">
        <v>2979531</v>
      </c>
      <c r="AH15" s="113">
        <v>13312896</v>
      </c>
      <c r="AI15" s="116">
        <v>13312896</v>
      </c>
      <c r="AJ15" s="110">
        <v>0</v>
      </c>
      <c r="AK15" s="114">
        <v>0</v>
      </c>
      <c r="AL15" s="113">
        <v>0</v>
      </c>
      <c r="AM15" s="110">
        <v>0</v>
      </c>
      <c r="AN15" s="114">
        <v>13993</v>
      </c>
      <c r="AO15" s="114">
        <v>0</v>
      </c>
      <c r="AP15" s="114">
        <v>109659</v>
      </c>
      <c r="AQ15" s="114">
        <v>316051</v>
      </c>
      <c r="AR15" s="114">
        <v>411616</v>
      </c>
      <c r="AS15" s="113">
        <v>851319</v>
      </c>
      <c r="AT15" s="116">
        <v>851319</v>
      </c>
      <c r="AU15" s="110">
        <v>56668</v>
      </c>
      <c r="AV15" s="114">
        <v>233134</v>
      </c>
      <c r="AW15" s="113">
        <v>289802</v>
      </c>
      <c r="AX15" s="110">
        <v>0</v>
      </c>
      <c r="AY15" s="114">
        <v>1433530</v>
      </c>
      <c r="AZ15" s="114">
        <v>1313846</v>
      </c>
      <c r="BA15" s="114">
        <v>1512608</v>
      </c>
      <c r="BB15" s="114">
        <v>1105802</v>
      </c>
      <c r="BC15" s="114">
        <v>905111</v>
      </c>
      <c r="BD15" s="113">
        <v>6270897</v>
      </c>
      <c r="BE15" s="116">
        <v>6560699</v>
      </c>
      <c r="BF15" s="110">
        <v>0</v>
      </c>
      <c r="BG15" s="114">
        <v>0</v>
      </c>
      <c r="BH15" s="112">
        <v>0</v>
      </c>
      <c r="BI15" s="111">
        <v>0</v>
      </c>
      <c r="BJ15" s="114">
        <v>0</v>
      </c>
      <c r="BK15" s="114">
        <v>161343</v>
      </c>
      <c r="BL15" s="114">
        <v>140606</v>
      </c>
      <c r="BM15" s="114">
        <v>240660</v>
      </c>
      <c r="BN15" s="114">
        <v>49400</v>
      </c>
      <c r="BO15" s="113">
        <v>592009</v>
      </c>
      <c r="BP15" s="116">
        <v>592009</v>
      </c>
      <c r="BQ15" s="110">
        <v>197944</v>
      </c>
      <c r="BR15" s="114">
        <v>45000</v>
      </c>
      <c r="BS15" s="113">
        <v>242944</v>
      </c>
      <c r="BT15" s="110">
        <v>0</v>
      </c>
      <c r="BU15" s="114">
        <v>719920</v>
      </c>
      <c r="BV15" s="114">
        <v>583736</v>
      </c>
      <c r="BW15" s="114">
        <v>734528</v>
      </c>
      <c r="BX15" s="114">
        <v>461096</v>
      </c>
      <c r="BY15" s="114">
        <v>572256</v>
      </c>
      <c r="BZ15" s="113">
        <v>3071536</v>
      </c>
      <c r="CA15" s="116">
        <v>3314480</v>
      </c>
      <c r="CB15" s="110">
        <v>21928</v>
      </c>
      <c r="CC15" s="114">
        <v>152952</v>
      </c>
      <c r="CD15" s="113">
        <v>174880</v>
      </c>
      <c r="CE15" s="110">
        <v>0</v>
      </c>
      <c r="CF15" s="114">
        <v>2426779</v>
      </c>
      <c r="CG15" s="114">
        <v>2568198</v>
      </c>
      <c r="CH15" s="114">
        <v>2942323</v>
      </c>
      <c r="CI15" s="114">
        <v>1577477</v>
      </c>
      <c r="CJ15" s="114">
        <v>638079</v>
      </c>
      <c r="CK15" s="113">
        <v>10152856</v>
      </c>
      <c r="CL15" s="116">
        <v>10327736</v>
      </c>
      <c r="CM15" s="110">
        <v>0</v>
      </c>
      <c r="CN15" s="114">
        <v>0</v>
      </c>
      <c r="CO15" s="113">
        <v>0</v>
      </c>
      <c r="CP15" s="111">
        <v>0</v>
      </c>
      <c r="CQ15" s="114">
        <v>1489285</v>
      </c>
      <c r="CR15" s="114">
        <v>1892888</v>
      </c>
      <c r="CS15" s="114">
        <v>2199868</v>
      </c>
      <c r="CT15" s="114">
        <v>1051120</v>
      </c>
      <c r="CU15" s="114">
        <v>486260</v>
      </c>
      <c r="CV15" s="113">
        <v>7119421</v>
      </c>
      <c r="CW15" s="116">
        <v>7119421</v>
      </c>
      <c r="CX15" s="110">
        <v>21928</v>
      </c>
      <c r="CY15" s="114">
        <v>152952</v>
      </c>
      <c r="CZ15" s="113">
        <v>174880</v>
      </c>
      <c r="DA15" s="110">
        <v>0</v>
      </c>
      <c r="DB15" s="114">
        <v>937494</v>
      </c>
      <c r="DC15" s="114">
        <v>675310</v>
      </c>
      <c r="DD15" s="114">
        <v>742455</v>
      </c>
      <c r="DE15" s="114">
        <v>526357</v>
      </c>
      <c r="DF15" s="114">
        <v>151819</v>
      </c>
      <c r="DG15" s="113">
        <v>3033435</v>
      </c>
      <c r="DH15" s="116">
        <v>3208315</v>
      </c>
      <c r="DI15" s="110">
        <v>0</v>
      </c>
      <c r="DJ15" s="114">
        <v>0</v>
      </c>
      <c r="DK15" s="112">
        <v>0</v>
      </c>
      <c r="DL15" s="111">
        <v>0</v>
      </c>
      <c r="DM15" s="114">
        <v>366668</v>
      </c>
      <c r="DN15" s="114">
        <v>415464</v>
      </c>
      <c r="DO15" s="114">
        <v>402476</v>
      </c>
      <c r="DP15" s="114">
        <v>931351</v>
      </c>
      <c r="DQ15" s="114">
        <v>113704</v>
      </c>
      <c r="DR15" s="113">
        <v>2229663</v>
      </c>
      <c r="DS15" s="116">
        <v>2229663</v>
      </c>
      <c r="DT15" s="110">
        <v>0</v>
      </c>
      <c r="DU15" s="114">
        <v>0</v>
      </c>
      <c r="DV15" s="113">
        <v>0</v>
      </c>
      <c r="DW15" s="110">
        <v>0</v>
      </c>
      <c r="DX15" s="114">
        <v>366668</v>
      </c>
      <c r="DY15" s="114">
        <v>343201</v>
      </c>
      <c r="DZ15" s="114">
        <v>380621</v>
      </c>
      <c r="EA15" s="114">
        <v>875098</v>
      </c>
      <c r="EB15" s="114">
        <v>113704</v>
      </c>
      <c r="EC15" s="113">
        <v>2079292</v>
      </c>
      <c r="ED15" s="116">
        <v>2079292</v>
      </c>
      <c r="EE15" s="110">
        <v>0</v>
      </c>
      <c r="EF15" s="112">
        <v>0</v>
      </c>
      <c r="EG15" s="113">
        <v>0</v>
      </c>
      <c r="EH15" s="110">
        <v>0</v>
      </c>
      <c r="EI15" s="114">
        <v>0</v>
      </c>
      <c r="EJ15" s="114">
        <v>72263</v>
      </c>
      <c r="EK15" s="114">
        <v>21855</v>
      </c>
      <c r="EL15" s="114">
        <v>56253</v>
      </c>
      <c r="EM15" s="114">
        <v>0</v>
      </c>
      <c r="EN15" s="112">
        <v>150371</v>
      </c>
      <c r="EO15" s="116">
        <v>150371</v>
      </c>
      <c r="EP15" s="110">
        <v>0</v>
      </c>
      <c r="EQ15" s="114">
        <v>0</v>
      </c>
      <c r="ER15" s="112">
        <v>0</v>
      </c>
      <c r="ES15" s="111">
        <v>0</v>
      </c>
      <c r="ET15" s="114">
        <v>0</v>
      </c>
      <c r="EU15" s="114">
        <v>0</v>
      </c>
      <c r="EV15" s="114">
        <v>0</v>
      </c>
      <c r="EW15" s="114">
        <v>0</v>
      </c>
      <c r="EX15" s="114">
        <v>0</v>
      </c>
      <c r="EY15" s="113">
        <v>0</v>
      </c>
      <c r="EZ15" s="116">
        <v>0</v>
      </c>
      <c r="FA15" s="110">
        <v>0</v>
      </c>
      <c r="FB15" s="114">
        <v>0</v>
      </c>
      <c r="FC15" s="112">
        <v>0</v>
      </c>
      <c r="FD15" s="347"/>
      <c r="FE15" s="114">
        <v>0</v>
      </c>
      <c r="FF15" s="114">
        <v>0</v>
      </c>
      <c r="FG15" s="114">
        <v>0</v>
      </c>
      <c r="FH15" s="114">
        <v>0</v>
      </c>
      <c r="FI15" s="114">
        <v>0</v>
      </c>
      <c r="FJ15" s="113">
        <v>0</v>
      </c>
      <c r="FK15" s="116">
        <v>0</v>
      </c>
      <c r="FL15" s="110">
        <v>206664</v>
      </c>
      <c r="FM15" s="114">
        <v>291184</v>
      </c>
      <c r="FN15" s="113">
        <v>497848</v>
      </c>
      <c r="FO15" s="110">
        <v>0</v>
      </c>
      <c r="FP15" s="114">
        <v>623507</v>
      </c>
      <c r="FQ15" s="114">
        <v>1102368</v>
      </c>
      <c r="FR15" s="114">
        <v>1162832</v>
      </c>
      <c r="FS15" s="114">
        <v>823368</v>
      </c>
      <c r="FT15" s="114">
        <v>621336</v>
      </c>
      <c r="FU15" s="113">
        <v>4333411</v>
      </c>
      <c r="FV15" s="116">
        <v>4831259</v>
      </c>
      <c r="FW15" s="115">
        <v>177624</v>
      </c>
      <c r="FX15" s="114">
        <v>129584</v>
      </c>
      <c r="FY15" s="112">
        <v>307208</v>
      </c>
      <c r="FZ15" s="111">
        <v>0</v>
      </c>
      <c r="GA15" s="114">
        <v>563016</v>
      </c>
      <c r="GB15" s="114">
        <v>978064</v>
      </c>
      <c r="GC15" s="114">
        <v>1143632</v>
      </c>
      <c r="GD15" s="114">
        <v>788768</v>
      </c>
      <c r="GE15" s="114">
        <v>621336</v>
      </c>
      <c r="GF15" s="113">
        <v>4094816</v>
      </c>
      <c r="GG15" s="318">
        <v>4402024</v>
      </c>
      <c r="GH15" s="115">
        <v>29040</v>
      </c>
      <c r="GI15" s="114">
        <v>0</v>
      </c>
      <c r="GJ15" s="112">
        <v>29040</v>
      </c>
      <c r="GK15" s="111">
        <v>0</v>
      </c>
      <c r="GL15" s="114">
        <v>42891</v>
      </c>
      <c r="GM15" s="114">
        <v>53504</v>
      </c>
      <c r="GN15" s="114">
        <v>0</v>
      </c>
      <c r="GO15" s="114">
        <v>15400</v>
      </c>
      <c r="GP15" s="114">
        <v>0</v>
      </c>
      <c r="GQ15" s="113">
        <v>111795</v>
      </c>
      <c r="GR15" s="116">
        <v>140835</v>
      </c>
      <c r="GS15" s="110">
        <v>0</v>
      </c>
      <c r="GT15" s="114">
        <v>161600</v>
      </c>
      <c r="GU15" s="113">
        <v>161600</v>
      </c>
      <c r="GV15" s="110">
        <v>0</v>
      </c>
      <c r="GW15" s="114">
        <v>17600</v>
      </c>
      <c r="GX15" s="114">
        <v>70800</v>
      </c>
      <c r="GY15" s="114">
        <v>19200</v>
      </c>
      <c r="GZ15" s="114">
        <v>19200</v>
      </c>
      <c r="HA15" s="114">
        <v>0</v>
      </c>
      <c r="HB15" s="112">
        <v>126800</v>
      </c>
      <c r="HC15" s="116">
        <v>288400</v>
      </c>
      <c r="HD15" s="110">
        <v>504750</v>
      </c>
      <c r="HE15" s="114">
        <v>201145</v>
      </c>
      <c r="HF15" s="112">
        <v>705895</v>
      </c>
      <c r="HG15" s="111">
        <v>0</v>
      </c>
      <c r="HH15" s="114">
        <v>3131766</v>
      </c>
      <c r="HI15" s="114">
        <v>2700626</v>
      </c>
      <c r="HJ15" s="114">
        <v>2928866</v>
      </c>
      <c r="HK15" s="114">
        <v>2752097</v>
      </c>
      <c r="HL15" s="114">
        <v>1821835</v>
      </c>
      <c r="HM15" s="113">
        <v>13335190</v>
      </c>
      <c r="HN15" s="109">
        <v>14041085</v>
      </c>
      <c r="HO15" s="328"/>
      <c r="HP15" s="329"/>
      <c r="HQ15" s="330"/>
      <c r="HR15" s="331"/>
      <c r="HS15" s="329"/>
      <c r="HT15" s="329"/>
      <c r="HU15" s="329"/>
      <c r="HV15" s="329"/>
      <c r="HW15" s="329"/>
      <c r="HX15" s="332"/>
      <c r="HY15" s="333"/>
      <c r="HZ15" s="128">
        <v>130452</v>
      </c>
      <c r="IA15" s="149">
        <v>0</v>
      </c>
      <c r="IB15" s="129">
        <v>130452</v>
      </c>
      <c r="IC15" s="146">
        <v>0</v>
      </c>
      <c r="ID15" s="132">
        <v>3191070</v>
      </c>
      <c r="IE15" s="147">
        <v>2340010</v>
      </c>
      <c r="IF15" s="133">
        <v>3771562</v>
      </c>
      <c r="IG15" s="132">
        <v>1190490</v>
      </c>
      <c r="IH15" s="133">
        <v>1900384</v>
      </c>
      <c r="II15" s="148">
        <v>12393516</v>
      </c>
      <c r="IJ15" s="130">
        <v>12523968</v>
      </c>
      <c r="IK15" s="232">
        <v>0</v>
      </c>
      <c r="IL15" s="236">
        <v>0</v>
      </c>
      <c r="IM15" s="237">
        <v>0</v>
      </c>
      <c r="IN15" s="140"/>
      <c r="IO15" s="119">
        <v>0</v>
      </c>
      <c r="IP15" s="119">
        <v>0</v>
      </c>
      <c r="IQ15" s="119">
        <v>0</v>
      </c>
      <c r="IR15" s="119">
        <v>0</v>
      </c>
      <c r="IS15" s="119">
        <v>102145</v>
      </c>
      <c r="IT15" s="141">
        <v>102145</v>
      </c>
      <c r="IU15" s="320">
        <v>102145</v>
      </c>
      <c r="IV15" s="142">
        <v>0</v>
      </c>
      <c r="IW15" s="119">
        <v>0</v>
      </c>
      <c r="IX15" s="120">
        <v>0</v>
      </c>
      <c r="IY15" s="144"/>
      <c r="IZ15" s="119">
        <v>0</v>
      </c>
      <c r="JA15" s="119">
        <v>0</v>
      </c>
      <c r="JB15" s="119">
        <v>0</v>
      </c>
      <c r="JC15" s="119">
        <v>0</v>
      </c>
      <c r="JD15" s="119">
        <v>0</v>
      </c>
      <c r="JE15" s="120">
        <v>0</v>
      </c>
      <c r="JF15" s="121">
        <v>0</v>
      </c>
      <c r="JG15" s="142">
        <v>0</v>
      </c>
      <c r="JH15" s="119">
        <v>0</v>
      </c>
      <c r="JI15" s="141">
        <v>0</v>
      </c>
      <c r="JJ15" s="118">
        <v>0</v>
      </c>
      <c r="JK15" s="119">
        <v>2030822</v>
      </c>
      <c r="JL15" s="119">
        <v>816258</v>
      </c>
      <c r="JM15" s="119">
        <v>1075390</v>
      </c>
      <c r="JN15" s="119">
        <v>617439</v>
      </c>
      <c r="JO15" s="119">
        <v>385623</v>
      </c>
      <c r="JP15" s="120">
        <v>4925532</v>
      </c>
      <c r="JQ15" s="320">
        <v>4925532</v>
      </c>
      <c r="JR15" s="142">
        <v>0</v>
      </c>
      <c r="JS15" s="119">
        <v>0</v>
      </c>
      <c r="JT15" s="141">
        <v>0</v>
      </c>
      <c r="JU15" s="118">
        <v>0</v>
      </c>
      <c r="JV15" s="119">
        <v>0</v>
      </c>
      <c r="JW15" s="119">
        <v>72871</v>
      </c>
      <c r="JX15" s="119">
        <v>121649</v>
      </c>
      <c r="JY15" s="119">
        <v>39377</v>
      </c>
      <c r="JZ15" s="119">
        <v>0</v>
      </c>
      <c r="KA15" s="120">
        <v>233897</v>
      </c>
      <c r="KB15" s="320">
        <v>233897</v>
      </c>
      <c r="KC15" s="234">
        <v>130452</v>
      </c>
      <c r="KD15" s="230">
        <v>0</v>
      </c>
      <c r="KE15" s="120">
        <v>130452</v>
      </c>
      <c r="KF15" s="118">
        <v>0</v>
      </c>
      <c r="KG15" s="119">
        <v>348195</v>
      </c>
      <c r="KH15" s="119">
        <v>328026</v>
      </c>
      <c r="KI15" s="119">
        <v>481769</v>
      </c>
      <c r="KJ15" s="119">
        <v>0</v>
      </c>
      <c r="KK15" s="119">
        <v>0</v>
      </c>
      <c r="KL15" s="120">
        <v>1157990</v>
      </c>
      <c r="KM15" s="143">
        <v>1288442</v>
      </c>
      <c r="KN15" s="232">
        <v>0</v>
      </c>
      <c r="KO15" s="236">
        <v>0</v>
      </c>
      <c r="KP15" s="237">
        <v>0</v>
      </c>
      <c r="KQ15" s="140"/>
      <c r="KR15" s="119">
        <v>485503</v>
      </c>
      <c r="KS15" s="119">
        <v>739813</v>
      </c>
      <c r="KT15" s="119">
        <v>1045234</v>
      </c>
      <c r="KU15" s="119">
        <v>533674</v>
      </c>
      <c r="KV15" s="119">
        <v>1412616</v>
      </c>
      <c r="KW15" s="120">
        <v>4216840</v>
      </c>
      <c r="KX15" s="320">
        <v>4216840</v>
      </c>
      <c r="KY15" s="142">
        <v>0</v>
      </c>
      <c r="KZ15" s="119">
        <v>0</v>
      </c>
      <c r="LA15" s="120">
        <v>0</v>
      </c>
      <c r="LB15" s="145"/>
      <c r="LC15" s="119">
        <v>326550</v>
      </c>
      <c r="LD15" s="119">
        <v>0</v>
      </c>
      <c r="LE15" s="119">
        <v>0</v>
      </c>
      <c r="LF15" s="119">
        <v>0</v>
      </c>
      <c r="LG15" s="119">
        <v>0</v>
      </c>
      <c r="LH15" s="120">
        <v>326550</v>
      </c>
      <c r="LI15" s="121">
        <v>326550</v>
      </c>
      <c r="LJ15" s="142">
        <v>0</v>
      </c>
      <c r="LK15" s="119">
        <v>0</v>
      </c>
      <c r="LL15" s="120">
        <v>0</v>
      </c>
      <c r="LM15" s="145"/>
      <c r="LN15" s="119">
        <v>0</v>
      </c>
      <c r="LO15" s="119">
        <v>0</v>
      </c>
      <c r="LP15" s="119">
        <v>0</v>
      </c>
      <c r="LQ15" s="119">
        <v>0</v>
      </c>
      <c r="LR15" s="119">
        <v>0</v>
      </c>
      <c r="LS15" s="120">
        <v>0</v>
      </c>
      <c r="LT15" s="320">
        <v>0</v>
      </c>
      <c r="LU15" s="142">
        <v>0</v>
      </c>
      <c r="LV15" s="119">
        <v>0</v>
      </c>
      <c r="LW15" s="120">
        <v>0</v>
      </c>
      <c r="LX15" s="145"/>
      <c r="LY15" s="119">
        <v>0</v>
      </c>
      <c r="LZ15" s="119">
        <v>383042</v>
      </c>
      <c r="MA15" s="119">
        <v>1047520</v>
      </c>
      <c r="MB15" s="119">
        <v>0</v>
      </c>
      <c r="MC15" s="119">
        <v>0</v>
      </c>
      <c r="MD15" s="120">
        <v>1430562</v>
      </c>
      <c r="ME15" s="121">
        <v>1430562</v>
      </c>
      <c r="MF15" s="142">
        <v>0</v>
      </c>
      <c r="MG15" s="119">
        <v>0</v>
      </c>
      <c r="MH15" s="120">
        <v>0</v>
      </c>
      <c r="MI15" s="145"/>
      <c r="MJ15" s="119">
        <v>556870</v>
      </c>
      <c r="MK15" s="119">
        <v>1412488</v>
      </c>
      <c r="ML15" s="119">
        <v>4666347</v>
      </c>
      <c r="MM15" s="119">
        <v>9264546</v>
      </c>
      <c r="MN15" s="119">
        <v>3929191</v>
      </c>
      <c r="MO15" s="120">
        <v>19829442</v>
      </c>
      <c r="MP15" s="143">
        <v>19829442</v>
      </c>
      <c r="MQ15" s="142">
        <v>0</v>
      </c>
      <c r="MR15" s="119">
        <v>0</v>
      </c>
      <c r="MS15" s="120">
        <v>0</v>
      </c>
      <c r="MT15" s="145"/>
      <c r="MU15" s="119">
        <v>0</v>
      </c>
      <c r="MV15" s="119">
        <v>0</v>
      </c>
      <c r="MW15" s="119">
        <v>3899302</v>
      </c>
      <c r="MX15" s="119">
        <v>6410576</v>
      </c>
      <c r="MY15" s="119">
        <v>3265662</v>
      </c>
      <c r="MZ15" s="120">
        <v>13575540</v>
      </c>
      <c r="NA15" s="143">
        <v>13575540</v>
      </c>
      <c r="NB15" s="142">
        <v>0</v>
      </c>
      <c r="NC15" s="119">
        <v>0</v>
      </c>
      <c r="ND15" s="120">
        <v>0</v>
      </c>
      <c r="NE15" s="145"/>
      <c r="NF15" s="119">
        <v>556870</v>
      </c>
      <c r="NG15" s="119">
        <v>1412488</v>
      </c>
      <c r="NH15" s="119">
        <v>767045</v>
      </c>
      <c r="NI15" s="119">
        <v>2504690</v>
      </c>
      <c r="NJ15" s="119">
        <v>663529</v>
      </c>
      <c r="NK15" s="120">
        <v>5904622</v>
      </c>
      <c r="NL15" s="320">
        <v>5904622</v>
      </c>
      <c r="NM15" s="142">
        <v>0</v>
      </c>
      <c r="NN15" s="119">
        <v>0</v>
      </c>
      <c r="NO15" s="120">
        <v>0</v>
      </c>
      <c r="NP15" s="145"/>
      <c r="NQ15" s="119">
        <v>0</v>
      </c>
      <c r="NR15" s="119">
        <v>0</v>
      </c>
      <c r="NS15" s="119">
        <v>0</v>
      </c>
      <c r="NT15" s="119">
        <v>0</v>
      </c>
      <c r="NU15" s="119">
        <v>0</v>
      </c>
      <c r="NV15" s="120">
        <v>0</v>
      </c>
      <c r="NW15" s="121">
        <v>0</v>
      </c>
      <c r="NX15" s="142">
        <v>0</v>
      </c>
      <c r="NY15" s="119">
        <v>0</v>
      </c>
      <c r="NZ15" s="120">
        <v>0</v>
      </c>
      <c r="OA15" s="145"/>
      <c r="OB15" s="119">
        <v>0</v>
      </c>
      <c r="OC15" s="119">
        <v>0</v>
      </c>
      <c r="OD15" s="119">
        <v>0</v>
      </c>
      <c r="OE15" s="119">
        <v>349280</v>
      </c>
      <c r="OF15" s="119">
        <v>0</v>
      </c>
      <c r="OG15" s="120">
        <v>349280</v>
      </c>
      <c r="OH15" s="121">
        <v>349280</v>
      </c>
      <c r="OI15" s="142">
        <v>1118406</v>
      </c>
      <c r="OJ15" s="119">
        <v>923415</v>
      </c>
      <c r="OK15" s="141">
        <v>2041821</v>
      </c>
      <c r="OL15" s="118">
        <v>0</v>
      </c>
      <c r="OM15" s="119">
        <v>14002533</v>
      </c>
      <c r="ON15" s="119">
        <v>14835122</v>
      </c>
      <c r="OO15" s="119">
        <v>22411990</v>
      </c>
      <c r="OP15" s="119">
        <v>21180647</v>
      </c>
      <c r="OQ15" s="119">
        <v>13942443</v>
      </c>
      <c r="OR15" s="120">
        <v>86372735</v>
      </c>
      <c r="OS15" s="143">
        <v>88414556</v>
      </c>
    </row>
    <row r="16" spans="1:409" ht="21" customHeight="1" x14ac:dyDescent="0.2">
      <c r="B16" s="126" t="s">
        <v>10</v>
      </c>
      <c r="C16" s="110">
        <v>1438857</v>
      </c>
      <c r="D16" s="114">
        <v>2059790</v>
      </c>
      <c r="E16" s="113">
        <v>3498647</v>
      </c>
      <c r="F16" s="172">
        <v>0</v>
      </c>
      <c r="G16" s="114">
        <v>19998084</v>
      </c>
      <c r="H16" s="114">
        <v>16269120</v>
      </c>
      <c r="I16" s="114">
        <v>13572286</v>
      </c>
      <c r="J16" s="114">
        <v>14766279</v>
      </c>
      <c r="K16" s="114">
        <v>7882605</v>
      </c>
      <c r="L16" s="109">
        <v>72488374</v>
      </c>
      <c r="M16" s="116">
        <v>75987021</v>
      </c>
      <c r="N16" s="110">
        <v>544973</v>
      </c>
      <c r="O16" s="114">
        <v>836070</v>
      </c>
      <c r="P16" s="113">
        <v>1381043</v>
      </c>
      <c r="Q16" s="110">
        <v>0</v>
      </c>
      <c r="R16" s="114">
        <v>7312118</v>
      </c>
      <c r="S16" s="114">
        <v>6023025</v>
      </c>
      <c r="T16" s="114">
        <v>4253768</v>
      </c>
      <c r="U16" s="114">
        <v>6437585</v>
      </c>
      <c r="V16" s="114">
        <v>4325255</v>
      </c>
      <c r="W16" s="113">
        <v>28351751</v>
      </c>
      <c r="X16" s="116">
        <v>29732794</v>
      </c>
      <c r="Y16" s="110">
        <v>0</v>
      </c>
      <c r="Z16" s="114">
        <v>0</v>
      </c>
      <c r="AA16" s="113">
        <v>0</v>
      </c>
      <c r="AB16" s="110">
        <v>0</v>
      </c>
      <c r="AC16" s="114">
        <v>3512578</v>
      </c>
      <c r="AD16" s="114">
        <v>3217404</v>
      </c>
      <c r="AE16" s="114">
        <v>2111168</v>
      </c>
      <c r="AF16" s="114">
        <v>3642732</v>
      </c>
      <c r="AG16" s="114">
        <v>2149857</v>
      </c>
      <c r="AH16" s="113">
        <v>14633739</v>
      </c>
      <c r="AI16" s="116">
        <v>14633739</v>
      </c>
      <c r="AJ16" s="110">
        <v>0</v>
      </c>
      <c r="AK16" s="114">
        <v>0</v>
      </c>
      <c r="AL16" s="113">
        <v>0</v>
      </c>
      <c r="AM16" s="110">
        <v>0</v>
      </c>
      <c r="AN16" s="114">
        <v>59220</v>
      </c>
      <c r="AO16" s="114">
        <v>25632</v>
      </c>
      <c r="AP16" s="114">
        <v>59219</v>
      </c>
      <c r="AQ16" s="114">
        <v>590474</v>
      </c>
      <c r="AR16" s="114">
        <v>642948</v>
      </c>
      <c r="AS16" s="113">
        <v>1377493</v>
      </c>
      <c r="AT16" s="116">
        <v>1377493</v>
      </c>
      <c r="AU16" s="110">
        <v>305480</v>
      </c>
      <c r="AV16" s="114">
        <v>554129</v>
      </c>
      <c r="AW16" s="113">
        <v>859609</v>
      </c>
      <c r="AX16" s="110">
        <v>0</v>
      </c>
      <c r="AY16" s="114">
        <v>2433221</v>
      </c>
      <c r="AZ16" s="114">
        <v>1608273</v>
      </c>
      <c r="BA16" s="114">
        <v>1302459</v>
      </c>
      <c r="BB16" s="114">
        <v>1202011</v>
      </c>
      <c r="BC16" s="114">
        <v>729453</v>
      </c>
      <c r="BD16" s="113">
        <v>7275417</v>
      </c>
      <c r="BE16" s="116">
        <v>8135026</v>
      </c>
      <c r="BF16" s="110">
        <v>26861</v>
      </c>
      <c r="BG16" s="114">
        <v>130509</v>
      </c>
      <c r="BH16" s="112">
        <v>157370</v>
      </c>
      <c r="BI16" s="111">
        <v>0</v>
      </c>
      <c r="BJ16" s="114">
        <v>246443</v>
      </c>
      <c r="BK16" s="114">
        <v>208036</v>
      </c>
      <c r="BL16" s="114">
        <v>68834</v>
      </c>
      <c r="BM16" s="114">
        <v>180160</v>
      </c>
      <c r="BN16" s="114">
        <v>178709</v>
      </c>
      <c r="BO16" s="113">
        <v>882182</v>
      </c>
      <c r="BP16" s="116">
        <v>1039552</v>
      </c>
      <c r="BQ16" s="110">
        <v>212632</v>
      </c>
      <c r="BR16" s="114">
        <v>151432</v>
      </c>
      <c r="BS16" s="113">
        <v>364064</v>
      </c>
      <c r="BT16" s="110">
        <v>0</v>
      </c>
      <c r="BU16" s="114">
        <v>1060656</v>
      </c>
      <c r="BV16" s="114">
        <v>963680</v>
      </c>
      <c r="BW16" s="114">
        <v>712088</v>
      </c>
      <c r="BX16" s="114">
        <v>822208</v>
      </c>
      <c r="BY16" s="114">
        <v>624288</v>
      </c>
      <c r="BZ16" s="113">
        <v>4182920</v>
      </c>
      <c r="CA16" s="116">
        <v>4546984</v>
      </c>
      <c r="CB16" s="110">
        <v>62791</v>
      </c>
      <c r="CC16" s="114">
        <v>160835</v>
      </c>
      <c r="CD16" s="113">
        <v>223626</v>
      </c>
      <c r="CE16" s="110">
        <v>0</v>
      </c>
      <c r="CF16" s="114">
        <v>6398078</v>
      </c>
      <c r="CG16" s="114">
        <v>4889681</v>
      </c>
      <c r="CH16" s="114">
        <v>3359106</v>
      </c>
      <c r="CI16" s="114">
        <v>1750860</v>
      </c>
      <c r="CJ16" s="114">
        <v>779793</v>
      </c>
      <c r="CK16" s="113">
        <v>17177518</v>
      </c>
      <c r="CL16" s="116">
        <v>17401144</v>
      </c>
      <c r="CM16" s="110">
        <v>0</v>
      </c>
      <c r="CN16" s="114">
        <v>0</v>
      </c>
      <c r="CO16" s="113">
        <v>0</v>
      </c>
      <c r="CP16" s="111">
        <v>0</v>
      </c>
      <c r="CQ16" s="114">
        <v>5246648</v>
      </c>
      <c r="CR16" s="114">
        <v>4215444</v>
      </c>
      <c r="CS16" s="114">
        <v>2812742</v>
      </c>
      <c r="CT16" s="114">
        <v>1437493</v>
      </c>
      <c r="CU16" s="114">
        <v>612629</v>
      </c>
      <c r="CV16" s="113">
        <v>14324956</v>
      </c>
      <c r="CW16" s="116">
        <v>14324956</v>
      </c>
      <c r="CX16" s="110">
        <v>62791</v>
      </c>
      <c r="CY16" s="114">
        <v>160835</v>
      </c>
      <c r="CZ16" s="113">
        <v>223626</v>
      </c>
      <c r="DA16" s="110">
        <v>0</v>
      </c>
      <c r="DB16" s="114">
        <v>1151430</v>
      </c>
      <c r="DC16" s="114">
        <v>674237</v>
      </c>
      <c r="DD16" s="114">
        <v>546364</v>
      </c>
      <c r="DE16" s="114">
        <v>313367</v>
      </c>
      <c r="DF16" s="114">
        <v>167164</v>
      </c>
      <c r="DG16" s="113">
        <v>2852562</v>
      </c>
      <c r="DH16" s="116">
        <v>3076188</v>
      </c>
      <c r="DI16" s="110">
        <v>0</v>
      </c>
      <c r="DJ16" s="114">
        <v>0</v>
      </c>
      <c r="DK16" s="112">
        <v>0</v>
      </c>
      <c r="DL16" s="111">
        <v>0</v>
      </c>
      <c r="DM16" s="114">
        <v>386962</v>
      </c>
      <c r="DN16" s="114">
        <v>632451</v>
      </c>
      <c r="DO16" s="114">
        <v>1732043</v>
      </c>
      <c r="DP16" s="114">
        <v>1706329</v>
      </c>
      <c r="DQ16" s="114">
        <v>65434</v>
      </c>
      <c r="DR16" s="113">
        <v>4523219</v>
      </c>
      <c r="DS16" s="116">
        <v>4523219</v>
      </c>
      <c r="DT16" s="110">
        <v>0</v>
      </c>
      <c r="DU16" s="114">
        <v>0</v>
      </c>
      <c r="DV16" s="113">
        <v>0</v>
      </c>
      <c r="DW16" s="110">
        <v>0</v>
      </c>
      <c r="DX16" s="114">
        <v>386962</v>
      </c>
      <c r="DY16" s="114">
        <v>554840</v>
      </c>
      <c r="DZ16" s="114">
        <v>1624604</v>
      </c>
      <c r="EA16" s="114">
        <v>1605247</v>
      </c>
      <c r="EB16" s="114">
        <v>65434</v>
      </c>
      <c r="EC16" s="113">
        <v>4237087</v>
      </c>
      <c r="ED16" s="116">
        <v>4237087</v>
      </c>
      <c r="EE16" s="110">
        <v>0</v>
      </c>
      <c r="EF16" s="112">
        <v>0</v>
      </c>
      <c r="EG16" s="113">
        <v>0</v>
      </c>
      <c r="EH16" s="110">
        <v>0</v>
      </c>
      <c r="EI16" s="114">
        <v>0</v>
      </c>
      <c r="EJ16" s="114">
        <v>77611</v>
      </c>
      <c r="EK16" s="114">
        <v>107439</v>
      </c>
      <c r="EL16" s="114">
        <v>101082</v>
      </c>
      <c r="EM16" s="114">
        <v>0</v>
      </c>
      <c r="EN16" s="112">
        <v>286132</v>
      </c>
      <c r="EO16" s="116">
        <v>286132</v>
      </c>
      <c r="EP16" s="110">
        <v>0</v>
      </c>
      <c r="EQ16" s="114">
        <v>0</v>
      </c>
      <c r="ER16" s="112">
        <v>0</v>
      </c>
      <c r="ES16" s="111">
        <v>0</v>
      </c>
      <c r="ET16" s="114">
        <v>0</v>
      </c>
      <c r="EU16" s="114">
        <v>0</v>
      </c>
      <c r="EV16" s="114">
        <v>0</v>
      </c>
      <c r="EW16" s="114">
        <v>0</v>
      </c>
      <c r="EX16" s="114">
        <v>0</v>
      </c>
      <c r="EY16" s="113">
        <v>0</v>
      </c>
      <c r="EZ16" s="116">
        <v>0</v>
      </c>
      <c r="FA16" s="110">
        <v>0</v>
      </c>
      <c r="FB16" s="114">
        <v>0</v>
      </c>
      <c r="FC16" s="112">
        <v>0</v>
      </c>
      <c r="FD16" s="347"/>
      <c r="FE16" s="114">
        <v>0</v>
      </c>
      <c r="FF16" s="114">
        <v>0</v>
      </c>
      <c r="FG16" s="114">
        <v>0</v>
      </c>
      <c r="FH16" s="114">
        <v>0</v>
      </c>
      <c r="FI16" s="114">
        <v>0</v>
      </c>
      <c r="FJ16" s="113">
        <v>0</v>
      </c>
      <c r="FK16" s="116">
        <v>0</v>
      </c>
      <c r="FL16" s="110">
        <v>319056</v>
      </c>
      <c r="FM16" s="114">
        <v>687573</v>
      </c>
      <c r="FN16" s="113">
        <v>1006629</v>
      </c>
      <c r="FO16" s="110">
        <v>0</v>
      </c>
      <c r="FP16" s="114">
        <v>1200961</v>
      </c>
      <c r="FQ16" s="114">
        <v>1335504</v>
      </c>
      <c r="FR16" s="114">
        <v>1149344</v>
      </c>
      <c r="FS16" s="114">
        <v>1652952</v>
      </c>
      <c r="FT16" s="114">
        <v>624784</v>
      </c>
      <c r="FU16" s="113">
        <v>5963545</v>
      </c>
      <c r="FV16" s="116">
        <v>6970174</v>
      </c>
      <c r="FW16" s="115">
        <v>266256</v>
      </c>
      <c r="FX16" s="114">
        <v>381552</v>
      </c>
      <c r="FY16" s="112">
        <v>647808</v>
      </c>
      <c r="FZ16" s="111">
        <v>0</v>
      </c>
      <c r="GA16" s="114">
        <v>885016</v>
      </c>
      <c r="GB16" s="114">
        <v>1322304</v>
      </c>
      <c r="GC16" s="114">
        <v>1128224</v>
      </c>
      <c r="GD16" s="114">
        <v>1468648</v>
      </c>
      <c r="GE16" s="114">
        <v>624784</v>
      </c>
      <c r="GF16" s="113">
        <v>5428976</v>
      </c>
      <c r="GG16" s="318">
        <v>6076784</v>
      </c>
      <c r="GH16" s="115">
        <v>14400</v>
      </c>
      <c r="GI16" s="114">
        <v>75785</v>
      </c>
      <c r="GJ16" s="112">
        <v>90185</v>
      </c>
      <c r="GK16" s="111">
        <v>0</v>
      </c>
      <c r="GL16" s="114">
        <v>119145</v>
      </c>
      <c r="GM16" s="114">
        <v>13200</v>
      </c>
      <c r="GN16" s="114">
        <v>21120</v>
      </c>
      <c r="GO16" s="114">
        <v>24304</v>
      </c>
      <c r="GP16" s="114">
        <v>0</v>
      </c>
      <c r="GQ16" s="113">
        <v>177769</v>
      </c>
      <c r="GR16" s="116">
        <v>267954</v>
      </c>
      <c r="GS16" s="110">
        <v>38400</v>
      </c>
      <c r="GT16" s="114">
        <v>230236</v>
      </c>
      <c r="GU16" s="113">
        <v>268636</v>
      </c>
      <c r="GV16" s="110">
        <v>0</v>
      </c>
      <c r="GW16" s="114">
        <v>196800</v>
      </c>
      <c r="GX16" s="114">
        <v>0</v>
      </c>
      <c r="GY16" s="114">
        <v>0</v>
      </c>
      <c r="GZ16" s="114">
        <v>160000</v>
      </c>
      <c r="HA16" s="114">
        <v>0</v>
      </c>
      <c r="HB16" s="112">
        <v>356800</v>
      </c>
      <c r="HC16" s="116">
        <v>625436</v>
      </c>
      <c r="HD16" s="110">
        <v>512037</v>
      </c>
      <c r="HE16" s="114">
        <v>375312</v>
      </c>
      <c r="HF16" s="112">
        <v>887349</v>
      </c>
      <c r="HG16" s="111">
        <v>0</v>
      </c>
      <c r="HH16" s="114">
        <v>4699965</v>
      </c>
      <c r="HI16" s="114">
        <v>3388459</v>
      </c>
      <c r="HJ16" s="114">
        <v>3078025</v>
      </c>
      <c r="HK16" s="114">
        <v>3218553</v>
      </c>
      <c r="HL16" s="114">
        <v>2087339</v>
      </c>
      <c r="HM16" s="113">
        <v>16472341</v>
      </c>
      <c r="HN16" s="109">
        <v>17359690</v>
      </c>
      <c r="HO16" s="328"/>
      <c r="HP16" s="329"/>
      <c r="HQ16" s="330"/>
      <c r="HR16" s="331"/>
      <c r="HS16" s="329"/>
      <c r="HT16" s="329"/>
      <c r="HU16" s="329"/>
      <c r="HV16" s="329"/>
      <c r="HW16" s="329"/>
      <c r="HX16" s="332"/>
      <c r="HY16" s="333"/>
      <c r="HZ16" s="150">
        <v>0</v>
      </c>
      <c r="IA16" s="135">
        <v>0</v>
      </c>
      <c r="IB16" s="150">
        <v>0</v>
      </c>
      <c r="IC16" s="134">
        <v>0</v>
      </c>
      <c r="ID16" s="135">
        <v>3461825</v>
      </c>
      <c r="IE16" s="136">
        <v>7184156</v>
      </c>
      <c r="IF16" s="137">
        <v>7257300</v>
      </c>
      <c r="IG16" s="135">
        <v>4783042</v>
      </c>
      <c r="IH16" s="137">
        <v>4286723</v>
      </c>
      <c r="II16" s="138">
        <v>26973046</v>
      </c>
      <c r="IJ16" s="150">
        <v>26973046</v>
      </c>
      <c r="IK16" s="232">
        <v>0</v>
      </c>
      <c r="IL16" s="236">
        <v>0</v>
      </c>
      <c r="IM16" s="237">
        <v>0</v>
      </c>
      <c r="IN16" s="140"/>
      <c r="IO16" s="119">
        <v>148168</v>
      </c>
      <c r="IP16" s="119">
        <v>230830</v>
      </c>
      <c r="IQ16" s="119">
        <v>390169</v>
      </c>
      <c r="IR16" s="119">
        <v>0</v>
      </c>
      <c r="IS16" s="119">
        <v>301905</v>
      </c>
      <c r="IT16" s="141">
        <v>1071072</v>
      </c>
      <c r="IU16" s="320">
        <v>1071072</v>
      </c>
      <c r="IV16" s="142">
        <v>0</v>
      </c>
      <c r="IW16" s="119">
        <v>0</v>
      </c>
      <c r="IX16" s="120">
        <v>0</v>
      </c>
      <c r="IY16" s="144"/>
      <c r="IZ16" s="119">
        <v>10692</v>
      </c>
      <c r="JA16" s="119">
        <v>10692</v>
      </c>
      <c r="JB16" s="119">
        <v>27749</v>
      </c>
      <c r="JC16" s="119">
        <v>44043</v>
      </c>
      <c r="JD16" s="119">
        <v>0</v>
      </c>
      <c r="JE16" s="120">
        <v>93176</v>
      </c>
      <c r="JF16" s="121">
        <v>93176</v>
      </c>
      <c r="JG16" s="142">
        <v>0</v>
      </c>
      <c r="JH16" s="119">
        <v>0</v>
      </c>
      <c r="JI16" s="141">
        <v>0</v>
      </c>
      <c r="JJ16" s="118">
        <v>0</v>
      </c>
      <c r="JK16" s="119">
        <v>1402962</v>
      </c>
      <c r="JL16" s="119">
        <v>1477484</v>
      </c>
      <c r="JM16" s="119">
        <v>553084</v>
      </c>
      <c r="JN16" s="119">
        <v>635574</v>
      </c>
      <c r="JO16" s="119">
        <v>51688</v>
      </c>
      <c r="JP16" s="120">
        <v>4120792</v>
      </c>
      <c r="JQ16" s="320">
        <v>4120792</v>
      </c>
      <c r="JR16" s="142">
        <v>0</v>
      </c>
      <c r="JS16" s="119">
        <v>0</v>
      </c>
      <c r="JT16" s="141">
        <v>0</v>
      </c>
      <c r="JU16" s="118">
        <v>0</v>
      </c>
      <c r="JV16" s="119">
        <v>282886</v>
      </c>
      <c r="JW16" s="119">
        <v>0</v>
      </c>
      <c r="JX16" s="119">
        <v>351758</v>
      </c>
      <c r="JY16" s="119">
        <v>129326</v>
      </c>
      <c r="JZ16" s="119">
        <v>190156</v>
      </c>
      <c r="KA16" s="120">
        <v>954126</v>
      </c>
      <c r="KB16" s="320">
        <v>954126</v>
      </c>
      <c r="KC16" s="234">
        <v>0</v>
      </c>
      <c r="KD16" s="230">
        <v>0</v>
      </c>
      <c r="KE16" s="120">
        <v>0</v>
      </c>
      <c r="KF16" s="118">
        <v>0</v>
      </c>
      <c r="KG16" s="119">
        <v>56676</v>
      </c>
      <c r="KH16" s="119">
        <v>1013319</v>
      </c>
      <c r="KI16" s="119">
        <v>1476209</v>
      </c>
      <c r="KJ16" s="119">
        <v>1066705</v>
      </c>
      <c r="KK16" s="119">
        <v>281492</v>
      </c>
      <c r="KL16" s="120">
        <v>3894401</v>
      </c>
      <c r="KM16" s="143">
        <v>3894401</v>
      </c>
      <c r="KN16" s="232">
        <v>0</v>
      </c>
      <c r="KO16" s="236">
        <v>0</v>
      </c>
      <c r="KP16" s="237">
        <v>0</v>
      </c>
      <c r="KQ16" s="140"/>
      <c r="KR16" s="119">
        <v>949786</v>
      </c>
      <c r="KS16" s="119">
        <v>2912092</v>
      </c>
      <c r="KT16" s="119">
        <v>1800276</v>
      </c>
      <c r="KU16" s="119">
        <v>1338888</v>
      </c>
      <c r="KV16" s="119">
        <v>1074411</v>
      </c>
      <c r="KW16" s="120">
        <v>8075453</v>
      </c>
      <c r="KX16" s="320">
        <v>8075453</v>
      </c>
      <c r="KY16" s="142">
        <v>0</v>
      </c>
      <c r="KZ16" s="119">
        <v>0</v>
      </c>
      <c r="LA16" s="120">
        <v>0</v>
      </c>
      <c r="LB16" s="145"/>
      <c r="LC16" s="119">
        <v>318120</v>
      </c>
      <c r="LD16" s="119">
        <v>711480</v>
      </c>
      <c r="LE16" s="119">
        <v>748489</v>
      </c>
      <c r="LF16" s="119">
        <v>0</v>
      </c>
      <c r="LG16" s="119">
        <v>948579</v>
      </c>
      <c r="LH16" s="120">
        <v>2726668</v>
      </c>
      <c r="LI16" s="121">
        <v>2726668</v>
      </c>
      <c r="LJ16" s="142">
        <v>0</v>
      </c>
      <c r="LK16" s="119">
        <v>0</v>
      </c>
      <c r="LL16" s="120">
        <v>0</v>
      </c>
      <c r="LM16" s="145"/>
      <c r="LN16" s="119">
        <v>0</v>
      </c>
      <c r="LO16" s="119">
        <v>212983</v>
      </c>
      <c r="LP16" s="119">
        <v>233877</v>
      </c>
      <c r="LQ16" s="119">
        <v>285549</v>
      </c>
      <c r="LR16" s="119">
        <v>1098012</v>
      </c>
      <c r="LS16" s="120">
        <v>1830421</v>
      </c>
      <c r="LT16" s="320">
        <v>1830421</v>
      </c>
      <c r="LU16" s="142">
        <v>0</v>
      </c>
      <c r="LV16" s="119">
        <v>0</v>
      </c>
      <c r="LW16" s="120">
        <v>0</v>
      </c>
      <c r="LX16" s="145"/>
      <c r="LY16" s="119">
        <v>292535</v>
      </c>
      <c r="LZ16" s="119">
        <v>615276</v>
      </c>
      <c r="MA16" s="119">
        <v>1675689</v>
      </c>
      <c r="MB16" s="119">
        <v>1282957</v>
      </c>
      <c r="MC16" s="119">
        <v>340480</v>
      </c>
      <c r="MD16" s="120">
        <v>4206937</v>
      </c>
      <c r="ME16" s="121">
        <v>4206937</v>
      </c>
      <c r="MF16" s="142">
        <v>0</v>
      </c>
      <c r="MG16" s="119">
        <v>0</v>
      </c>
      <c r="MH16" s="120">
        <v>0</v>
      </c>
      <c r="MI16" s="145"/>
      <c r="MJ16" s="119">
        <v>764145</v>
      </c>
      <c r="MK16" s="119">
        <v>1763866</v>
      </c>
      <c r="ML16" s="119">
        <v>8924276</v>
      </c>
      <c r="MM16" s="119">
        <v>13327429</v>
      </c>
      <c r="MN16" s="119">
        <v>8962162</v>
      </c>
      <c r="MO16" s="120">
        <v>33741878</v>
      </c>
      <c r="MP16" s="143">
        <v>33741878</v>
      </c>
      <c r="MQ16" s="142">
        <v>0</v>
      </c>
      <c r="MR16" s="119">
        <v>0</v>
      </c>
      <c r="MS16" s="120">
        <v>0</v>
      </c>
      <c r="MT16" s="145"/>
      <c r="MU16" s="119">
        <v>215310</v>
      </c>
      <c r="MV16" s="119">
        <v>0</v>
      </c>
      <c r="MW16" s="119">
        <v>5623944</v>
      </c>
      <c r="MX16" s="119">
        <v>9222174</v>
      </c>
      <c r="MY16" s="119">
        <v>6248109</v>
      </c>
      <c r="MZ16" s="120">
        <v>21309537</v>
      </c>
      <c r="NA16" s="143">
        <v>21309537</v>
      </c>
      <c r="NB16" s="142">
        <v>0</v>
      </c>
      <c r="NC16" s="119">
        <v>0</v>
      </c>
      <c r="ND16" s="120">
        <v>0</v>
      </c>
      <c r="NE16" s="145"/>
      <c r="NF16" s="119">
        <v>548835</v>
      </c>
      <c r="NG16" s="119">
        <v>1763866</v>
      </c>
      <c r="NH16" s="119">
        <v>3300332</v>
      </c>
      <c r="NI16" s="119">
        <v>4105255</v>
      </c>
      <c r="NJ16" s="119">
        <v>1958444</v>
      </c>
      <c r="NK16" s="120">
        <v>11676732</v>
      </c>
      <c r="NL16" s="320">
        <v>11676732</v>
      </c>
      <c r="NM16" s="142">
        <v>0</v>
      </c>
      <c r="NN16" s="119">
        <v>0</v>
      </c>
      <c r="NO16" s="120">
        <v>0</v>
      </c>
      <c r="NP16" s="145"/>
      <c r="NQ16" s="119">
        <v>0</v>
      </c>
      <c r="NR16" s="119">
        <v>0</v>
      </c>
      <c r="NS16" s="119">
        <v>0</v>
      </c>
      <c r="NT16" s="119">
        <v>0</v>
      </c>
      <c r="NU16" s="119">
        <v>0</v>
      </c>
      <c r="NV16" s="120">
        <v>0</v>
      </c>
      <c r="NW16" s="121">
        <v>0</v>
      </c>
      <c r="NX16" s="142">
        <v>0</v>
      </c>
      <c r="NY16" s="119">
        <v>0</v>
      </c>
      <c r="NZ16" s="120">
        <v>0</v>
      </c>
      <c r="OA16" s="145"/>
      <c r="OB16" s="119">
        <v>0</v>
      </c>
      <c r="OC16" s="119">
        <v>0</v>
      </c>
      <c r="OD16" s="119">
        <v>0</v>
      </c>
      <c r="OE16" s="119">
        <v>0</v>
      </c>
      <c r="OF16" s="119">
        <v>755609</v>
      </c>
      <c r="OG16" s="120">
        <v>755609</v>
      </c>
      <c r="OH16" s="121">
        <v>755609</v>
      </c>
      <c r="OI16" s="142">
        <v>1438857</v>
      </c>
      <c r="OJ16" s="119">
        <v>2059790</v>
      </c>
      <c r="OK16" s="141">
        <v>3498647</v>
      </c>
      <c r="OL16" s="118">
        <v>0</v>
      </c>
      <c r="OM16" s="119">
        <v>24224054</v>
      </c>
      <c r="ON16" s="119">
        <v>25217142</v>
      </c>
      <c r="OO16" s="119">
        <v>29753862</v>
      </c>
      <c r="OP16" s="119">
        <v>32876750</v>
      </c>
      <c r="OQ16" s="119">
        <v>21131490</v>
      </c>
      <c r="OR16" s="120">
        <v>133203298</v>
      </c>
      <c r="OS16" s="143">
        <v>136701945</v>
      </c>
    </row>
    <row r="17" spans="2:409" ht="21" customHeight="1" x14ac:dyDescent="0.2">
      <c r="B17" s="126" t="s">
        <v>11</v>
      </c>
      <c r="C17" s="110">
        <v>384537</v>
      </c>
      <c r="D17" s="114">
        <v>770057</v>
      </c>
      <c r="E17" s="171">
        <v>1154594</v>
      </c>
      <c r="F17" s="111">
        <v>0</v>
      </c>
      <c r="G17" s="114">
        <v>7788544</v>
      </c>
      <c r="H17" s="114">
        <v>6793852</v>
      </c>
      <c r="I17" s="114">
        <v>6380635</v>
      </c>
      <c r="J17" s="114">
        <v>7483028</v>
      </c>
      <c r="K17" s="114">
        <v>3506563</v>
      </c>
      <c r="L17" s="109">
        <v>31952622</v>
      </c>
      <c r="M17" s="116">
        <v>33107216</v>
      </c>
      <c r="N17" s="110">
        <v>120615</v>
      </c>
      <c r="O17" s="114">
        <v>259087</v>
      </c>
      <c r="P17" s="113">
        <v>379702</v>
      </c>
      <c r="Q17" s="110">
        <v>0</v>
      </c>
      <c r="R17" s="114">
        <v>1674094</v>
      </c>
      <c r="S17" s="114">
        <v>1931763</v>
      </c>
      <c r="T17" s="114">
        <v>1803494</v>
      </c>
      <c r="U17" s="114">
        <v>2465607</v>
      </c>
      <c r="V17" s="114">
        <v>2383843</v>
      </c>
      <c r="W17" s="113">
        <v>10258801</v>
      </c>
      <c r="X17" s="116">
        <v>10638503</v>
      </c>
      <c r="Y17" s="110">
        <v>0</v>
      </c>
      <c r="Z17" s="114">
        <v>0</v>
      </c>
      <c r="AA17" s="113">
        <v>0</v>
      </c>
      <c r="AB17" s="110">
        <v>0</v>
      </c>
      <c r="AC17" s="114">
        <v>407566</v>
      </c>
      <c r="AD17" s="114">
        <v>705099</v>
      </c>
      <c r="AE17" s="114">
        <v>1223459</v>
      </c>
      <c r="AF17" s="114">
        <v>1123542</v>
      </c>
      <c r="AG17" s="114">
        <v>1293441</v>
      </c>
      <c r="AH17" s="113">
        <v>4753107</v>
      </c>
      <c r="AI17" s="116">
        <v>4753107</v>
      </c>
      <c r="AJ17" s="110">
        <v>0</v>
      </c>
      <c r="AK17" s="114">
        <v>0</v>
      </c>
      <c r="AL17" s="113">
        <v>0</v>
      </c>
      <c r="AM17" s="110">
        <v>0</v>
      </c>
      <c r="AN17" s="114">
        <v>0</v>
      </c>
      <c r="AO17" s="114">
        <v>72834</v>
      </c>
      <c r="AP17" s="114">
        <v>92242</v>
      </c>
      <c r="AQ17" s="114">
        <v>218809</v>
      </c>
      <c r="AR17" s="114">
        <v>425746</v>
      </c>
      <c r="AS17" s="113">
        <v>809631</v>
      </c>
      <c r="AT17" s="116">
        <v>809631</v>
      </c>
      <c r="AU17" s="110">
        <v>100831</v>
      </c>
      <c r="AV17" s="114">
        <v>170636</v>
      </c>
      <c r="AW17" s="113">
        <v>271467</v>
      </c>
      <c r="AX17" s="110">
        <v>0</v>
      </c>
      <c r="AY17" s="114">
        <v>843374</v>
      </c>
      <c r="AZ17" s="114">
        <v>811840</v>
      </c>
      <c r="BA17" s="114">
        <v>269177</v>
      </c>
      <c r="BB17" s="114">
        <v>685506</v>
      </c>
      <c r="BC17" s="114">
        <v>476912</v>
      </c>
      <c r="BD17" s="113">
        <v>3086809</v>
      </c>
      <c r="BE17" s="116">
        <v>3358276</v>
      </c>
      <c r="BF17" s="110">
        <v>0</v>
      </c>
      <c r="BG17" s="114">
        <v>50499</v>
      </c>
      <c r="BH17" s="112">
        <v>50499</v>
      </c>
      <c r="BI17" s="111">
        <v>0</v>
      </c>
      <c r="BJ17" s="114">
        <v>69234</v>
      </c>
      <c r="BK17" s="114">
        <v>41862</v>
      </c>
      <c r="BL17" s="114">
        <v>0</v>
      </c>
      <c r="BM17" s="114">
        <v>185286</v>
      </c>
      <c r="BN17" s="114">
        <v>0</v>
      </c>
      <c r="BO17" s="113">
        <v>296382</v>
      </c>
      <c r="BP17" s="116">
        <v>346881</v>
      </c>
      <c r="BQ17" s="110">
        <v>19784</v>
      </c>
      <c r="BR17" s="114">
        <v>37952</v>
      </c>
      <c r="BS17" s="113">
        <v>57736</v>
      </c>
      <c r="BT17" s="110">
        <v>0</v>
      </c>
      <c r="BU17" s="114">
        <v>353920</v>
      </c>
      <c r="BV17" s="114">
        <v>300128</v>
      </c>
      <c r="BW17" s="114">
        <v>218616</v>
      </c>
      <c r="BX17" s="114">
        <v>252464</v>
      </c>
      <c r="BY17" s="114">
        <v>187744</v>
      </c>
      <c r="BZ17" s="113">
        <v>1312872</v>
      </c>
      <c r="CA17" s="116">
        <v>1370608</v>
      </c>
      <c r="CB17" s="110">
        <v>104679</v>
      </c>
      <c r="CC17" s="114">
        <v>109352</v>
      </c>
      <c r="CD17" s="113">
        <v>214031</v>
      </c>
      <c r="CE17" s="110">
        <v>0</v>
      </c>
      <c r="CF17" s="114">
        <v>2447435</v>
      </c>
      <c r="CG17" s="114">
        <v>1770938</v>
      </c>
      <c r="CH17" s="114">
        <v>2041546</v>
      </c>
      <c r="CI17" s="114">
        <v>1567722</v>
      </c>
      <c r="CJ17" s="114">
        <v>195066</v>
      </c>
      <c r="CK17" s="113">
        <v>8022707</v>
      </c>
      <c r="CL17" s="116">
        <v>8236738</v>
      </c>
      <c r="CM17" s="110">
        <v>0</v>
      </c>
      <c r="CN17" s="114">
        <v>0</v>
      </c>
      <c r="CO17" s="113">
        <v>0</v>
      </c>
      <c r="CP17" s="111">
        <v>0</v>
      </c>
      <c r="CQ17" s="114">
        <v>1591618</v>
      </c>
      <c r="CR17" s="114">
        <v>1305047</v>
      </c>
      <c r="CS17" s="114">
        <v>1782239</v>
      </c>
      <c r="CT17" s="114">
        <v>874341</v>
      </c>
      <c r="CU17" s="114">
        <v>144418</v>
      </c>
      <c r="CV17" s="113">
        <v>5697663</v>
      </c>
      <c r="CW17" s="116">
        <v>5697663</v>
      </c>
      <c r="CX17" s="110">
        <v>104679</v>
      </c>
      <c r="CY17" s="114">
        <v>109352</v>
      </c>
      <c r="CZ17" s="113">
        <v>214031</v>
      </c>
      <c r="DA17" s="110">
        <v>0</v>
      </c>
      <c r="DB17" s="114">
        <v>855817</v>
      </c>
      <c r="DC17" s="114">
        <v>465891</v>
      </c>
      <c r="DD17" s="114">
        <v>259307</v>
      </c>
      <c r="DE17" s="114">
        <v>693381</v>
      </c>
      <c r="DF17" s="114">
        <v>50648</v>
      </c>
      <c r="DG17" s="113">
        <v>2325044</v>
      </c>
      <c r="DH17" s="116">
        <v>2539075</v>
      </c>
      <c r="DI17" s="110">
        <v>0</v>
      </c>
      <c r="DJ17" s="114">
        <v>0</v>
      </c>
      <c r="DK17" s="112">
        <v>0</v>
      </c>
      <c r="DL17" s="111">
        <v>0</v>
      </c>
      <c r="DM17" s="114">
        <v>345790</v>
      </c>
      <c r="DN17" s="114">
        <v>452690</v>
      </c>
      <c r="DO17" s="114">
        <v>358258</v>
      </c>
      <c r="DP17" s="114">
        <v>355036</v>
      </c>
      <c r="DQ17" s="114">
        <v>0</v>
      </c>
      <c r="DR17" s="113">
        <v>1511774</v>
      </c>
      <c r="DS17" s="116">
        <v>1511774</v>
      </c>
      <c r="DT17" s="110">
        <v>0</v>
      </c>
      <c r="DU17" s="114">
        <v>0</v>
      </c>
      <c r="DV17" s="113">
        <v>0</v>
      </c>
      <c r="DW17" s="110">
        <v>0</v>
      </c>
      <c r="DX17" s="114">
        <v>345790</v>
      </c>
      <c r="DY17" s="114">
        <v>357378</v>
      </c>
      <c r="DZ17" s="114">
        <v>358258</v>
      </c>
      <c r="EA17" s="114">
        <v>355036</v>
      </c>
      <c r="EB17" s="114">
        <v>0</v>
      </c>
      <c r="EC17" s="113">
        <v>1416462</v>
      </c>
      <c r="ED17" s="116">
        <v>1416462</v>
      </c>
      <c r="EE17" s="110">
        <v>0</v>
      </c>
      <c r="EF17" s="112">
        <v>0</v>
      </c>
      <c r="EG17" s="113">
        <v>0</v>
      </c>
      <c r="EH17" s="110">
        <v>0</v>
      </c>
      <c r="EI17" s="114">
        <v>0</v>
      </c>
      <c r="EJ17" s="114">
        <v>95312</v>
      </c>
      <c r="EK17" s="114">
        <v>0</v>
      </c>
      <c r="EL17" s="114">
        <v>0</v>
      </c>
      <c r="EM17" s="114">
        <v>0</v>
      </c>
      <c r="EN17" s="112">
        <v>95312</v>
      </c>
      <c r="EO17" s="116">
        <v>95312</v>
      </c>
      <c r="EP17" s="110">
        <v>0</v>
      </c>
      <c r="EQ17" s="114">
        <v>0</v>
      </c>
      <c r="ER17" s="112">
        <v>0</v>
      </c>
      <c r="ES17" s="111">
        <v>0</v>
      </c>
      <c r="ET17" s="114">
        <v>0</v>
      </c>
      <c r="EU17" s="114">
        <v>0</v>
      </c>
      <c r="EV17" s="114">
        <v>0</v>
      </c>
      <c r="EW17" s="114">
        <v>0</v>
      </c>
      <c r="EX17" s="114">
        <v>0</v>
      </c>
      <c r="EY17" s="113">
        <v>0</v>
      </c>
      <c r="EZ17" s="116">
        <v>0</v>
      </c>
      <c r="FA17" s="110">
        <v>0</v>
      </c>
      <c r="FB17" s="114">
        <v>0</v>
      </c>
      <c r="FC17" s="112">
        <v>0</v>
      </c>
      <c r="FD17" s="347"/>
      <c r="FE17" s="114">
        <v>0</v>
      </c>
      <c r="FF17" s="114">
        <v>0</v>
      </c>
      <c r="FG17" s="114">
        <v>0</v>
      </c>
      <c r="FH17" s="114">
        <v>0</v>
      </c>
      <c r="FI17" s="114">
        <v>0</v>
      </c>
      <c r="FJ17" s="113">
        <v>0</v>
      </c>
      <c r="FK17" s="116">
        <v>0</v>
      </c>
      <c r="FL17" s="110">
        <v>66800</v>
      </c>
      <c r="FM17" s="114">
        <v>201488</v>
      </c>
      <c r="FN17" s="113">
        <v>268288</v>
      </c>
      <c r="FO17" s="110">
        <v>0</v>
      </c>
      <c r="FP17" s="114">
        <v>263504</v>
      </c>
      <c r="FQ17" s="114">
        <v>592456</v>
      </c>
      <c r="FR17" s="114">
        <v>516872</v>
      </c>
      <c r="FS17" s="114">
        <v>617720</v>
      </c>
      <c r="FT17" s="114">
        <v>214256</v>
      </c>
      <c r="FU17" s="113">
        <v>2204808</v>
      </c>
      <c r="FV17" s="116">
        <v>2473096</v>
      </c>
      <c r="FW17" s="115">
        <v>66800</v>
      </c>
      <c r="FX17" s="114">
        <v>201488</v>
      </c>
      <c r="FY17" s="112">
        <v>268288</v>
      </c>
      <c r="FZ17" s="111">
        <v>0</v>
      </c>
      <c r="GA17" s="114">
        <v>263504</v>
      </c>
      <c r="GB17" s="114">
        <v>592456</v>
      </c>
      <c r="GC17" s="114">
        <v>516872</v>
      </c>
      <c r="GD17" s="114">
        <v>617720</v>
      </c>
      <c r="GE17" s="114">
        <v>214256</v>
      </c>
      <c r="GF17" s="113">
        <v>2204808</v>
      </c>
      <c r="GG17" s="318">
        <v>2473096</v>
      </c>
      <c r="GH17" s="115">
        <v>0</v>
      </c>
      <c r="GI17" s="114">
        <v>0</v>
      </c>
      <c r="GJ17" s="112">
        <v>0</v>
      </c>
      <c r="GK17" s="111">
        <v>0</v>
      </c>
      <c r="GL17" s="114">
        <v>0</v>
      </c>
      <c r="GM17" s="114">
        <v>0</v>
      </c>
      <c r="GN17" s="114">
        <v>0</v>
      </c>
      <c r="GO17" s="114">
        <v>0</v>
      </c>
      <c r="GP17" s="114">
        <v>0</v>
      </c>
      <c r="GQ17" s="113">
        <v>0</v>
      </c>
      <c r="GR17" s="116">
        <v>0</v>
      </c>
      <c r="GS17" s="110">
        <v>0</v>
      </c>
      <c r="GT17" s="114">
        <v>0</v>
      </c>
      <c r="GU17" s="113">
        <v>0</v>
      </c>
      <c r="GV17" s="110">
        <v>0</v>
      </c>
      <c r="GW17" s="114">
        <v>0</v>
      </c>
      <c r="GX17" s="114">
        <v>0</v>
      </c>
      <c r="GY17" s="114">
        <v>0</v>
      </c>
      <c r="GZ17" s="114">
        <v>0</v>
      </c>
      <c r="HA17" s="114">
        <v>0</v>
      </c>
      <c r="HB17" s="112">
        <v>0</v>
      </c>
      <c r="HC17" s="116">
        <v>0</v>
      </c>
      <c r="HD17" s="110">
        <v>92443</v>
      </c>
      <c r="HE17" s="114">
        <v>200130</v>
      </c>
      <c r="HF17" s="112">
        <v>292573</v>
      </c>
      <c r="HG17" s="111">
        <v>0</v>
      </c>
      <c r="HH17" s="114">
        <v>3057721</v>
      </c>
      <c r="HI17" s="114">
        <v>2046005</v>
      </c>
      <c r="HJ17" s="114">
        <v>1660465</v>
      </c>
      <c r="HK17" s="114">
        <v>2476943</v>
      </c>
      <c r="HL17" s="114">
        <v>713398</v>
      </c>
      <c r="HM17" s="113">
        <v>9954532</v>
      </c>
      <c r="HN17" s="109">
        <v>10247105</v>
      </c>
      <c r="HO17" s="328"/>
      <c r="HP17" s="329"/>
      <c r="HQ17" s="330"/>
      <c r="HR17" s="331"/>
      <c r="HS17" s="329"/>
      <c r="HT17" s="329"/>
      <c r="HU17" s="329"/>
      <c r="HV17" s="329"/>
      <c r="HW17" s="329"/>
      <c r="HX17" s="332"/>
      <c r="HY17" s="333"/>
      <c r="HZ17" s="131">
        <v>0</v>
      </c>
      <c r="IA17" s="132">
        <v>0</v>
      </c>
      <c r="IB17" s="133">
        <v>0</v>
      </c>
      <c r="IC17" s="146">
        <v>0</v>
      </c>
      <c r="ID17" s="132">
        <v>1024238</v>
      </c>
      <c r="IE17" s="147">
        <v>1635483</v>
      </c>
      <c r="IF17" s="133">
        <v>2229337</v>
      </c>
      <c r="IG17" s="132">
        <v>1909439</v>
      </c>
      <c r="IH17" s="133">
        <v>347968</v>
      </c>
      <c r="II17" s="148">
        <v>7146465</v>
      </c>
      <c r="IJ17" s="139">
        <v>7146465</v>
      </c>
      <c r="IK17" s="232">
        <v>0</v>
      </c>
      <c r="IL17" s="236">
        <v>0</v>
      </c>
      <c r="IM17" s="237">
        <v>0</v>
      </c>
      <c r="IN17" s="140"/>
      <c r="IO17" s="119">
        <v>75430</v>
      </c>
      <c r="IP17" s="119">
        <v>124872</v>
      </c>
      <c r="IQ17" s="119">
        <v>333916</v>
      </c>
      <c r="IR17" s="119">
        <v>0</v>
      </c>
      <c r="IS17" s="119">
        <v>0</v>
      </c>
      <c r="IT17" s="141">
        <v>534218</v>
      </c>
      <c r="IU17" s="320">
        <v>534218</v>
      </c>
      <c r="IV17" s="142">
        <v>0</v>
      </c>
      <c r="IW17" s="119">
        <v>0</v>
      </c>
      <c r="IX17" s="120">
        <v>0</v>
      </c>
      <c r="IY17" s="144"/>
      <c r="IZ17" s="119">
        <v>0</v>
      </c>
      <c r="JA17" s="119">
        <v>0</v>
      </c>
      <c r="JB17" s="119">
        <v>0</v>
      </c>
      <c r="JC17" s="119">
        <v>16836</v>
      </c>
      <c r="JD17" s="119">
        <v>0</v>
      </c>
      <c r="JE17" s="120">
        <v>16836</v>
      </c>
      <c r="JF17" s="121">
        <v>16836</v>
      </c>
      <c r="JG17" s="142">
        <v>0</v>
      </c>
      <c r="JH17" s="119">
        <v>0</v>
      </c>
      <c r="JI17" s="141">
        <v>0</v>
      </c>
      <c r="JJ17" s="118">
        <v>0</v>
      </c>
      <c r="JK17" s="119">
        <v>709722</v>
      </c>
      <c r="JL17" s="119">
        <v>358730</v>
      </c>
      <c r="JM17" s="119">
        <v>459099</v>
      </c>
      <c r="JN17" s="119">
        <v>560257</v>
      </c>
      <c r="JO17" s="119">
        <v>71512</v>
      </c>
      <c r="JP17" s="120">
        <v>2159320</v>
      </c>
      <c r="JQ17" s="320">
        <v>2159320</v>
      </c>
      <c r="JR17" s="142">
        <v>0</v>
      </c>
      <c r="JS17" s="119">
        <v>0</v>
      </c>
      <c r="JT17" s="141">
        <v>0</v>
      </c>
      <c r="JU17" s="118">
        <v>0</v>
      </c>
      <c r="JV17" s="119">
        <v>115196</v>
      </c>
      <c r="JW17" s="119">
        <v>276862</v>
      </c>
      <c r="JX17" s="119">
        <v>180429</v>
      </c>
      <c r="JY17" s="119">
        <v>0</v>
      </c>
      <c r="JZ17" s="119">
        <v>0</v>
      </c>
      <c r="KA17" s="120">
        <v>572487</v>
      </c>
      <c r="KB17" s="320">
        <v>572487</v>
      </c>
      <c r="KC17" s="234">
        <v>0</v>
      </c>
      <c r="KD17" s="230">
        <v>0</v>
      </c>
      <c r="KE17" s="120">
        <v>0</v>
      </c>
      <c r="KF17" s="118">
        <v>0</v>
      </c>
      <c r="KG17" s="119">
        <v>123890</v>
      </c>
      <c r="KH17" s="119">
        <v>510271</v>
      </c>
      <c r="KI17" s="119">
        <v>475297</v>
      </c>
      <c r="KJ17" s="119">
        <v>265201</v>
      </c>
      <c r="KK17" s="119">
        <v>0</v>
      </c>
      <c r="KL17" s="120">
        <v>1374659</v>
      </c>
      <c r="KM17" s="143">
        <v>1374659</v>
      </c>
      <c r="KN17" s="232">
        <v>0</v>
      </c>
      <c r="KO17" s="236">
        <v>0</v>
      </c>
      <c r="KP17" s="237">
        <v>0</v>
      </c>
      <c r="KQ17" s="140"/>
      <c r="KR17" s="119">
        <v>0</v>
      </c>
      <c r="KS17" s="119">
        <v>174815</v>
      </c>
      <c r="KT17" s="119">
        <v>780596</v>
      </c>
      <c r="KU17" s="119">
        <v>785503</v>
      </c>
      <c r="KV17" s="119">
        <v>276456</v>
      </c>
      <c r="KW17" s="120">
        <v>2017370</v>
      </c>
      <c r="KX17" s="320">
        <v>2017370</v>
      </c>
      <c r="KY17" s="142">
        <v>0</v>
      </c>
      <c r="KZ17" s="119">
        <v>0</v>
      </c>
      <c r="LA17" s="120">
        <v>0</v>
      </c>
      <c r="LB17" s="145"/>
      <c r="LC17" s="119">
        <v>0</v>
      </c>
      <c r="LD17" s="119">
        <v>0</v>
      </c>
      <c r="LE17" s="119">
        <v>0</v>
      </c>
      <c r="LF17" s="119">
        <v>0</v>
      </c>
      <c r="LG17" s="119">
        <v>0</v>
      </c>
      <c r="LH17" s="120">
        <v>0</v>
      </c>
      <c r="LI17" s="121">
        <v>0</v>
      </c>
      <c r="LJ17" s="142">
        <v>0</v>
      </c>
      <c r="LK17" s="119">
        <v>0</v>
      </c>
      <c r="LL17" s="120">
        <v>0</v>
      </c>
      <c r="LM17" s="145"/>
      <c r="LN17" s="119">
        <v>0</v>
      </c>
      <c r="LO17" s="119">
        <v>0</v>
      </c>
      <c r="LP17" s="119">
        <v>0</v>
      </c>
      <c r="LQ17" s="119">
        <v>0</v>
      </c>
      <c r="LR17" s="119">
        <v>0</v>
      </c>
      <c r="LS17" s="120">
        <v>0</v>
      </c>
      <c r="LT17" s="320">
        <v>0</v>
      </c>
      <c r="LU17" s="142">
        <v>0</v>
      </c>
      <c r="LV17" s="119">
        <v>0</v>
      </c>
      <c r="LW17" s="120">
        <v>0</v>
      </c>
      <c r="LX17" s="145"/>
      <c r="LY17" s="119">
        <v>0</v>
      </c>
      <c r="LZ17" s="119">
        <v>189933</v>
      </c>
      <c r="MA17" s="119">
        <v>0</v>
      </c>
      <c r="MB17" s="119">
        <v>281642</v>
      </c>
      <c r="MC17" s="119">
        <v>0</v>
      </c>
      <c r="MD17" s="120">
        <v>471575</v>
      </c>
      <c r="ME17" s="121">
        <v>471575</v>
      </c>
      <c r="MF17" s="142">
        <v>0</v>
      </c>
      <c r="MG17" s="119">
        <v>0</v>
      </c>
      <c r="MH17" s="120">
        <v>0</v>
      </c>
      <c r="MI17" s="145"/>
      <c r="MJ17" s="119">
        <v>240892</v>
      </c>
      <c r="MK17" s="119">
        <v>917219</v>
      </c>
      <c r="ML17" s="119">
        <v>3347561</v>
      </c>
      <c r="MM17" s="119">
        <v>5029978</v>
      </c>
      <c r="MN17" s="119">
        <v>3655174</v>
      </c>
      <c r="MO17" s="120">
        <v>13190824</v>
      </c>
      <c r="MP17" s="143">
        <v>13190824</v>
      </c>
      <c r="MQ17" s="142">
        <v>0</v>
      </c>
      <c r="MR17" s="119">
        <v>0</v>
      </c>
      <c r="MS17" s="120">
        <v>0</v>
      </c>
      <c r="MT17" s="145"/>
      <c r="MU17" s="119">
        <v>0</v>
      </c>
      <c r="MV17" s="119">
        <v>0</v>
      </c>
      <c r="MW17" s="119">
        <v>1488888</v>
      </c>
      <c r="MX17" s="119">
        <v>3871878</v>
      </c>
      <c r="MY17" s="119">
        <v>1503092</v>
      </c>
      <c r="MZ17" s="120">
        <v>6863858</v>
      </c>
      <c r="NA17" s="143">
        <v>6863858</v>
      </c>
      <c r="NB17" s="142">
        <v>0</v>
      </c>
      <c r="NC17" s="119">
        <v>0</v>
      </c>
      <c r="ND17" s="120">
        <v>0</v>
      </c>
      <c r="NE17" s="145"/>
      <c r="NF17" s="119">
        <v>240892</v>
      </c>
      <c r="NG17" s="119">
        <v>744906</v>
      </c>
      <c r="NH17" s="119">
        <v>1858673</v>
      </c>
      <c r="NI17" s="119">
        <v>1158100</v>
      </c>
      <c r="NJ17" s="119">
        <v>2152082</v>
      </c>
      <c r="NK17" s="120">
        <v>6154653</v>
      </c>
      <c r="NL17" s="320">
        <v>6154653</v>
      </c>
      <c r="NM17" s="142">
        <v>0</v>
      </c>
      <c r="NN17" s="119">
        <v>0</v>
      </c>
      <c r="NO17" s="120">
        <v>0</v>
      </c>
      <c r="NP17" s="145"/>
      <c r="NQ17" s="119">
        <v>0</v>
      </c>
      <c r="NR17" s="119">
        <v>0</v>
      </c>
      <c r="NS17" s="119">
        <v>0</v>
      </c>
      <c r="NT17" s="119">
        <v>0</v>
      </c>
      <c r="NU17" s="119">
        <v>0</v>
      </c>
      <c r="NV17" s="120">
        <v>0</v>
      </c>
      <c r="NW17" s="121">
        <v>0</v>
      </c>
      <c r="NX17" s="142">
        <v>0</v>
      </c>
      <c r="NY17" s="119">
        <v>0</v>
      </c>
      <c r="NZ17" s="120">
        <v>0</v>
      </c>
      <c r="OA17" s="145"/>
      <c r="OB17" s="119">
        <v>0</v>
      </c>
      <c r="OC17" s="119">
        <v>172313</v>
      </c>
      <c r="OD17" s="119">
        <v>0</v>
      </c>
      <c r="OE17" s="119">
        <v>0</v>
      </c>
      <c r="OF17" s="119">
        <v>0</v>
      </c>
      <c r="OG17" s="120">
        <v>172313</v>
      </c>
      <c r="OH17" s="121">
        <v>172313</v>
      </c>
      <c r="OI17" s="142">
        <v>384537</v>
      </c>
      <c r="OJ17" s="119">
        <v>770057</v>
      </c>
      <c r="OK17" s="141">
        <v>1154594</v>
      </c>
      <c r="OL17" s="118">
        <v>0</v>
      </c>
      <c r="OM17" s="119">
        <v>9053674</v>
      </c>
      <c r="ON17" s="119">
        <v>9346554</v>
      </c>
      <c r="OO17" s="119">
        <v>11957533</v>
      </c>
      <c r="OP17" s="119">
        <v>14422445</v>
      </c>
      <c r="OQ17" s="119">
        <v>7509705</v>
      </c>
      <c r="OR17" s="120">
        <v>52289911</v>
      </c>
      <c r="OS17" s="143">
        <v>53444505</v>
      </c>
    </row>
    <row r="18" spans="2:409" ht="21" customHeight="1" x14ac:dyDescent="0.2">
      <c r="B18" s="126" t="s">
        <v>12</v>
      </c>
      <c r="C18" s="110">
        <v>1084202</v>
      </c>
      <c r="D18" s="114">
        <v>1543607</v>
      </c>
      <c r="E18" s="113">
        <v>2627809</v>
      </c>
      <c r="F18" s="109">
        <v>0</v>
      </c>
      <c r="G18" s="114">
        <v>7023816</v>
      </c>
      <c r="H18" s="170">
        <v>8123191</v>
      </c>
      <c r="I18" s="170">
        <v>8608511</v>
      </c>
      <c r="J18" s="170">
        <v>10751030</v>
      </c>
      <c r="K18" s="170">
        <v>5488116</v>
      </c>
      <c r="L18" s="112">
        <v>39994664</v>
      </c>
      <c r="M18" s="116">
        <v>42622473</v>
      </c>
      <c r="N18" s="110">
        <v>430653</v>
      </c>
      <c r="O18" s="114">
        <v>474943</v>
      </c>
      <c r="P18" s="113">
        <v>905596</v>
      </c>
      <c r="Q18" s="110">
        <v>0</v>
      </c>
      <c r="R18" s="114">
        <v>2666206</v>
      </c>
      <c r="S18" s="114">
        <v>2598030</v>
      </c>
      <c r="T18" s="114">
        <v>2761830</v>
      </c>
      <c r="U18" s="114">
        <v>5283136</v>
      </c>
      <c r="V18" s="114">
        <v>2598155</v>
      </c>
      <c r="W18" s="113">
        <v>15907357</v>
      </c>
      <c r="X18" s="116">
        <v>16812953</v>
      </c>
      <c r="Y18" s="110">
        <v>0</v>
      </c>
      <c r="Z18" s="114">
        <v>0</v>
      </c>
      <c r="AA18" s="113">
        <v>0</v>
      </c>
      <c r="AB18" s="110">
        <v>0</v>
      </c>
      <c r="AC18" s="114">
        <v>1675154</v>
      </c>
      <c r="AD18" s="114">
        <v>1089952</v>
      </c>
      <c r="AE18" s="114">
        <v>1470702</v>
      </c>
      <c r="AF18" s="114">
        <v>4138466</v>
      </c>
      <c r="AG18" s="114">
        <v>1935961</v>
      </c>
      <c r="AH18" s="113">
        <v>10310235</v>
      </c>
      <c r="AI18" s="116">
        <v>10310235</v>
      </c>
      <c r="AJ18" s="110">
        <v>0</v>
      </c>
      <c r="AK18" s="114">
        <v>0</v>
      </c>
      <c r="AL18" s="113">
        <v>0</v>
      </c>
      <c r="AM18" s="110">
        <v>0</v>
      </c>
      <c r="AN18" s="114">
        <v>0</v>
      </c>
      <c r="AO18" s="114">
        <v>46763</v>
      </c>
      <c r="AP18" s="114">
        <v>95435</v>
      </c>
      <c r="AQ18" s="114">
        <v>156766</v>
      </c>
      <c r="AR18" s="114">
        <v>116919</v>
      </c>
      <c r="AS18" s="113">
        <v>415883</v>
      </c>
      <c r="AT18" s="116">
        <v>415883</v>
      </c>
      <c r="AU18" s="110">
        <v>373063</v>
      </c>
      <c r="AV18" s="114">
        <v>404335</v>
      </c>
      <c r="AW18" s="113">
        <v>777398</v>
      </c>
      <c r="AX18" s="110">
        <v>0</v>
      </c>
      <c r="AY18" s="114">
        <v>714423</v>
      </c>
      <c r="AZ18" s="114">
        <v>982112</v>
      </c>
      <c r="BA18" s="114">
        <v>748241</v>
      </c>
      <c r="BB18" s="114">
        <v>517532</v>
      </c>
      <c r="BC18" s="114">
        <v>317253</v>
      </c>
      <c r="BD18" s="113">
        <v>3279561</v>
      </c>
      <c r="BE18" s="116">
        <v>4056959</v>
      </c>
      <c r="BF18" s="110">
        <v>10566</v>
      </c>
      <c r="BG18" s="114">
        <v>0</v>
      </c>
      <c r="BH18" s="112">
        <v>10566</v>
      </c>
      <c r="BI18" s="111">
        <v>0</v>
      </c>
      <c r="BJ18" s="114">
        <v>14229</v>
      </c>
      <c r="BK18" s="114">
        <v>118499</v>
      </c>
      <c r="BL18" s="114">
        <v>70900</v>
      </c>
      <c r="BM18" s="114">
        <v>48812</v>
      </c>
      <c r="BN18" s="114">
        <v>14550</v>
      </c>
      <c r="BO18" s="113">
        <v>266990</v>
      </c>
      <c r="BP18" s="116">
        <v>277556</v>
      </c>
      <c r="BQ18" s="110">
        <v>47024</v>
      </c>
      <c r="BR18" s="114">
        <v>70608</v>
      </c>
      <c r="BS18" s="113">
        <v>117632</v>
      </c>
      <c r="BT18" s="110">
        <v>0</v>
      </c>
      <c r="BU18" s="114">
        <v>262400</v>
      </c>
      <c r="BV18" s="114">
        <v>360704</v>
      </c>
      <c r="BW18" s="114">
        <v>376552</v>
      </c>
      <c r="BX18" s="114">
        <v>421560</v>
      </c>
      <c r="BY18" s="114">
        <v>213472</v>
      </c>
      <c r="BZ18" s="113">
        <v>1634688</v>
      </c>
      <c r="CA18" s="116">
        <v>1752320</v>
      </c>
      <c r="CB18" s="110">
        <v>292535</v>
      </c>
      <c r="CC18" s="114">
        <v>239242</v>
      </c>
      <c r="CD18" s="113">
        <v>531777</v>
      </c>
      <c r="CE18" s="110">
        <v>0</v>
      </c>
      <c r="CF18" s="114">
        <v>2559482</v>
      </c>
      <c r="CG18" s="114">
        <v>2303846</v>
      </c>
      <c r="CH18" s="114">
        <v>2214922</v>
      </c>
      <c r="CI18" s="114">
        <v>1372696</v>
      </c>
      <c r="CJ18" s="114">
        <v>488484</v>
      </c>
      <c r="CK18" s="113">
        <v>8939430</v>
      </c>
      <c r="CL18" s="116">
        <v>9471207</v>
      </c>
      <c r="CM18" s="110">
        <v>0</v>
      </c>
      <c r="CN18" s="114">
        <v>0</v>
      </c>
      <c r="CO18" s="113">
        <v>0</v>
      </c>
      <c r="CP18" s="111">
        <v>0</v>
      </c>
      <c r="CQ18" s="114">
        <v>2348461</v>
      </c>
      <c r="CR18" s="114">
        <v>1459844</v>
      </c>
      <c r="CS18" s="114">
        <v>1629943</v>
      </c>
      <c r="CT18" s="114">
        <v>863592</v>
      </c>
      <c r="CU18" s="114">
        <v>238981</v>
      </c>
      <c r="CV18" s="113">
        <v>6540821</v>
      </c>
      <c r="CW18" s="116">
        <v>6540821</v>
      </c>
      <c r="CX18" s="110">
        <v>292535</v>
      </c>
      <c r="CY18" s="114">
        <v>239242</v>
      </c>
      <c r="CZ18" s="113">
        <v>531777</v>
      </c>
      <c r="DA18" s="110">
        <v>0</v>
      </c>
      <c r="DB18" s="114">
        <v>211021</v>
      </c>
      <c r="DC18" s="114">
        <v>844002</v>
      </c>
      <c r="DD18" s="114">
        <v>584979</v>
      </c>
      <c r="DE18" s="114">
        <v>509104</v>
      </c>
      <c r="DF18" s="114">
        <v>249503</v>
      </c>
      <c r="DG18" s="113">
        <v>2398609</v>
      </c>
      <c r="DH18" s="116">
        <v>2930386</v>
      </c>
      <c r="DI18" s="110">
        <v>48870</v>
      </c>
      <c r="DJ18" s="114">
        <v>62944</v>
      </c>
      <c r="DK18" s="112">
        <v>111814</v>
      </c>
      <c r="DL18" s="111">
        <v>0</v>
      </c>
      <c r="DM18" s="114">
        <v>395715</v>
      </c>
      <c r="DN18" s="114">
        <v>624100</v>
      </c>
      <c r="DO18" s="114">
        <v>388791</v>
      </c>
      <c r="DP18" s="114">
        <v>1093951</v>
      </c>
      <c r="DQ18" s="114">
        <v>481405</v>
      </c>
      <c r="DR18" s="113">
        <v>2983962</v>
      </c>
      <c r="DS18" s="116">
        <v>3095776</v>
      </c>
      <c r="DT18" s="110">
        <v>48870</v>
      </c>
      <c r="DU18" s="114">
        <v>62944</v>
      </c>
      <c r="DV18" s="113">
        <v>111814</v>
      </c>
      <c r="DW18" s="110">
        <v>0</v>
      </c>
      <c r="DX18" s="114">
        <v>395715</v>
      </c>
      <c r="DY18" s="114">
        <v>557789</v>
      </c>
      <c r="DZ18" s="114">
        <v>299151</v>
      </c>
      <c r="EA18" s="114">
        <v>1093951</v>
      </c>
      <c r="EB18" s="114">
        <v>481405</v>
      </c>
      <c r="EC18" s="113">
        <v>2828011</v>
      </c>
      <c r="ED18" s="116">
        <v>2939825</v>
      </c>
      <c r="EE18" s="110">
        <v>0</v>
      </c>
      <c r="EF18" s="112">
        <v>0</v>
      </c>
      <c r="EG18" s="113">
        <v>0</v>
      </c>
      <c r="EH18" s="110">
        <v>0</v>
      </c>
      <c r="EI18" s="114">
        <v>0</v>
      </c>
      <c r="EJ18" s="114">
        <v>66311</v>
      </c>
      <c r="EK18" s="114">
        <v>89640</v>
      </c>
      <c r="EL18" s="114">
        <v>0</v>
      </c>
      <c r="EM18" s="114">
        <v>0</v>
      </c>
      <c r="EN18" s="112">
        <v>155951</v>
      </c>
      <c r="EO18" s="116">
        <v>155951</v>
      </c>
      <c r="EP18" s="110">
        <v>0</v>
      </c>
      <c r="EQ18" s="114">
        <v>0</v>
      </c>
      <c r="ER18" s="112">
        <v>0</v>
      </c>
      <c r="ES18" s="111">
        <v>0</v>
      </c>
      <c r="ET18" s="114">
        <v>0</v>
      </c>
      <c r="EU18" s="114">
        <v>0</v>
      </c>
      <c r="EV18" s="114">
        <v>0</v>
      </c>
      <c r="EW18" s="114">
        <v>0</v>
      </c>
      <c r="EX18" s="114">
        <v>0</v>
      </c>
      <c r="EY18" s="113">
        <v>0</v>
      </c>
      <c r="EZ18" s="116">
        <v>0</v>
      </c>
      <c r="FA18" s="110">
        <v>0</v>
      </c>
      <c r="FB18" s="114">
        <v>0</v>
      </c>
      <c r="FC18" s="112">
        <v>0</v>
      </c>
      <c r="FD18" s="347"/>
      <c r="FE18" s="114">
        <v>0</v>
      </c>
      <c r="FF18" s="114">
        <v>0</v>
      </c>
      <c r="FG18" s="114">
        <v>0</v>
      </c>
      <c r="FH18" s="114">
        <v>0</v>
      </c>
      <c r="FI18" s="114">
        <v>0</v>
      </c>
      <c r="FJ18" s="113">
        <v>0</v>
      </c>
      <c r="FK18" s="116">
        <v>0</v>
      </c>
      <c r="FL18" s="110">
        <v>255648</v>
      </c>
      <c r="FM18" s="114">
        <v>296240</v>
      </c>
      <c r="FN18" s="113">
        <v>551888</v>
      </c>
      <c r="FO18" s="110">
        <v>0</v>
      </c>
      <c r="FP18" s="114">
        <v>233440</v>
      </c>
      <c r="FQ18" s="114">
        <v>1154616</v>
      </c>
      <c r="FR18" s="114">
        <v>1043350</v>
      </c>
      <c r="FS18" s="114">
        <v>785368</v>
      </c>
      <c r="FT18" s="114">
        <v>490240</v>
      </c>
      <c r="FU18" s="113">
        <v>3707014</v>
      </c>
      <c r="FV18" s="116">
        <v>4258902</v>
      </c>
      <c r="FW18" s="115">
        <v>95648</v>
      </c>
      <c r="FX18" s="114">
        <v>227448</v>
      </c>
      <c r="FY18" s="112">
        <v>323096</v>
      </c>
      <c r="FZ18" s="111">
        <v>0</v>
      </c>
      <c r="GA18" s="114">
        <v>233440</v>
      </c>
      <c r="GB18" s="114">
        <v>881816</v>
      </c>
      <c r="GC18" s="114">
        <v>917264</v>
      </c>
      <c r="GD18" s="114">
        <v>730168</v>
      </c>
      <c r="GE18" s="114">
        <v>490240</v>
      </c>
      <c r="GF18" s="113">
        <v>3252928</v>
      </c>
      <c r="GG18" s="318">
        <v>3576024</v>
      </c>
      <c r="GH18" s="115">
        <v>0</v>
      </c>
      <c r="GI18" s="114">
        <v>10272</v>
      </c>
      <c r="GJ18" s="112">
        <v>10272</v>
      </c>
      <c r="GK18" s="111">
        <v>0</v>
      </c>
      <c r="GL18" s="114">
        <v>0</v>
      </c>
      <c r="GM18" s="114">
        <v>0</v>
      </c>
      <c r="GN18" s="114">
        <v>83686</v>
      </c>
      <c r="GO18" s="114">
        <v>55200</v>
      </c>
      <c r="GP18" s="114">
        <v>0</v>
      </c>
      <c r="GQ18" s="113">
        <v>138886</v>
      </c>
      <c r="GR18" s="116">
        <v>149158</v>
      </c>
      <c r="GS18" s="110">
        <v>160000</v>
      </c>
      <c r="GT18" s="114">
        <v>58520</v>
      </c>
      <c r="GU18" s="113">
        <v>218520</v>
      </c>
      <c r="GV18" s="110">
        <v>0</v>
      </c>
      <c r="GW18" s="114">
        <v>0</v>
      </c>
      <c r="GX18" s="114">
        <v>272800</v>
      </c>
      <c r="GY18" s="114">
        <v>42400</v>
      </c>
      <c r="GZ18" s="114">
        <v>0</v>
      </c>
      <c r="HA18" s="114">
        <v>0</v>
      </c>
      <c r="HB18" s="112">
        <v>315200</v>
      </c>
      <c r="HC18" s="116">
        <v>533720</v>
      </c>
      <c r="HD18" s="110">
        <v>56496</v>
      </c>
      <c r="HE18" s="114">
        <v>470238</v>
      </c>
      <c r="HF18" s="112">
        <v>526734</v>
      </c>
      <c r="HG18" s="111">
        <v>0</v>
      </c>
      <c r="HH18" s="114">
        <v>1168973</v>
      </c>
      <c r="HI18" s="114">
        <v>1442599</v>
      </c>
      <c r="HJ18" s="114">
        <v>2199618</v>
      </c>
      <c r="HK18" s="114">
        <v>2215879</v>
      </c>
      <c r="HL18" s="114">
        <v>1429832</v>
      </c>
      <c r="HM18" s="113">
        <v>8456901</v>
      </c>
      <c r="HN18" s="109">
        <v>8983635</v>
      </c>
      <c r="HO18" s="328"/>
      <c r="HP18" s="329"/>
      <c r="HQ18" s="330"/>
      <c r="HR18" s="331"/>
      <c r="HS18" s="329"/>
      <c r="HT18" s="329"/>
      <c r="HU18" s="329"/>
      <c r="HV18" s="329"/>
      <c r="HW18" s="329"/>
      <c r="HX18" s="332"/>
      <c r="HY18" s="333"/>
      <c r="HZ18" s="150">
        <v>0</v>
      </c>
      <c r="IA18" s="135">
        <v>0</v>
      </c>
      <c r="IB18" s="150">
        <v>0</v>
      </c>
      <c r="IC18" s="134">
        <v>0</v>
      </c>
      <c r="ID18" s="135">
        <v>3157049</v>
      </c>
      <c r="IE18" s="136">
        <v>2858100</v>
      </c>
      <c r="IF18" s="137">
        <v>3443356</v>
      </c>
      <c r="IG18" s="135">
        <v>3309728</v>
      </c>
      <c r="IH18" s="137">
        <v>1437767</v>
      </c>
      <c r="II18" s="138">
        <v>14206000</v>
      </c>
      <c r="IJ18" s="150">
        <v>14206000</v>
      </c>
      <c r="IK18" s="232">
        <v>0</v>
      </c>
      <c r="IL18" s="236">
        <v>0</v>
      </c>
      <c r="IM18" s="237">
        <v>0</v>
      </c>
      <c r="IN18" s="140"/>
      <c r="IO18" s="119">
        <v>72177</v>
      </c>
      <c r="IP18" s="119">
        <v>212748</v>
      </c>
      <c r="IQ18" s="119">
        <v>0</v>
      </c>
      <c r="IR18" s="119">
        <v>224015</v>
      </c>
      <c r="IS18" s="119">
        <v>0</v>
      </c>
      <c r="IT18" s="141">
        <v>508940</v>
      </c>
      <c r="IU18" s="320">
        <v>508940</v>
      </c>
      <c r="IV18" s="142">
        <v>0</v>
      </c>
      <c r="IW18" s="119">
        <v>0</v>
      </c>
      <c r="IX18" s="120">
        <v>0</v>
      </c>
      <c r="IY18" s="144"/>
      <c r="IZ18" s="119">
        <v>0</v>
      </c>
      <c r="JA18" s="119">
        <v>0</v>
      </c>
      <c r="JB18" s="119">
        <v>0</v>
      </c>
      <c r="JC18" s="119">
        <v>0</v>
      </c>
      <c r="JD18" s="119">
        <v>0</v>
      </c>
      <c r="JE18" s="120">
        <v>0</v>
      </c>
      <c r="JF18" s="121">
        <v>0</v>
      </c>
      <c r="JG18" s="142">
        <v>0</v>
      </c>
      <c r="JH18" s="119">
        <v>0</v>
      </c>
      <c r="JI18" s="141">
        <v>0</v>
      </c>
      <c r="JJ18" s="118">
        <v>0</v>
      </c>
      <c r="JK18" s="119">
        <v>1191739</v>
      </c>
      <c r="JL18" s="119">
        <v>1071871</v>
      </c>
      <c r="JM18" s="119">
        <v>939487</v>
      </c>
      <c r="JN18" s="119">
        <v>455716</v>
      </c>
      <c r="JO18" s="119">
        <v>221354</v>
      </c>
      <c r="JP18" s="120">
        <v>3880167</v>
      </c>
      <c r="JQ18" s="320">
        <v>3880167</v>
      </c>
      <c r="JR18" s="142">
        <v>0</v>
      </c>
      <c r="JS18" s="119">
        <v>0</v>
      </c>
      <c r="JT18" s="141">
        <v>0</v>
      </c>
      <c r="JU18" s="118">
        <v>0</v>
      </c>
      <c r="JV18" s="119">
        <v>0</v>
      </c>
      <c r="JW18" s="119">
        <v>0</v>
      </c>
      <c r="JX18" s="119">
        <v>0</v>
      </c>
      <c r="JY18" s="119">
        <v>0</v>
      </c>
      <c r="JZ18" s="119">
        <v>0</v>
      </c>
      <c r="KA18" s="120">
        <v>0</v>
      </c>
      <c r="KB18" s="320">
        <v>0</v>
      </c>
      <c r="KC18" s="234">
        <v>0</v>
      </c>
      <c r="KD18" s="230">
        <v>0</v>
      </c>
      <c r="KE18" s="120">
        <v>0</v>
      </c>
      <c r="KF18" s="118">
        <v>0</v>
      </c>
      <c r="KG18" s="119">
        <v>551080</v>
      </c>
      <c r="KH18" s="119">
        <v>53196</v>
      </c>
      <c r="KI18" s="119">
        <v>1481519</v>
      </c>
      <c r="KJ18" s="119">
        <v>1062458</v>
      </c>
      <c r="KK18" s="119">
        <v>301451</v>
      </c>
      <c r="KL18" s="120">
        <v>3449704</v>
      </c>
      <c r="KM18" s="143">
        <v>3449704</v>
      </c>
      <c r="KN18" s="232">
        <v>0</v>
      </c>
      <c r="KO18" s="236">
        <v>0</v>
      </c>
      <c r="KP18" s="237">
        <v>0</v>
      </c>
      <c r="KQ18" s="140"/>
      <c r="KR18" s="119">
        <v>1207672</v>
      </c>
      <c r="KS18" s="119">
        <v>500043</v>
      </c>
      <c r="KT18" s="119">
        <v>1022350</v>
      </c>
      <c r="KU18" s="119">
        <v>523335</v>
      </c>
      <c r="KV18" s="119">
        <v>534520</v>
      </c>
      <c r="KW18" s="120">
        <v>3787920</v>
      </c>
      <c r="KX18" s="320">
        <v>3787920</v>
      </c>
      <c r="KY18" s="142">
        <v>0</v>
      </c>
      <c r="KZ18" s="119">
        <v>0</v>
      </c>
      <c r="LA18" s="120">
        <v>0</v>
      </c>
      <c r="LB18" s="145"/>
      <c r="LC18" s="119">
        <v>0</v>
      </c>
      <c r="LD18" s="119">
        <v>1020242</v>
      </c>
      <c r="LE18" s="119">
        <v>0</v>
      </c>
      <c r="LF18" s="119">
        <v>445236</v>
      </c>
      <c r="LG18" s="119">
        <v>0</v>
      </c>
      <c r="LH18" s="120">
        <v>1465478</v>
      </c>
      <c r="LI18" s="121">
        <v>1465478</v>
      </c>
      <c r="LJ18" s="142">
        <v>0</v>
      </c>
      <c r="LK18" s="119">
        <v>0</v>
      </c>
      <c r="LL18" s="120">
        <v>0</v>
      </c>
      <c r="LM18" s="145"/>
      <c r="LN18" s="119">
        <v>0</v>
      </c>
      <c r="LO18" s="119">
        <v>0</v>
      </c>
      <c r="LP18" s="119">
        <v>0</v>
      </c>
      <c r="LQ18" s="119">
        <v>0</v>
      </c>
      <c r="LR18" s="119">
        <v>297047</v>
      </c>
      <c r="LS18" s="120">
        <v>297047</v>
      </c>
      <c r="LT18" s="320">
        <v>297047</v>
      </c>
      <c r="LU18" s="142">
        <v>0</v>
      </c>
      <c r="LV18" s="119">
        <v>0</v>
      </c>
      <c r="LW18" s="120">
        <v>0</v>
      </c>
      <c r="LX18" s="145"/>
      <c r="LY18" s="119">
        <v>134381</v>
      </c>
      <c r="LZ18" s="119">
        <v>0</v>
      </c>
      <c r="MA18" s="119">
        <v>0</v>
      </c>
      <c r="MB18" s="119">
        <v>598968</v>
      </c>
      <c r="MC18" s="119">
        <v>83395</v>
      </c>
      <c r="MD18" s="120">
        <v>816744</v>
      </c>
      <c r="ME18" s="121">
        <v>816744</v>
      </c>
      <c r="MF18" s="142">
        <v>0</v>
      </c>
      <c r="MG18" s="119">
        <v>0</v>
      </c>
      <c r="MH18" s="120">
        <v>0</v>
      </c>
      <c r="MI18" s="145"/>
      <c r="MJ18" s="119">
        <v>687255</v>
      </c>
      <c r="MK18" s="119">
        <v>814931</v>
      </c>
      <c r="ML18" s="119">
        <v>3476119</v>
      </c>
      <c r="MM18" s="119">
        <v>6876562</v>
      </c>
      <c r="MN18" s="119">
        <v>3316145</v>
      </c>
      <c r="MO18" s="120">
        <v>15171012</v>
      </c>
      <c r="MP18" s="143">
        <v>15171012</v>
      </c>
      <c r="MQ18" s="142">
        <v>0</v>
      </c>
      <c r="MR18" s="119">
        <v>0</v>
      </c>
      <c r="MS18" s="120">
        <v>0</v>
      </c>
      <c r="MT18" s="145"/>
      <c r="MU18" s="119">
        <v>0</v>
      </c>
      <c r="MV18" s="119">
        <v>0</v>
      </c>
      <c r="MW18" s="119">
        <v>1914550</v>
      </c>
      <c r="MX18" s="119">
        <v>4201784</v>
      </c>
      <c r="MY18" s="119">
        <v>2009989</v>
      </c>
      <c r="MZ18" s="120">
        <v>8126323</v>
      </c>
      <c r="NA18" s="143">
        <v>8126323</v>
      </c>
      <c r="NB18" s="142">
        <v>0</v>
      </c>
      <c r="NC18" s="119">
        <v>0</v>
      </c>
      <c r="ND18" s="120">
        <v>0</v>
      </c>
      <c r="NE18" s="145"/>
      <c r="NF18" s="119">
        <v>687255</v>
      </c>
      <c r="NG18" s="119">
        <v>814931</v>
      </c>
      <c r="NH18" s="119">
        <v>1561569</v>
      </c>
      <c r="NI18" s="119">
        <v>2326699</v>
      </c>
      <c r="NJ18" s="119">
        <v>1306156</v>
      </c>
      <c r="NK18" s="120">
        <v>6696610</v>
      </c>
      <c r="NL18" s="320">
        <v>6696610</v>
      </c>
      <c r="NM18" s="142">
        <v>0</v>
      </c>
      <c r="NN18" s="119">
        <v>0</v>
      </c>
      <c r="NO18" s="120">
        <v>0</v>
      </c>
      <c r="NP18" s="145"/>
      <c r="NQ18" s="119">
        <v>0</v>
      </c>
      <c r="NR18" s="119">
        <v>0</v>
      </c>
      <c r="NS18" s="119">
        <v>0</v>
      </c>
      <c r="NT18" s="119">
        <v>0</v>
      </c>
      <c r="NU18" s="119">
        <v>0</v>
      </c>
      <c r="NV18" s="120">
        <v>0</v>
      </c>
      <c r="NW18" s="121">
        <v>0</v>
      </c>
      <c r="NX18" s="142">
        <v>0</v>
      </c>
      <c r="NY18" s="119">
        <v>0</v>
      </c>
      <c r="NZ18" s="120">
        <v>0</v>
      </c>
      <c r="OA18" s="145"/>
      <c r="OB18" s="119">
        <v>0</v>
      </c>
      <c r="OC18" s="119">
        <v>0</v>
      </c>
      <c r="OD18" s="119">
        <v>0</v>
      </c>
      <c r="OE18" s="119">
        <v>348079</v>
      </c>
      <c r="OF18" s="119">
        <v>0</v>
      </c>
      <c r="OG18" s="120">
        <v>348079</v>
      </c>
      <c r="OH18" s="121">
        <v>348079</v>
      </c>
      <c r="OI18" s="142">
        <v>1084202</v>
      </c>
      <c r="OJ18" s="119">
        <v>1543607</v>
      </c>
      <c r="OK18" s="141">
        <v>2627809</v>
      </c>
      <c r="OL18" s="118">
        <v>0</v>
      </c>
      <c r="OM18" s="119">
        <v>10868120</v>
      </c>
      <c r="ON18" s="119">
        <v>11796222</v>
      </c>
      <c r="OO18" s="119">
        <v>15527986</v>
      </c>
      <c r="OP18" s="119">
        <v>20937320</v>
      </c>
      <c r="OQ18" s="119">
        <v>10242028</v>
      </c>
      <c r="OR18" s="120">
        <v>69371676</v>
      </c>
      <c r="OS18" s="143">
        <v>71999485</v>
      </c>
    </row>
    <row r="19" spans="2:409" ht="21" customHeight="1" x14ac:dyDescent="0.2">
      <c r="B19" s="126" t="s">
        <v>13</v>
      </c>
      <c r="C19" s="110">
        <v>175290</v>
      </c>
      <c r="D19" s="114">
        <v>158612</v>
      </c>
      <c r="E19" s="113">
        <v>333902</v>
      </c>
      <c r="F19" s="110">
        <v>0</v>
      </c>
      <c r="G19" s="170">
        <v>2714294</v>
      </c>
      <c r="H19" s="114">
        <v>4950213</v>
      </c>
      <c r="I19" s="114">
        <v>3339358</v>
      </c>
      <c r="J19" s="114">
        <v>4831746</v>
      </c>
      <c r="K19" s="114">
        <v>4318422</v>
      </c>
      <c r="L19" s="112">
        <v>20154033</v>
      </c>
      <c r="M19" s="116">
        <v>20487935</v>
      </c>
      <c r="N19" s="110">
        <v>60317</v>
      </c>
      <c r="O19" s="114">
        <v>59446</v>
      </c>
      <c r="P19" s="113">
        <v>119763</v>
      </c>
      <c r="Q19" s="110">
        <v>0</v>
      </c>
      <c r="R19" s="114">
        <v>1150002</v>
      </c>
      <c r="S19" s="114">
        <v>1839459</v>
      </c>
      <c r="T19" s="114">
        <v>1307602</v>
      </c>
      <c r="U19" s="114">
        <v>1859204</v>
      </c>
      <c r="V19" s="114">
        <v>2416809</v>
      </c>
      <c r="W19" s="113">
        <v>8573076</v>
      </c>
      <c r="X19" s="116">
        <v>8692839</v>
      </c>
      <c r="Y19" s="110">
        <v>0</v>
      </c>
      <c r="Z19" s="114">
        <v>0</v>
      </c>
      <c r="AA19" s="113">
        <v>0</v>
      </c>
      <c r="AB19" s="110">
        <v>0</v>
      </c>
      <c r="AC19" s="114">
        <v>379658</v>
      </c>
      <c r="AD19" s="114">
        <v>1010317</v>
      </c>
      <c r="AE19" s="114">
        <v>674514</v>
      </c>
      <c r="AF19" s="114">
        <v>1233668</v>
      </c>
      <c r="AG19" s="114">
        <v>1166329</v>
      </c>
      <c r="AH19" s="113">
        <v>4464486</v>
      </c>
      <c r="AI19" s="116">
        <v>4464486</v>
      </c>
      <c r="AJ19" s="110">
        <v>0</v>
      </c>
      <c r="AK19" s="114">
        <v>0</v>
      </c>
      <c r="AL19" s="113">
        <v>0</v>
      </c>
      <c r="AM19" s="110">
        <v>0</v>
      </c>
      <c r="AN19" s="114">
        <v>0</v>
      </c>
      <c r="AO19" s="114">
        <v>0</v>
      </c>
      <c r="AP19" s="114">
        <v>48292</v>
      </c>
      <c r="AQ19" s="114">
        <v>11680</v>
      </c>
      <c r="AR19" s="114">
        <v>506492</v>
      </c>
      <c r="AS19" s="113">
        <v>566464</v>
      </c>
      <c r="AT19" s="116">
        <v>566464</v>
      </c>
      <c r="AU19" s="110">
        <v>0</v>
      </c>
      <c r="AV19" s="114">
        <v>26846</v>
      </c>
      <c r="AW19" s="113">
        <v>26846</v>
      </c>
      <c r="AX19" s="110">
        <v>0</v>
      </c>
      <c r="AY19" s="114">
        <v>515057</v>
      </c>
      <c r="AZ19" s="114">
        <v>564102</v>
      </c>
      <c r="BA19" s="114">
        <v>472236</v>
      </c>
      <c r="BB19" s="114">
        <v>409833</v>
      </c>
      <c r="BC19" s="114">
        <v>530162</v>
      </c>
      <c r="BD19" s="113">
        <v>2491390</v>
      </c>
      <c r="BE19" s="116">
        <v>2518236</v>
      </c>
      <c r="BF19" s="110">
        <v>33581</v>
      </c>
      <c r="BG19" s="114">
        <v>5448</v>
      </c>
      <c r="BH19" s="112">
        <v>39029</v>
      </c>
      <c r="BI19" s="111">
        <v>0</v>
      </c>
      <c r="BJ19" s="114">
        <v>71999</v>
      </c>
      <c r="BK19" s="114">
        <v>0</v>
      </c>
      <c r="BL19" s="114">
        <v>0</v>
      </c>
      <c r="BM19" s="114">
        <v>19119</v>
      </c>
      <c r="BN19" s="114">
        <v>16450</v>
      </c>
      <c r="BO19" s="113">
        <v>107568</v>
      </c>
      <c r="BP19" s="116">
        <v>146597</v>
      </c>
      <c r="BQ19" s="110">
        <v>26736</v>
      </c>
      <c r="BR19" s="114">
        <v>27152</v>
      </c>
      <c r="BS19" s="113">
        <v>53888</v>
      </c>
      <c r="BT19" s="110">
        <v>0</v>
      </c>
      <c r="BU19" s="114">
        <v>183288</v>
      </c>
      <c r="BV19" s="114">
        <v>265040</v>
      </c>
      <c r="BW19" s="114">
        <v>112560</v>
      </c>
      <c r="BX19" s="114">
        <v>184904</v>
      </c>
      <c r="BY19" s="114">
        <v>197376</v>
      </c>
      <c r="BZ19" s="113">
        <v>943168</v>
      </c>
      <c r="CA19" s="116">
        <v>997056</v>
      </c>
      <c r="CB19" s="110">
        <v>0</v>
      </c>
      <c r="CC19" s="114">
        <v>39134</v>
      </c>
      <c r="CD19" s="113">
        <v>39134</v>
      </c>
      <c r="CE19" s="110">
        <v>0</v>
      </c>
      <c r="CF19" s="114">
        <v>570879</v>
      </c>
      <c r="CG19" s="114">
        <v>1149056</v>
      </c>
      <c r="CH19" s="114">
        <v>760889</v>
      </c>
      <c r="CI19" s="114">
        <v>692740</v>
      </c>
      <c r="CJ19" s="114">
        <v>389331</v>
      </c>
      <c r="CK19" s="113">
        <v>3562895</v>
      </c>
      <c r="CL19" s="116">
        <v>3602029</v>
      </c>
      <c r="CM19" s="110">
        <v>0</v>
      </c>
      <c r="CN19" s="114">
        <v>0</v>
      </c>
      <c r="CO19" s="113">
        <v>0</v>
      </c>
      <c r="CP19" s="111">
        <v>0</v>
      </c>
      <c r="CQ19" s="114">
        <v>498525</v>
      </c>
      <c r="CR19" s="114">
        <v>932062</v>
      </c>
      <c r="CS19" s="114">
        <v>686738</v>
      </c>
      <c r="CT19" s="114">
        <v>451802</v>
      </c>
      <c r="CU19" s="114">
        <v>312735</v>
      </c>
      <c r="CV19" s="113">
        <v>2881862</v>
      </c>
      <c r="CW19" s="116">
        <v>2881862</v>
      </c>
      <c r="CX19" s="110">
        <v>0</v>
      </c>
      <c r="CY19" s="114">
        <v>39134</v>
      </c>
      <c r="CZ19" s="113">
        <v>39134</v>
      </c>
      <c r="DA19" s="110">
        <v>0</v>
      </c>
      <c r="DB19" s="114">
        <v>72354</v>
      </c>
      <c r="DC19" s="114">
        <v>216994</v>
      </c>
      <c r="DD19" s="114">
        <v>74151</v>
      </c>
      <c r="DE19" s="114">
        <v>240938</v>
      </c>
      <c r="DF19" s="114">
        <v>76596</v>
      </c>
      <c r="DG19" s="113">
        <v>681033</v>
      </c>
      <c r="DH19" s="116">
        <v>720167</v>
      </c>
      <c r="DI19" s="110">
        <v>0</v>
      </c>
      <c r="DJ19" s="114">
        <v>0</v>
      </c>
      <c r="DK19" s="112">
        <v>0</v>
      </c>
      <c r="DL19" s="111">
        <v>0</v>
      </c>
      <c r="DM19" s="114">
        <v>0</v>
      </c>
      <c r="DN19" s="114">
        <v>215962</v>
      </c>
      <c r="DO19" s="114">
        <v>287242</v>
      </c>
      <c r="DP19" s="114">
        <v>809760</v>
      </c>
      <c r="DQ19" s="114">
        <v>108843</v>
      </c>
      <c r="DR19" s="113">
        <v>1421807</v>
      </c>
      <c r="DS19" s="116">
        <v>1421807</v>
      </c>
      <c r="DT19" s="110">
        <v>0</v>
      </c>
      <c r="DU19" s="114">
        <v>0</v>
      </c>
      <c r="DV19" s="113">
        <v>0</v>
      </c>
      <c r="DW19" s="110">
        <v>0</v>
      </c>
      <c r="DX19" s="114">
        <v>0</v>
      </c>
      <c r="DY19" s="114">
        <v>215962</v>
      </c>
      <c r="DZ19" s="114">
        <v>249543</v>
      </c>
      <c r="EA19" s="114">
        <v>809760</v>
      </c>
      <c r="EB19" s="114">
        <v>108843</v>
      </c>
      <c r="EC19" s="113">
        <v>1384108</v>
      </c>
      <c r="ED19" s="116">
        <v>1384108</v>
      </c>
      <c r="EE19" s="110">
        <v>0</v>
      </c>
      <c r="EF19" s="112">
        <v>0</v>
      </c>
      <c r="EG19" s="113">
        <v>0</v>
      </c>
      <c r="EH19" s="110">
        <v>0</v>
      </c>
      <c r="EI19" s="114">
        <v>0</v>
      </c>
      <c r="EJ19" s="114">
        <v>0</v>
      </c>
      <c r="EK19" s="114">
        <v>37699</v>
      </c>
      <c r="EL19" s="114">
        <v>0</v>
      </c>
      <c r="EM19" s="114">
        <v>0</v>
      </c>
      <c r="EN19" s="112">
        <v>37699</v>
      </c>
      <c r="EO19" s="116">
        <v>37699</v>
      </c>
      <c r="EP19" s="110">
        <v>0</v>
      </c>
      <c r="EQ19" s="114">
        <v>0</v>
      </c>
      <c r="ER19" s="112">
        <v>0</v>
      </c>
      <c r="ES19" s="111">
        <v>0</v>
      </c>
      <c r="ET19" s="114">
        <v>0</v>
      </c>
      <c r="EU19" s="114">
        <v>0</v>
      </c>
      <c r="EV19" s="114">
        <v>0</v>
      </c>
      <c r="EW19" s="114">
        <v>0</v>
      </c>
      <c r="EX19" s="114">
        <v>0</v>
      </c>
      <c r="EY19" s="113">
        <v>0</v>
      </c>
      <c r="EZ19" s="116">
        <v>0</v>
      </c>
      <c r="FA19" s="110">
        <v>0</v>
      </c>
      <c r="FB19" s="114">
        <v>0</v>
      </c>
      <c r="FC19" s="112">
        <v>0</v>
      </c>
      <c r="FD19" s="347"/>
      <c r="FE19" s="114">
        <v>0</v>
      </c>
      <c r="FF19" s="114">
        <v>0</v>
      </c>
      <c r="FG19" s="114">
        <v>0</v>
      </c>
      <c r="FH19" s="114">
        <v>0</v>
      </c>
      <c r="FI19" s="114">
        <v>0</v>
      </c>
      <c r="FJ19" s="113">
        <v>0</v>
      </c>
      <c r="FK19" s="116">
        <v>0</v>
      </c>
      <c r="FL19" s="110">
        <v>8240</v>
      </c>
      <c r="FM19" s="114">
        <v>60032</v>
      </c>
      <c r="FN19" s="113">
        <v>68272</v>
      </c>
      <c r="FO19" s="110">
        <v>0</v>
      </c>
      <c r="FP19" s="114">
        <v>176528</v>
      </c>
      <c r="FQ19" s="114">
        <v>318512</v>
      </c>
      <c r="FR19" s="114">
        <v>233984</v>
      </c>
      <c r="FS19" s="114">
        <v>361664</v>
      </c>
      <c r="FT19" s="114">
        <v>198744</v>
      </c>
      <c r="FU19" s="113">
        <v>1289432</v>
      </c>
      <c r="FV19" s="116">
        <v>1357704</v>
      </c>
      <c r="FW19" s="115">
        <v>8240</v>
      </c>
      <c r="FX19" s="114">
        <v>49632</v>
      </c>
      <c r="FY19" s="112">
        <v>57872</v>
      </c>
      <c r="FZ19" s="111">
        <v>0</v>
      </c>
      <c r="GA19" s="114">
        <v>140128</v>
      </c>
      <c r="GB19" s="114">
        <v>318512</v>
      </c>
      <c r="GC19" s="114">
        <v>233984</v>
      </c>
      <c r="GD19" s="114">
        <v>332096</v>
      </c>
      <c r="GE19" s="114">
        <v>198744</v>
      </c>
      <c r="GF19" s="113">
        <v>1223464</v>
      </c>
      <c r="GG19" s="318">
        <v>1281336</v>
      </c>
      <c r="GH19" s="115">
        <v>0</v>
      </c>
      <c r="GI19" s="114">
        <v>0</v>
      </c>
      <c r="GJ19" s="112">
        <v>0</v>
      </c>
      <c r="GK19" s="111">
        <v>0</v>
      </c>
      <c r="GL19" s="114">
        <v>36400</v>
      </c>
      <c r="GM19" s="114">
        <v>0</v>
      </c>
      <c r="GN19" s="114">
        <v>0</v>
      </c>
      <c r="GO19" s="114">
        <v>29568</v>
      </c>
      <c r="GP19" s="114">
        <v>0</v>
      </c>
      <c r="GQ19" s="113">
        <v>65968</v>
      </c>
      <c r="GR19" s="116">
        <v>65968</v>
      </c>
      <c r="GS19" s="110">
        <v>0</v>
      </c>
      <c r="GT19" s="114">
        <v>10400</v>
      </c>
      <c r="GU19" s="113">
        <v>10400</v>
      </c>
      <c r="GV19" s="110">
        <v>0</v>
      </c>
      <c r="GW19" s="114">
        <v>0</v>
      </c>
      <c r="GX19" s="114">
        <v>0</v>
      </c>
      <c r="GY19" s="114">
        <v>0</v>
      </c>
      <c r="GZ19" s="114">
        <v>0</v>
      </c>
      <c r="HA19" s="114">
        <v>0</v>
      </c>
      <c r="HB19" s="112">
        <v>0</v>
      </c>
      <c r="HC19" s="116">
        <v>10400</v>
      </c>
      <c r="HD19" s="110">
        <v>106733</v>
      </c>
      <c r="HE19" s="114">
        <v>0</v>
      </c>
      <c r="HF19" s="112">
        <v>106733</v>
      </c>
      <c r="HG19" s="111">
        <v>0</v>
      </c>
      <c r="HH19" s="114">
        <v>816885</v>
      </c>
      <c r="HI19" s="114">
        <v>1427224</v>
      </c>
      <c r="HJ19" s="114">
        <v>749641</v>
      </c>
      <c r="HK19" s="114">
        <v>1108378</v>
      </c>
      <c r="HL19" s="114">
        <v>1204695</v>
      </c>
      <c r="HM19" s="113">
        <v>5306823</v>
      </c>
      <c r="HN19" s="109">
        <v>5413556</v>
      </c>
      <c r="HO19" s="328"/>
      <c r="HP19" s="329"/>
      <c r="HQ19" s="330"/>
      <c r="HR19" s="331"/>
      <c r="HS19" s="329"/>
      <c r="HT19" s="329"/>
      <c r="HU19" s="329"/>
      <c r="HV19" s="329"/>
      <c r="HW19" s="329"/>
      <c r="HX19" s="332"/>
      <c r="HY19" s="333"/>
      <c r="HZ19" s="131">
        <v>0</v>
      </c>
      <c r="IA19" s="132">
        <v>0</v>
      </c>
      <c r="IB19" s="133">
        <v>0</v>
      </c>
      <c r="IC19" s="146">
        <v>0</v>
      </c>
      <c r="ID19" s="132">
        <v>593721</v>
      </c>
      <c r="IE19" s="147">
        <v>1015868</v>
      </c>
      <c r="IF19" s="133">
        <v>342222</v>
      </c>
      <c r="IG19" s="132">
        <v>1008391</v>
      </c>
      <c r="IH19" s="133">
        <v>206573</v>
      </c>
      <c r="II19" s="148">
        <v>3166775</v>
      </c>
      <c r="IJ19" s="139">
        <v>3166775</v>
      </c>
      <c r="IK19" s="232">
        <v>0</v>
      </c>
      <c r="IL19" s="236">
        <v>0</v>
      </c>
      <c r="IM19" s="237">
        <v>0</v>
      </c>
      <c r="IN19" s="140"/>
      <c r="IO19" s="119">
        <v>0</v>
      </c>
      <c r="IP19" s="119">
        <v>0</v>
      </c>
      <c r="IQ19" s="119">
        <v>0</v>
      </c>
      <c r="IR19" s="119">
        <v>0</v>
      </c>
      <c r="IS19" s="119">
        <v>0</v>
      </c>
      <c r="IT19" s="141">
        <v>0</v>
      </c>
      <c r="IU19" s="320">
        <v>0</v>
      </c>
      <c r="IV19" s="142">
        <v>0</v>
      </c>
      <c r="IW19" s="119">
        <v>0</v>
      </c>
      <c r="IX19" s="120">
        <v>0</v>
      </c>
      <c r="IY19" s="144"/>
      <c r="IZ19" s="119">
        <v>0</v>
      </c>
      <c r="JA19" s="119">
        <v>0</v>
      </c>
      <c r="JB19" s="119">
        <v>0</v>
      </c>
      <c r="JC19" s="119">
        <v>0</v>
      </c>
      <c r="JD19" s="119">
        <v>0</v>
      </c>
      <c r="JE19" s="120">
        <v>0</v>
      </c>
      <c r="JF19" s="121">
        <v>0</v>
      </c>
      <c r="JG19" s="142">
        <v>0</v>
      </c>
      <c r="JH19" s="119">
        <v>0</v>
      </c>
      <c r="JI19" s="141">
        <v>0</v>
      </c>
      <c r="JJ19" s="118">
        <v>0</v>
      </c>
      <c r="JK19" s="119">
        <v>354918</v>
      </c>
      <c r="JL19" s="119">
        <v>337017</v>
      </c>
      <c r="JM19" s="119">
        <v>179688</v>
      </c>
      <c r="JN19" s="119">
        <v>132285</v>
      </c>
      <c r="JO19" s="119">
        <v>181058</v>
      </c>
      <c r="JP19" s="120">
        <v>1184966</v>
      </c>
      <c r="JQ19" s="320">
        <v>1184966</v>
      </c>
      <c r="JR19" s="142">
        <v>0</v>
      </c>
      <c r="JS19" s="119">
        <v>0</v>
      </c>
      <c r="JT19" s="141">
        <v>0</v>
      </c>
      <c r="JU19" s="118">
        <v>0</v>
      </c>
      <c r="JV19" s="119">
        <v>0</v>
      </c>
      <c r="JW19" s="119">
        <v>118776</v>
      </c>
      <c r="JX19" s="119">
        <v>162534</v>
      </c>
      <c r="JY19" s="119">
        <v>39936</v>
      </c>
      <c r="JZ19" s="119">
        <v>25515</v>
      </c>
      <c r="KA19" s="120">
        <v>346761</v>
      </c>
      <c r="KB19" s="320">
        <v>346761</v>
      </c>
      <c r="KC19" s="234">
        <v>0</v>
      </c>
      <c r="KD19" s="230">
        <v>0</v>
      </c>
      <c r="KE19" s="120">
        <v>0</v>
      </c>
      <c r="KF19" s="118">
        <v>0</v>
      </c>
      <c r="KG19" s="119">
        <v>105258</v>
      </c>
      <c r="KH19" s="119">
        <v>308456</v>
      </c>
      <c r="KI19" s="119">
        <v>0</v>
      </c>
      <c r="KJ19" s="119">
        <v>136123</v>
      </c>
      <c r="KK19" s="119">
        <v>0</v>
      </c>
      <c r="KL19" s="120">
        <v>549837</v>
      </c>
      <c r="KM19" s="143">
        <v>549837</v>
      </c>
      <c r="KN19" s="232">
        <v>0</v>
      </c>
      <c r="KO19" s="236">
        <v>0</v>
      </c>
      <c r="KP19" s="237">
        <v>0</v>
      </c>
      <c r="KQ19" s="140"/>
      <c r="KR19" s="119">
        <v>133545</v>
      </c>
      <c r="KS19" s="119">
        <v>251619</v>
      </c>
      <c r="KT19" s="119">
        <v>0</v>
      </c>
      <c r="KU19" s="119">
        <v>263727</v>
      </c>
      <c r="KV19" s="119">
        <v>0</v>
      </c>
      <c r="KW19" s="120">
        <v>648891</v>
      </c>
      <c r="KX19" s="320">
        <v>648891</v>
      </c>
      <c r="KY19" s="142">
        <v>0</v>
      </c>
      <c r="KZ19" s="119">
        <v>0</v>
      </c>
      <c r="LA19" s="120">
        <v>0</v>
      </c>
      <c r="LB19" s="145"/>
      <c r="LC19" s="119">
        <v>0</v>
      </c>
      <c r="LD19" s="119">
        <v>0</v>
      </c>
      <c r="LE19" s="119">
        <v>0</v>
      </c>
      <c r="LF19" s="119">
        <v>436320</v>
      </c>
      <c r="LG19" s="119">
        <v>0</v>
      </c>
      <c r="LH19" s="120">
        <v>436320</v>
      </c>
      <c r="LI19" s="121">
        <v>436320</v>
      </c>
      <c r="LJ19" s="142">
        <v>0</v>
      </c>
      <c r="LK19" s="119">
        <v>0</v>
      </c>
      <c r="LL19" s="120">
        <v>0</v>
      </c>
      <c r="LM19" s="145"/>
      <c r="LN19" s="119">
        <v>0</v>
      </c>
      <c r="LO19" s="119">
        <v>0</v>
      </c>
      <c r="LP19" s="119">
        <v>0</v>
      </c>
      <c r="LQ19" s="119">
        <v>0</v>
      </c>
      <c r="LR19" s="119">
        <v>0</v>
      </c>
      <c r="LS19" s="120">
        <v>0</v>
      </c>
      <c r="LT19" s="320">
        <v>0</v>
      </c>
      <c r="LU19" s="142">
        <v>0</v>
      </c>
      <c r="LV19" s="119">
        <v>0</v>
      </c>
      <c r="LW19" s="120">
        <v>0</v>
      </c>
      <c r="LX19" s="145"/>
      <c r="LY19" s="119">
        <v>0</v>
      </c>
      <c r="LZ19" s="119">
        <v>0</v>
      </c>
      <c r="MA19" s="119">
        <v>0</v>
      </c>
      <c r="MB19" s="119">
        <v>0</v>
      </c>
      <c r="MC19" s="119">
        <v>0</v>
      </c>
      <c r="MD19" s="120">
        <v>0</v>
      </c>
      <c r="ME19" s="121">
        <v>0</v>
      </c>
      <c r="MF19" s="142">
        <v>0</v>
      </c>
      <c r="MG19" s="119">
        <v>0</v>
      </c>
      <c r="MH19" s="120">
        <v>0</v>
      </c>
      <c r="MI19" s="145"/>
      <c r="MJ19" s="119">
        <v>0</v>
      </c>
      <c r="MK19" s="119">
        <v>784044</v>
      </c>
      <c r="ML19" s="119">
        <v>1111298</v>
      </c>
      <c r="MM19" s="119">
        <v>3561783</v>
      </c>
      <c r="MN19" s="119">
        <v>2410880</v>
      </c>
      <c r="MO19" s="120">
        <v>7868005</v>
      </c>
      <c r="MP19" s="143">
        <v>7868005</v>
      </c>
      <c r="MQ19" s="142">
        <v>0</v>
      </c>
      <c r="MR19" s="119">
        <v>0</v>
      </c>
      <c r="MS19" s="120">
        <v>0</v>
      </c>
      <c r="MT19" s="145"/>
      <c r="MU19" s="119">
        <v>0</v>
      </c>
      <c r="MV19" s="119">
        <v>0</v>
      </c>
      <c r="MW19" s="119">
        <v>525559</v>
      </c>
      <c r="MX19" s="119">
        <v>2735127</v>
      </c>
      <c r="MY19" s="119">
        <v>1798660</v>
      </c>
      <c r="MZ19" s="120">
        <v>5059346</v>
      </c>
      <c r="NA19" s="143">
        <v>5059346</v>
      </c>
      <c r="NB19" s="142">
        <v>0</v>
      </c>
      <c r="NC19" s="119">
        <v>0</v>
      </c>
      <c r="ND19" s="120">
        <v>0</v>
      </c>
      <c r="NE19" s="145"/>
      <c r="NF19" s="119">
        <v>0</v>
      </c>
      <c r="NG19" s="119">
        <v>784044</v>
      </c>
      <c r="NH19" s="119">
        <v>585739</v>
      </c>
      <c r="NI19" s="119">
        <v>826656</v>
      </c>
      <c r="NJ19" s="119">
        <v>612220</v>
      </c>
      <c r="NK19" s="120">
        <v>2808659</v>
      </c>
      <c r="NL19" s="320">
        <v>2808659</v>
      </c>
      <c r="NM19" s="142">
        <v>0</v>
      </c>
      <c r="NN19" s="119">
        <v>0</v>
      </c>
      <c r="NO19" s="120">
        <v>0</v>
      </c>
      <c r="NP19" s="145"/>
      <c r="NQ19" s="119">
        <v>0</v>
      </c>
      <c r="NR19" s="119">
        <v>0</v>
      </c>
      <c r="NS19" s="119">
        <v>0</v>
      </c>
      <c r="NT19" s="119">
        <v>0</v>
      </c>
      <c r="NU19" s="119">
        <v>0</v>
      </c>
      <c r="NV19" s="120">
        <v>0</v>
      </c>
      <c r="NW19" s="121">
        <v>0</v>
      </c>
      <c r="NX19" s="142">
        <v>0</v>
      </c>
      <c r="NY19" s="119">
        <v>0</v>
      </c>
      <c r="NZ19" s="120">
        <v>0</v>
      </c>
      <c r="OA19" s="145"/>
      <c r="OB19" s="119">
        <v>0</v>
      </c>
      <c r="OC19" s="119">
        <v>0</v>
      </c>
      <c r="OD19" s="119">
        <v>0</v>
      </c>
      <c r="OE19" s="119">
        <v>0</v>
      </c>
      <c r="OF19" s="119">
        <v>0</v>
      </c>
      <c r="OG19" s="120">
        <v>0</v>
      </c>
      <c r="OH19" s="121">
        <v>0</v>
      </c>
      <c r="OI19" s="142">
        <v>175290</v>
      </c>
      <c r="OJ19" s="119">
        <v>158612</v>
      </c>
      <c r="OK19" s="141">
        <v>333902</v>
      </c>
      <c r="OL19" s="118">
        <v>0</v>
      </c>
      <c r="OM19" s="119">
        <v>3308015</v>
      </c>
      <c r="ON19" s="119">
        <v>6750125</v>
      </c>
      <c r="OO19" s="119">
        <v>4792878</v>
      </c>
      <c r="OP19" s="119">
        <v>9401920</v>
      </c>
      <c r="OQ19" s="119">
        <v>6935875</v>
      </c>
      <c r="OR19" s="120">
        <v>31188813</v>
      </c>
      <c r="OS19" s="143">
        <v>31522715</v>
      </c>
    </row>
    <row r="20" spans="2:409" ht="21" customHeight="1" x14ac:dyDescent="0.2">
      <c r="B20" s="126" t="s">
        <v>15</v>
      </c>
      <c r="C20" s="110">
        <v>236719</v>
      </c>
      <c r="D20" s="114">
        <v>254214</v>
      </c>
      <c r="E20" s="113">
        <v>490933</v>
      </c>
      <c r="F20" s="109">
        <v>0</v>
      </c>
      <c r="G20" s="114">
        <v>1666632</v>
      </c>
      <c r="H20" s="114">
        <v>1701030</v>
      </c>
      <c r="I20" s="114">
        <v>2633234</v>
      </c>
      <c r="J20" s="114">
        <v>1773779</v>
      </c>
      <c r="K20" s="114">
        <v>544994</v>
      </c>
      <c r="L20" s="109">
        <v>8319669</v>
      </c>
      <c r="M20" s="116">
        <v>8810602</v>
      </c>
      <c r="N20" s="110">
        <v>10912</v>
      </c>
      <c r="O20" s="114">
        <v>14534</v>
      </c>
      <c r="P20" s="113">
        <v>25446</v>
      </c>
      <c r="Q20" s="110">
        <v>0</v>
      </c>
      <c r="R20" s="114">
        <v>313470</v>
      </c>
      <c r="S20" s="114">
        <v>482384</v>
      </c>
      <c r="T20" s="114">
        <v>583790</v>
      </c>
      <c r="U20" s="114">
        <v>729095</v>
      </c>
      <c r="V20" s="114">
        <v>270848</v>
      </c>
      <c r="W20" s="113">
        <v>2379587</v>
      </c>
      <c r="X20" s="116">
        <v>2405033</v>
      </c>
      <c r="Y20" s="110">
        <v>0</v>
      </c>
      <c r="Z20" s="114">
        <v>0</v>
      </c>
      <c r="AA20" s="113">
        <v>0</v>
      </c>
      <c r="AB20" s="110">
        <v>0</v>
      </c>
      <c r="AC20" s="114">
        <v>126456</v>
      </c>
      <c r="AD20" s="114">
        <v>230482</v>
      </c>
      <c r="AE20" s="114">
        <v>404993</v>
      </c>
      <c r="AF20" s="114">
        <v>485237</v>
      </c>
      <c r="AG20" s="114">
        <v>248872</v>
      </c>
      <c r="AH20" s="113">
        <v>1496040</v>
      </c>
      <c r="AI20" s="116">
        <v>1496040</v>
      </c>
      <c r="AJ20" s="110">
        <v>0</v>
      </c>
      <c r="AK20" s="114">
        <v>0</v>
      </c>
      <c r="AL20" s="113">
        <v>0</v>
      </c>
      <c r="AM20" s="110">
        <v>0</v>
      </c>
      <c r="AN20" s="114">
        <v>0</v>
      </c>
      <c r="AO20" s="114">
        <v>0</v>
      </c>
      <c r="AP20" s="114">
        <v>0</v>
      </c>
      <c r="AQ20" s="114">
        <v>58456</v>
      </c>
      <c r="AR20" s="114">
        <v>0</v>
      </c>
      <c r="AS20" s="113">
        <v>58456</v>
      </c>
      <c r="AT20" s="116">
        <v>58456</v>
      </c>
      <c r="AU20" s="110">
        <v>0</v>
      </c>
      <c r="AV20" s="114">
        <v>14534</v>
      </c>
      <c r="AW20" s="113">
        <v>14534</v>
      </c>
      <c r="AX20" s="110">
        <v>0</v>
      </c>
      <c r="AY20" s="114">
        <v>69742</v>
      </c>
      <c r="AZ20" s="114">
        <v>115721</v>
      </c>
      <c r="BA20" s="114">
        <v>114325</v>
      </c>
      <c r="BB20" s="114">
        <v>139602</v>
      </c>
      <c r="BC20" s="114">
        <v>0</v>
      </c>
      <c r="BD20" s="113">
        <v>439390</v>
      </c>
      <c r="BE20" s="116">
        <v>453924</v>
      </c>
      <c r="BF20" s="110">
        <v>0</v>
      </c>
      <c r="BG20" s="114">
        <v>0</v>
      </c>
      <c r="BH20" s="112">
        <v>0</v>
      </c>
      <c r="BI20" s="111">
        <v>0</v>
      </c>
      <c r="BJ20" s="114">
        <v>16280</v>
      </c>
      <c r="BK20" s="114">
        <v>77597</v>
      </c>
      <c r="BL20" s="114">
        <v>0</v>
      </c>
      <c r="BM20" s="114">
        <v>0</v>
      </c>
      <c r="BN20" s="114">
        <v>0</v>
      </c>
      <c r="BO20" s="113">
        <v>93877</v>
      </c>
      <c r="BP20" s="116">
        <v>93877</v>
      </c>
      <c r="BQ20" s="110">
        <v>10912</v>
      </c>
      <c r="BR20" s="114">
        <v>0</v>
      </c>
      <c r="BS20" s="113">
        <v>10912</v>
      </c>
      <c r="BT20" s="110">
        <v>0</v>
      </c>
      <c r="BU20" s="114">
        <v>100992</v>
      </c>
      <c r="BV20" s="114">
        <v>58584</v>
      </c>
      <c r="BW20" s="114">
        <v>64472</v>
      </c>
      <c r="BX20" s="114">
        <v>45800</v>
      </c>
      <c r="BY20" s="114">
        <v>21976</v>
      </c>
      <c r="BZ20" s="113">
        <v>291824</v>
      </c>
      <c r="CA20" s="116">
        <v>302736</v>
      </c>
      <c r="CB20" s="110">
        <v>0</v>
      </c>
      <c r="CC20" s="114">
        <v>0</v>
      </c>
      <c r="CD20" s="113">
        <v>0</v>
      </c>
      <c r="CE20" s="110">
        <v>0</v>
      </c>
      <c r="CF20" s="114">
        <v>160554</v>
      </c>
      <c r="CG20" s="114">
        <v>287117</v>
      </c>
      <c r="CH20" s="114">
        <v>625509</v>
      </c>
      <c r="CI20" s="114">
        <v>0</v>
      </c>
      <c r="CJ20" s="114">
        <v>0</v>
      </c>
      <c r="CK20" s="113">
        <v>1073180</v>
      </c>
      <c r="CL20" s="116">
        <v>1073180</v>
      </c>
      <c r="CM20" s="110">
        <v>0</v>
      </c>
      <c r="CN20" s="114">
        <v>0</v>
      </c>
      <c r="CO20" s="113">
        <v>0</v>
      </c>
      <c r="CP20" s="111">
        <v>0</v>
      </c>
      <c r="CQ20" s="114">
        <v>160554</v>
      </c>
      <c r="CR20" s="114">
        <v>133417</v>
      </c>
      <c r="CS20" s="114">
        <v>325983</v>
      </c>
      <c r="CT20" s="114">
        <v>0</v>
      </c>
      <c r="CU20" s="114">
        <v>0</v>
      </c>
      <c r="CV20" s="113">
        <v>619954</v>
      </c>
      <c r="CW20" s="116">
        <v>619954</v>
      </c>
      <c r="CX20" s="110">
        <v>0</v>
      </c>
      <c r="CY20" s="114">
        <v>0</v>
      </c>
      <c r="CZ20" s="113">
        <v>0</v>
      </c>
      <c r="DA20" s="110">
        <v>0</v>
      </c>
      <c r="DB20" s="114">
        <v>0</v>
      </c>
      <c r="DC20" s="114">
        <v>153700</v>
      </c>
      <c r="DD20" s="114">
        <v>299526</v>
      </c>
      <c r="DE20" s="114">
        <v>0</v>
      </c>
      <c r="DF20" s="114">
        <v>0</v>
      </c>
      <c r="DG20" s="113">
        <v>453226</v>
      </c>
      <c r="DH20" s="116">
        <v>453226</v>
      </c>
      <c r="DI20" s="110">
        <v>0</v>
      </c>
      <c r="DJ20" s="114">
        <v>0</v>
      </c>
      <c r="DK20" s="112">
        <v>0</v>
      </c>
      <c r="DL20" s="111">
        <v>0</v>
      </c>
      <c r="DM20" s="114">
        <v>66309</v>
      </c>
      <c r="DN20" s="114">
        <v>60474</v>
      </c>
      <c r="DO20" s="114">
        <v>249291</v>
      </c>
      <c r="DP20" s="114">
        <v>722516</v>
      </c>
      <c r="DQ20" s="114">
        <v>0</v>
      </c>
      <c r="DR20" s="113">
        <v>1098590</v>
      </c>
      <c r="DS20" s="116">
        <v>1098590</v>
      </c>
      <c r="DT20" s="110">
        <v>0</v>
      </c>
      <c r="DU20" s="114">
        <v>0</v>
      </c>
      <c r="DV20" s="113">
        <v>0</v>
      </c>
      <c r="DW20" s="110">
        <v>0</v>
      </c>
      <c r="DX20" s="114">
        <v>66309</v>
      </c>
      <c r="DY20" s="114">
        <v>60474</v>
      </c>
      <c r="DZ20" s="114">
        <v>249291</v>
      </c>
      <c r="EA20" s="114">
        <v>722516</v>
      </c>
      <c r="EB20" s="114">
        <v>0</v>
      </c>
      <c r="EC20" s="113">
        <v>1098590</v>
      </c>
      <c r="ED20" s="116">
        <v>1098590</v>
      </c>
      <c r="EE20" s="110">
        <v>0</v>
      </c>
      <c r="EF20" s="112">
        <v>0</v>
      </c>
      <c r="EG20" s="113">
        <v>0</v>
      </c>
      <c r="EH20" s="110">
        <v>0</v>
      </c>
      <c r="EI20" s="114">
        <v>0</v>
      </c>
      <c r="EJ20" s="114">
        <v>0</v>
      </c>
      <c r="EK20" s="114">
        <v>0</v>
      </c>
      <c r="EL20" s="114">
        <v>0</v>
      </c>
      <c r="EM20" s="114">
        <v>0</v>
      </c>
      <c r="EN20" s="112">
        <v>0</v>
      </c>
      <c r="EO20" s="116">
        <v>0</v>
      </c>
      <c r="EP20" s="110">
        <v>0</v>
      </c>
      <c r="EQ20" s="114">
        <v>0</v>
      </c>
      <c r="ER20" s="112">
        <v>0</v>
      </c>
      <c r="ES20" s="111">
        <v>0</v>
      </c>
      <c r="ET20" s="114">
        <v>0</v>
      </c>
      <c r="EU20" s="114">
        <v>0</v>
      </c>
      <c r="EV20" s="114">
        <v>0</v>
      </c>
      <c r="EW20" s="114">
        <v>0</v>
      </c>
      <c r="EX20" s="114">
        <v>0</v>
      </c>
      <c r="EY20" s="113">
        <v>0</v>
      </c>
      <c r="EZ20" s="116">
        <v>0</v>
      </c>
      <c r="FA20" s="110">
        <v>0</v>
      </c>
      <c r="FB20" s="114">
        <v>0</v>
      </c>
      <c r="FC20" s="112">
        <v>0</v>
      </c>
      <c r="FD20" s="347"/>
      <c r="FE20" s="114">
        <v>0</v>
      </c>
      <c r="FF20" s="114">
        <v>0</v>
      </c>
      <c r="FG20" s="114">
        <v>0</v>
      </c>
      <c r="FH20" s="114">
        <v>0</v>
      </c>
      <c r="FI20" s="114">
        <v>0</v>
      </c>
      <c r="FJ20" s="113">
        <v>0</v>
      </c>
      <c r="FK20" s="116">
        <v>0</v>
      </c>
      <c r="FL20" s="110">
        <v>48448</v>
      </c>
      <c r="FM20" s="114">
        <v>38800</v>
      </c>
      <c r="FN20" s="113">
        <v>87248</v>
      </c>
      <c r="FO20" s="110">
        <v>0</v>
      </c>
      <c r="FP20" s="114">
        <v>23200</v>
      </c>
      <c r="FQ20" s="114">
        <v>138568</v>
      </c>
      <c r="FR20" s="114">
        <v>267176</v>
      </c>
      <c r="FS20" s="114">
        <v>103864</v>
      </c>
      <c r="FT20" s="114">
        <v>30000</v>
      </c>
      <c r="FU20" s="113">
        <v>562808</v>
      </c>
      <c r="FV20" s="116">
        <v>650056</v>
      </c>
      <c r="FW20" s="115">
        <v>4800</v>
      </c>
      <c r="FX20" s="114">
        <v>38800</v>
      </c>
      <c r="FY20" s="112">
        <v>43600</v>
      </c>
      <c r="FZ20" s="111">
        <v>0</v>
      </c>
      <c r="GA20" s="114">
        <v>23200</v>
      </c>
      <c r="GB20" s="114">
        <v>138568</v>
      </c>
      <c r="GC20" s="114">
        <v>143976</v>
      </c>
      <c r="GD20" s="114">
        <v>103864</v>
      </c>
      <c r="GE20" s="114">
        <v>30000</v>
      </c>
      <c r="GF20" s="113">
        <v>439608</v>
      </c>
      <c r="GG20" s="318">
        <v>483208</v>
      </c>
      <c r="GH20" s="115">
        <v>43648</v>
      </c>
      <c r="GI20" s="114">
        <v>0</v>
      </c>
      <c r="GJ20" s="112">
        <v>43648</v>
      </c>
      <c r="GK20" s="111">
        <v>0</v>
      </c>
      <c r="GL20" s="114">
        <v>0</v>
      </c>
      <c r="GM20" s="114">
        <v>0</v>
      </c>
      <c r="GN20" s="114">
        <v>0</v>
      </c>
      <c r="GO20" s="114">
        <v>0</v>
      </c>
      <c r="GP20" s="114">
        <v>0</v>
      </c>
      <c r="GQ20" s="113">
        <v>0</v>
      </c>
      <c r="GR20" s="116">
        <v>43648</v>
      </c>
      <c r="GS20" s="110">
        <v>0</v>
      </c>
      <c r="GT20" s="114">
        <v>0</v>
      </c>
      <c r="GU20" s="113">
        <v>0</v>
      </c>
      <c r="GV20" s="110">
        <v>0</v>
      </c>
      <c r="GW20" s="114">
        <v>0</v>
      </c>
      <c r="GX20" s="114">
        <v>0</v>
      </c>
      <c r="GY20" s="114">
        <v>123200</v>
      </c>
      <c r="GZ20" s="114">
        <v>0</v>
      </c>
      <c r="HA20" s="114">
        <v>0</v>
      </c>
      <c r="HB20" s="112">
        <v>123200</v>
      </c>
      <c r="HC20" s="116">
        <v>123200</v>
      </c>
      <c r="HD20" s="110">
        <v>177359</v>
      </c>
      <c r="HE20" s="114">
        <v>200880</v>
      </c>
      <c r="HF20" s="112">
        <v>378239</v>
      </c>
      <c r="HG20" s="111">
        <v>0</v>
      </c>
      <c r="HH20" s="114">
        <v>1103099</v>
      </c>
      <c r="HI20" s="114">
        <v>732487</v>
      </c>
      <c r="HJ20" s="114">
        <v>907468</v>
      </c>
      <c r="HK20" s="114">
        <v>218304</v>
      </c>
      <c r="HL20" s="114">
        <v>244146</v>
      </c>
      <c r="HM20" s="113">
        <v>3205504</v>
      </c>
      <c r="HN20" s="109">
        <v>3583743</v>
      </c>
      <c r="HO20" s="328"/>
      <c r="HP20" s="329"/>
      <c r="HQ20" s="330"/>
      <c r="HR20" s="331"/>
      <c r="HS20" s="329"/>
      <c r="HT20" s="329"/>
      <c r="HU20" s="329"/>
      <c r="HV20" s="329"/>
      <c r="HW20" s="329"/>
      <c r="HX20" s="332"/>
      <c r="HY20" s="333"/>
      <c r="HZ20" s="150">
        <v>0</v>
      </c>
      <c r="IA20" s="135">
        <v>0</v>
      </c>
      <c r="IB20" s="150">
        <v>0</v>
      </c>
      <c r="IC20" s="134">
        <v>0</v>
      </c>
      <c r="ID20" s="135">
        <v>598029</v>
      </c>
      <c r="IE20" s="136">
        <v>847502</v>
      </c>
      <c r="IF20" s="137">
        <v>343935</v>
      </c>
      <c r="IG20" s="135">
        <v>879068</v>
      </c>
      <c r="IH20" s="137">
        <v>270281</v>
      </c>
      <c r="II20" s="138">
        <v>2938815</v>
      </c>
      <c r="IJ20" s="150">
        <v>2938815</v>
      </c>
      <c r="IK20" s="232">
        <v>0</v>
      </c>
      <c r="IL20" s="236">
        <v>0</v>
      </c>
      <c r="IM20" s="237">
        <v>0</v>
      </c>
      <c r="IN20" s="140"/>
      <c r="IO20" s="119">
        <v>0</v>
      </c>
      <c r="IP20" s="119">
        <v>0</v>
      </c>
      <c r="IQ20" s="119">
        <v>0</v>
      </c>
      <c r="IR20" s="119">
        <v>0</v>
      </c>
      <c r="IS20" s="119">
        <v>0</v>
      </c>
      <c r="IT20" s="141">
        <v>0</v>
      </c>
      <c r="IU20" s="320">
        <v>0</v>
      </c>
      <c r="IV20" s="142">
        <v>0</v>
      </c>
      <c r="IW20" s="119">
        <v>0</v>
      </c>
      <c r="IX20" s="120">
        <v>0</v>
      </c>
      <c r="IY20" s="144"/>
      <c r="IZ20" s="119">
        <v>0</v>
      </c>
      <c r="JA20" s="119">
        <v>0</v>
      </c>
      <c r="JB20" s="119">
        <v>0</v>
      </c>
      <c r="JC20" s="119">
        <v>0</v>
      </c>
      <c r="JD20" s="119">
        <v>0</v>
      </c>
      <c r="JE20" s="120">
        <v>0</v>
      </c>
      <c r="JF20" s="121">
        <v>0</v>
      </c>
      <c r="JG20" s="142">
        <v>0</v>
      </c>
      <c r="JH20" s="119">
        <v>0</v>
      </c>
      <c r="JI20" s="141">
        <v>0</v>
      </c>
      <c r="JJ20" s="118">
        <v>0</v>
      </c>
      <c r="JK20" s="119">
        <v>126276</v>
      </c>
      <c r="JL20" s="119">
        <v>452340</v>
      </c>
      <c r="JM20" s="119">
        <v>105296</v>
      </c>
      <c r="JN20" s="119">
        <v>78388</v>
      </c>
      <c r="JO20" s="119">
        <v>0</v>
      </c>
      <c r="JP20" s="120">
        <v>762300</v>
      </c>
      <c r="JQ20" s="320">
        <v>762300</v>
      </c>
      <c r="JR20" s="142">
        <v>0</v>
      </c>
      <c r="JS20" s="119">
        <v>0</v>
      </c>
      <c r="JT20" s="141">
        <v>0</v>
      </c>
      <c r="JU20" s="118">
        <v>0</v>
      </c>
      <c r="JV20" s="119">
        <v>0</v>
      </c>
      <c r="JW20" s="119">
        <v>0</v>
      </c>
      <c r="JX20" s="119">
        <v>0</v>
      </c>
      <c r="JY20" s="119">
        <v>0</v>
      </c>
      <c r="JZ20" s="119">
        <v>0</v>
      </c>
      <c r="KA20" s="120">
        <v>0</v>
      </c>
      <c r="KB20" s="320">
        <v>0</v>
      </c>
      <c r="KC20" s="234">
        <v>0</v>
      </c>
      <c r="KD20" s="230">
        <v>0</v>
      </c>
      <c r="KE20" s="120">
        <v>0</v>
      </c>
      <c r="KF20" s="118">
        <v>0</v>
      </c>
      <c r="KG20" s="119">
        <v>0</v>
      </c>
      <c r="KH20" s="119">
        <v>151082</v>
      </c>
      <c r="KI20" s="119">
        <v>238639</v>
      </c>
      <c r="KJ20" s="119">
        <v>260232</v>
      </c>
      <c r="KK20" s="119">
        <v>270281</v>
      </c>
      <c r="KL20" s="120">
        <v>920234</v>
      </c>
      <c r="KM20" s="143">
        <v>920234</v>
      </c>
      <c r="KN20" s="232">
        <v>0</v>
      </c>
      <c r="KO20" s="236">
        <v>0</v>
      </c>
      <c r="KP20" s="237">
        <v>0</v>
      </c>
      <c r="KQ20" s="140"/>
      <c r="KR20" s="119">
        <v>471753</v>
      </c>
      <c r="KS20" s="119">
        <v>244080</v>
      </c>
      <c r="KT20" s="119">
        <v>0</v>
      </c>
      <c r="KU20" s="119">
        <v>0</v>
      </c>
      <c r="KV20" s="119">
        <v>0</v>
      </c>
      <c r="KW20" s="120">
        <v>715833</v>
      </c>
      <c r="KX20" s="320">
        <v>715833</v>
      </c>
      <c r="KY20" s="142">
        <v>0</v>
      </c>
      <c r="KZ20" s="119">
        <v>0</v>
      </c>
      <c r="LA20" s="120">
        <v>0</v>
      </c>
      <c r="LB20" s="145"/>
      <c r="LC20" s="119">
        <v>0</v>
      </c>
      <c r="LD20" s="119">
        <v>0</v>
      </c>
      <c r="LE20" s="119">
        <v>0</v>
      </c>
      <c r="LF20" s="119">
        <v>0</v>
      </c>
      <c r="LG20" s="119">
        <v>0</v>
      </c>
      <c r="LH20" s="120">
        <v>0</v>
      </c>
      <c r="LI20" s="121">
        <v>0</v>
      </c>
      <c r="LJ20" s="142">
        <v>0</v>
      </c>
      <c r="LK20" s="119">
        <v>0</v>
      </c>
      <c r="LL20" s="120">
        <v>0</v>
      </c>
      <c r="LM20" s="145"/>
      <c r="LN20" s="119">
        <v>0</v>
      </c>
      <c r="LO20" s="119">
        <v>0</v>
      </c>
      <c r="LP20" s="119">
        <v>0</v>
      </c>
      <c r="LQ20" s="119">
        <v>540448</v>
      </c>
      <c r="LR20" s="119">
        <v>0</v>
      </c>
      <c r="LS20" s="120">
        <v>540448</v>
      </c>
      <c r="LT20" s="320">
        <v>540448</v>
      </c>
      <c r="LU20" s="142">
        <v>0</v>
      </c>
      <c r="LV20" s="119">
        <v>0</v>
      </c>
      <c r="LW20" s="120">
        <v>0</v>
      </c>
      <c r="LX20" s="145"/>
      <c r="LY20" s="119">
        <v>0</v>
      </c>
      <c r="LZ20" s="119">
        <v>0</v>
      </c>
      <c r="MA20" s="119">
        <v>0</v>
      </c>
      <c r="MB20" s="119">
        <v>0</v>
      </c>
      <c r="MC20" s="119">
        <v>0</v>
      </c>
      <c r="MD20" s="120">
        <v>0</v>
      </c>
      <c r="ME20" s="121">
        <v>0</v>
      </c>
      <c r="MF20" s="142">
        <v>0</v>
      </c>
      <c r="MG20" s="119">
        <v>0</v>
      </c>
      <c r="MH20" s="120">
        <v>0</v>
      </c>
      <c r="MI20" s="145"/>
      <c r="MJ20" s="119">
        <v>239545</v>
      </c>
      <c r="MK20" s="119">
        <v>251631</v>
      </c>
      <c r="ML20" s="119">
        <v>1149221</v>
      </c>
      <c r="MM20" s="119">
        <v>2105975</v>
      </c>
      <c r="MN20" s="119">
        <v>1565105</v>
      </c>
      <c r="MO20" s="120">
        <v>5311477</v>
      </c>
      <c r="MP20" s="143">
        <v>5311477</v>
      </c>
      <c r="MQ20" s="142">
        <v>0</v>
      </c>
      <c r="MR20" s="119">
        <v>0</v>
      </c>
      <c r="MS20" s="120">
        <v>0</v>
      </c>
      <c r="MT20" s="145"/>
      <c r="MU20" s="119">
        <v>0</v>
      </c>
      <c r="MV20" s="119">
        <v>0</v>
      </c>
      <c r="MW20" s="119">
        <v>639597</v>
      </c>
      <c r="MX20" s="119">
        <v>1498907</v>
      </c>
      <c r="MY20" s="119">
        <v>588306</v>
      </c>
      <c r="MZ20" s="120">
        <v>2726810</v>
      </c>
      <c r="NA20" s="143">
        <v>2726810</v>
      </c>
      <c r="NB20" s="142">
        <v>0</v>
      </c>
      <c r="NC20" s="119">
        <v>0</v>
      </c>
      <c r="ND20" s="120">
        <v>0</v>
      </c>
      <c r="NE20" s="145"/>
      <c r="NF20" s="119">
        <v>239545</v>
      </c>
      <c r="NG20" s="119">
        <v>251631</v>
      </c>
      <c r="NH20" s="119">
        <v>509624</v>
      </c>
      <c r="NI20" s="119">
        <v>607068</v>
      </c>
      <c r="NJ20" s="119">
        <v>976799</v>
      </c>
      <c r="NK20" s="120">
        <v>2584667</v>
      </c>
      <c r="NL20" s="320">
        <v>2584667</v>
      </c>
      <c r="NM20" s="142">
        <v>0</v>
      </c>
      <c r="NN20" s="119">
        <v>0</v>
      </c>
      <c r="NO20" s="120">
        <v>0</v>
      </c>
      <c r="NP20" s="145"/>
      <c r="NQ20" s="119">
        <v>0</v>
      </c>
      <c r="NR20" s="119">
        <v>0</v>
      </c>
      <c r="NS20" s="119">
        <v>0</v>
      </c>
      <c r="NT20" s="119">
        <v>0</v>
      </c>
      <c r="NU20" s="119">
        <v>0</v>
      </c>
      <c r="NV20" s="120">
        <v>0</v>
      </c>
      <c r="NW20" s="121">
        <v>0</v>
      </c>
      <c r="NX20" s="142">
        <v>0</v>
      </c>
      <c r="NY20" s="119">
        <v>0</v>
      </c>
      <c r="NZ20" s="120">
        <v>0</v>
      </c>
      <c r="OA20" s="145"/>
      <c r="OB20" s="119">
        <v>0</v>
      </c>
      <c r="OC20" s="119">
        <v>0</v>
      </c>
      <c r="OD20" s="119">
        <v>0</v>
      </c>
      <c r="OE20" s="119">
        <v>0</v>
      </c>
      <c r="OF20" s="119">
        <v>0</v>
      </c>
      <c r="OG20" s="120">
        <v>0</v>
      </c>
      <c r="OH20" s="121">
        <v>0</v>
      </c>
      <c r="OI20" s="142">
        <v>236719</v>
      </c>
      <c r="OJ20" s="119">
        <v>254214</v>
      </c>
      <c r="OK20" s="141">
        <v>490933</v>
      </c>
      <c r="OL20" s="118">
        <v>0</v>
      </c>
      <c r="OM20" s="119">
        <v>2504206</v>
      </c>
      <c r="ON20" s="119">
        <v>2800163</v>
      </c>
      <c r="OO20" s="119">
        <v>4126390</v>
      </c>
      <c r="OP20" s="119">
        <v>4758822</v>
      </c>
      <c r="OQ20" s="119">
        <v>2380380</v>
      </c>
      <c r="OR20" s="120">
        <v>16569961</v>
      </c>
      <c r="OS20" s="143">
        <v>17060894</v>
      </c>
    </row>
    <row r="21" spans="2:409" ht="21" customHeight="1" x14ac:dyDescent="0.2">
      <c r="B21" s="126" t="s">
        <v>16</v>
      </c>
      <c r="C21" s="110">
        <v>262524</v>
      </c>
      <c r="D21" s="114">
        <v>548733</v>
      </c>
      <c r="E21" s="113">
        <v>811257</v>
      </c>
      <c r="F21" s="109">
        <v>0</v>
      </c>
      <c r="G21" s="114">
        <v>4802221</v>
      </c>
      <c r="H21" s="114">
        <v>7089949</v>
      </c>
      <c r="I21" s="114">
        <v>4024028</v>
      </c>
      <c r="J21" s="114">
        <v>6097292</v>
      </c>
      <c r="K21" s="114">
        <v>1540298</v>
      </c>
      <c r="L21" s="109">
        <v>23553788</v>
      </c>
      <c r="M21" s="116">
        <v>24365045</v>
      </c>
      <c r="N21" s="110">
        <v>90909</v>
      </c>
      <c r="O21" s="114">
        <v>122721</v>
      </c>
      <c r="P21" s="113">
        <v>213630</v>
      </c>
      <c r="Q21" s="110">
        <v>0</v>
      </c>
      <c r="R21" s="114">
        <v>1293174</v>
      </c>
      <c r="S21" s="114">
        <v>1442775</v>
      </c>
      <c r="T21" s="114">
        <v>907321</v>
      </c>
      <c r="U21" s="114">
        <v>1016479</v>
      </c>
      <c r="V21" s="114">
        <v>724078</v>
      </c>
      <c r="W21" s="113">
        <v>5383827</v>
      </c>
      <c r="X21" s="116">
        <v>5597457</v>
      </c>
      <c r="Y21" s="110">
        <v>0</v>
      </c>
      <c r="Z21" s="114">
        <v>0</v>
      </c>
      <c r="AA21" s="113">
        <v>0</v>
      </c>
      <c r="AB21" s="110">
        <v>0</v>
      </c>
      <c r="AC21" s="114">
        <v>390048</v>
      </c>
      <c r="AD21" s="114">
        <v>287796</v>
      </c>
      <c r="AE21" s="114">
        <v>202584</v>
      </c>
      <c r="AF21" s="114">
        <v>119862</v>
      </c>
      <c r="AG21" s="114">
        <v>300744</v>
      </c>
      <c r="AH21" s="113">
        <v>1301034</v>
      </c>
      <c r="AI21" s="116">
        <v>1301034</v>
      </c>
      <c r="AJ21" s="110">
        <v>0</v>
      </c>
      <c r="AK21" s="114">
        <v>0</v>
      </c>
      <c r="AL21" s="113">
        <v>0</v>
      </c>
      <c r="AM21" s="110">
        <v>0</v>
      </c>
      <c r="AN21" s="114">
        <v>0</v>
      </c>
      <c r="AO21" s="114">
        <v>168526</v>
      </c>
      <c r="AP21" s="114">
        <v>0</v>
      </c>
      <c r="AQ21" s="114">
        <v>70121</v>
      </c>
      <c r="AR21" s="114">
        <v>89319</v>
      </c>
      <c r="AS21" s="113">
        <v>327966</v>
      </c>
      <c r="AT21" s="116">
        <v>327966</v>
      </c>
      <c r="AU21" s="110">
        <v>50405</v>
      </c>
      <c r="AV21" s="114">
        <v>97785</v>
      </c>
      <c r="AW21" s="113">
        <v>148190</v>
      </c>
      <c r="AX21" s="110">
        <v>0</v>
      </c>
      <c r="AY21" s="114">
        <v>628294</v>
      </c>
      <c r="AZ21" s="114">
        <v>656307</v>
      </c>
      <c r="BA21" s="114">
        <v>436273</v>
      </c>
      <c r="BB21" s="114">
        <v>517264</v>
      </c>
      <c r="BC21" s="114">
        <v>228095</v>
      </c>
      <c r="BD21" s="113">
        <v>2466233</v>
      </c>
      <c r="BE21" s="116">
        <v>2614423</v>
      </c>
      <c r="BF21" s="110">
        <v>0</v>
      </c>
      <c r="BG21" s="114">
        <v>0</v>
      </c>
      <c r="BH21" s="112">
        <v>0</v>
      </c>
      <c r="BI21" s="111">
        <v>0</v>
      </c>
      <c r="BJ21" s="114">
        <v>0</v>
      </c>
      <c r="BK21" s="114">
        <v>107594</v>
      </c>
      <c r="BL21" s="114">
        <v>15800</v>
      </c>
      <c r="BM21" s="114">
        <v>0</v>
      </c>
      <c r="BN21" s="114">
        <v>0</v>
      </c>
      <c r="BO21" s="113">
        <v>123394</v>
      </c>
      <c r="BP21" s="116">
        <v>123394</v>
      </c>
      <c r="BQ21" s="110">
        <v>40504</v>
      </c>
      <c r="BR21" s="114">
        <v>24936</v>
      </c>
      <c r="BS21" s="113">
        <v>65440</v>
      </c>
      <c r="BT21" s="110">
        <v>0</v>
      </c>
      <c r="BU21" s="114">
        <v>274832</v>
      </c>
      <c r="BV21" s="114">
        <v>222552</v>
      </c>
      <c r="BW21" s="114">
        <v>252664</v>
      </c>
      <c r="BX21" s="114">
        <v>309232</v>
      </c>
      <c r="BY21" s="114">
        <v>105920</v>
      </c>
      <c r="BZ21" s="113">
        <v>1165200</v>
      </c>
      <c r="CA21" s="116">
        <v>1230640</v>
      </c>
      <c r="CB21" s="110">
        <v>21271</v>
      </c>
      <c r="CC21" s="114">
        <v>155558</v>
      </c>
      <c r="CD21" s="113">
        <v>176829</v>
      </c>
      <c r="CE21" s="110">
        <v>0</v>
      </c>
      <c r="CF21" s="114">
        <v>1689613</v>
      </c>
      <c r="CG21" s="114">
        <v>2900624</v>
      </c>
      <c r="CH21" s="114">
        <v>804435</v>
      </c>
      <c r="CI21" s="114">
        <v>1639977</v>
      </c>
      <c r="CJ21" s="114">
        <v>0</v>
      </c>
      <c r="CK21" s="113">
        <v>7034649</v>
      </c>
      <c r="CL21" s="116">
        <v>7211478</v>
      </c>
      <c r="CM21" s="110">
        <v>0</v>
      </c>
      <c r="CN21" s="114">
        <v>0</v>
      </c>
      <c r="CO21" s="113">
        <v>0</v>
      </c>
      <c r="CP21" s="111">
        <v>0</v>
      </c>
      <c r="CQ21" s="114">
        <v>966293</v>
      </c>
      <c r="CR21" s="114">
        <v>1123275</v>
      </c>
      <c r="CS21" s="114">
        <v>600308</v>
      </c>
      <c r="CT21" s="114">
        <v>1331040</v>
      </c>
      <c r="CU21" s="114">
        <v>0</v>
      </c>
      <c r="CV21" s="113">
        <v>4020916</v>
      </c>
      <c r="CW21" s="116">
        <v>4020916</v>
      </c>
      <c r="CX21" s="110">
        <v>21271</v>
      </c>
      <c r="CY21" s="114">
        <v>155558</v>
      </c>
      <c r="CZ21" s="113">
        <v>176829</v>
      </c>
      <c r="DA21" s="110">
        <v>0</v>
      </c>
      <c r="DB21" s="114">
        <v>723320</v>
      </c>
      <c r="DC21" s="114">
        <v>1777349</v>
      </c>
      <c r="DD21" s="114">
        <v>204127</v>
      </c>
      <c r="DE21" s="114">
        <v>308937</v>
      </c>
      <c r="DF21" s="114">
        <v>0</v>
      </c>
      <c r="DG21" s="113">
        <v>3013733</v>
      </c>
      <c r="DH21" s="116">
        <v>3190562</v>
      </c>
      <c r="DI21" s="110">
        <v>0</v>
      </c>
      <c r="DJ21" s="114">
        <v>0</v>
      </c>
      <c r="DK21" s="112">
        <v>0</v>
      </c>
      <c r="DL21" s="111">
        <v>0</v>
      </c>
      <c r="DM21" s="114">
        <v>61417</v>
      </c>
      <c r="DN21" s="114">
        <v>362399</v>
      </c>
      <c r="DO21" s="114">
        <v>232100</v>
      </c>
      <c r="DP21" s="114">
        <v>103847</v>
      </c>
      <c r="DQ21" s="114">
        <v>29865</v>
      </c>
      <c r="DR21" s="113">
        <v>789628</v>
      </c>
      <c r="DS21" s="116">
        <v>789628</v>
      </c>
      <c r="DT21" s="110">
        <v>0</v>
      </c>
      <c r="DU21" s="114">
        <v>0</v>
      </c>
      <c r="DV21" s="113">
        <v>0</v>
      </c>
      <c r="DW21" s="110">
        <v>0</v>
      </c>
      <c r="DX21" s="114">
        <v>61417</v>
      </c>
      <c r="DY21" s="114">
        <v>251154</v>
      </c>
      <c r="DZ21" s="114">
        <v>232100</v>
      </c>
      <c r="EA21" s="114">
        <v>42129</v>
      </c>
      <c r="EB21" s="114">
        <v>29865</v>
      </c>
      <c r="EC21" s="113">
        <v>616665</v>
      </c>
      <c r="ED21" s="116">
        <v>616665</v>
      </c>
      <c r="EE21" s="110">
        <v>0</v>
      </c>
      <c r="EF21" s="112">
        <v>0</v>
      </c>
      <c r="EG21" s="113">
        <v>0</v>
      </c>
      <c r="EH21" s="110">
        <v>0</v>
      </c>
      <c r="EI21" s="114">
        <v>0</v>
      </c>
      <c r="EJ21" s="114">
        <v>111245</v>
      </c>
      <c r="EK21" s="114">
        <v>0</v>
      </c>
      <c r="EL21" s="114">
        <v>61718</v>
      </c>
      <c r="EM21" s="114">
        <v>0</v>
      </c>
      <c r="EN21" s="112">
        <v>172963</v>
      </c>
      <c r="EO21" s="116">
        <v>172963</v>
      </c>
      <c r="EP21" s="110">
        <v>0</v>
      </c>
      <c r="EQ21" s="114">
        <v>0</v>
      </c>
      <c r="ER21" s="112">
        <v>0</v>
      </c>
      <c r="ES21" s="111">
        <v>0</v>
      </c>
      <c r="ET21" s="114">
        <v>0</v>
      </c>
      <c r="EU21" s="114">
        <v>0</v>
      </c>
      <c r="EV21" s="114">
        <v>0</v>
      </c>
      <c r="EW21" s="114">
        <v>0</v>
      </c>
      <c r="EX21" s="114">
        <v>0</v>
      </c>
      <c r="EY21" s="113">
        <v>0</v>
      </c>
      <c r="EZ21" s="116">
        <v>0</v>
      </c>
      <c r="FA21" s="110">
        <v>0</v>
      </c>
      <c r="FB21" s="114">
        <v>0</v>
      </c>
      <c r="FC21" s="112">
        <v>0</v>
      </c>
      <c r="FD21" s="347"/>
      <c r="FE21" s="114">
        <v>0</v>
      </c>
      <c r="FF21" s="114">
        <v>0</v>
      </c>
      <c r="FG21" s="114">
        <v>0</v>
      </c>
      <c r="FH21" s="114">
        <v>0</v>
      </c>
      <c r="FI21" s="114">
        <v>0</v>
      </c>
      <c r="FJ21" s="113">
        <v>0</v>
      </c>
      <c r="FK21" s="116">
        <v>0</v>
      </c>
      <c r="FL21" s="110">
        <v>41576</v>
      </c>
      <c r="FM21" s="114">
        <v>114960</v>
      </c>
      <c r="FN21" s="113">
        <v>156536</v>
      </c>
      <c r="FO21" s="110">
        <v>0</v>
      </c>
      <c r="FP21" s="114">
        <v>292395</v>
      </c>
      <c r="FQ21" s="114">
        <v>604416</v>
      </c>
      <c r="FR21" s="114">
        <v>259792</v>
      </c>
      <c r="FS21" s="114">
        <v>294840</v>
      </c>
      <c r="FT21" s="114">
        <v>53120</v>
      </c>
      <c r="FU21" s="113">
        <v>1504563</v>
      </c>
      <c r="FV21" s="116">
        <v>1661099</v>
      </c>
      <c r="FW21" s="115">
        <v>41576</v>
      </c>
      <c r="FX21" s="114">
        <v>114960</v>
      </c>
      <c r="FY21" s="112">
        <v>156536</v>
      </c>
      <c r="FZ21" s="111">
        <v>0</v>
      </c>
      <c r="GA21" s="114">
        <v>152880</v>
      </c>
      <c r="GB21" s="114">
        <v>604416</v>
      </c>
      <c r="GC21" s="114">
        <v>259792</v>
      </c>
      <c r="GD21" s="114">
        <v>294840</v>
      </c>
      <c r="GE21" s="114">
        <v>53120</v>
      </c>
      <c r="GF21" s="113">
        <v>1365048</v>
      </c>
      <c r="GG21" s="318">
        <v>1521584</v>
      </c>
      <c r="GH21" s="115">
        <v>0</v>
      </c>
      <c r="GI21" s="114">
        <v>0</v>
      </c>
      <c r="GJ21" s="112">
        <v>0</v>
      </c>
      <c r="GK21" s="111">
        <v>0</v>
      </c>
      <c r="GL21" s="114">
        <v>0</v>
      </c>
      <c r="GM21" s="114">
        <v>0</v>
      </c>
      <c r="GN21" s="114">
        <v>0</v>
      </c>
      <c r="GO21" s="114">
        <v>0</v>
      </c>
      <c r="GP21" s="114">
        <v>0</v>
      </c>
      <c r="GQ21" s="113">
        <v>0</v>
      </c>
      <c r="GR21" s="116">
        <v>0</v>
      </c>
      <c r="GS21" s="110">
        <v>0</v>
      </c>
      <c r="GT21" s="114">
        <v>0</v>
      </c>
      <c r="GU21" s="113">
        <v>0</v>
      </c>
      <c r="GV21" s="110">
        <v>0</v>
      </c>
      <c r="GW21" s="114">
        <v>139515</v>
      </c>
      <c r="GX21" s="114">
        <v>0</v>
      </c>
      <c r="GY21" s="114">
        <v>0</v>
      </c>
      <c r="GZ21" s="114">
        <v>0</v>
      </c>
      <c r="HA21" s="114">
        <v>0</v>
      </c>
      <c r="HB21" s="112">
        <v>139515</v>
      </c>
      <c r="HC21" s="116">
        <v>139515</v>
      </c>
      <c r="HD21" s="110">
        <v>108768</v>
      </c>
      <c r="HE21" s="114">
        <v>155494</v>
      </c>
      <c r="HF21" s="112">
        <v>264262</v>
      </c>
      <c r="HG21" s="111">
        <v>0</v>
      </c>
      <c r="HH21" s="114">
        <v>1465622</v>
      </c>
      <c r="HI21" s="114">
        <v>1779735</v>
      </c>
      <c r="HJ21" s="114">
        <v>1820380</v>
      </c>
      <c r="HK21" s="114">
        <v>3042149</v>
      </c>
      <c r="HL21" s="114">
        <v>733235</v>
      </c>
      <c r="HM21" s="113">
        <v>8841121</v>
      </c>
      <c r="HN21" s="109">
        <v>9105383</v>
      </c>
      <c r="HO21" s="328"/>
      <c r="HP21" s="329"/>
      <c r="HQ21" s="330"/>
      <c r="HR21" s="331"/>
      <c r="HS21" s="329"/>
      <c r="HT21" s="329"/>
      <c r="HU21" s="329"/>
      <c r="HV21" s="329"/>
      <c r="HW21" s="329"/>
      <c r="HX21" s="332"/>
      <c r="HY21" s="333"/>
      <c r="HZ21" s="131">
        <v>0</v>
      </c>
      <c r="IA21" s="132">
        <v>0</v>
      </c>
      <c r="IB21" s="133">
        <v>0</v>
      </c>
      <c r="IC21" s="146">
        <v>0</v>
      </c>
      <c r="ID21" s="132">
        <v>579823</v>
      </c>
      <c r="IE21" s="147">
        <v>1662486</v>
      </c>
      <c r="IF21" s="133">
        <v>2960505</v>
      </c>
      <c r="IG21" s="132">
        <v>550945</v>
      </c>
      <c r="IH21" s="133">
        <v>526315</v>
      </c>
      <c r="II21" s="148">
        <v>6280074</v>
      </c>
      <c r="IJ21" s="139">
        <v>6280074</v>
      </c>
      <c r="IK21" s="232">
        <v>0</v>
      </c>
      <c r="IL21" s="236">
        <v>0</v>
      </c>
      <c r="IM21" s="237">
        <v>0</v>
      </c>
      <c r="IN21" s="140"/>
      <c r="IO21" s="119">
        <v>76082</v>
      </c>
      <c r="IP21" s="119">
        <v>0</v>
      </c>
      <c r="IQ21" s="119">
        <v>342198</v>
      </c>
      <c r="IR21" s="119">
        <v>0</v>
      </c>
      <c r="IS21" s="119">
        <v>0</v>
      </c>
      <c r="IT21" s="141">
        <v>418280</v>
      </c>
      <c r="IU21" s="320">
        <v>418280</v>
      </c>
      <c r="IV21" s="142">
        <v>0</v>
      </c>
      <c r="IW21" s="119">
        <v>0</v>
      </c>
      <c r="IX21" s="120">
        <v>0</v>
      </c>
      <c r="IY21" s="144"/>
      <c r="IZ21" s="119">
        <v>0</v>
      </c>
      <c r="JA21" s="119">
        <v>0</v>
      </c>
      <c r="JB21" s="119">
        <v>22348</v>
      </c>
      <c r="JC21" s="119">
        <v>0</v>
      </c>
      <c r="JD21" s="119">
        <v>0</v>
      </c>
      <c r="JE21" s="120">
        <v>22348</v>
      </c>
      <c r="JF21" s="121">
        <v>22348</v>
      </c>
      <c r="JG21" s="142">
        <v>0</v>
      </c>
      <c r="JH21" s="119">
        <v>0</v>
      </c>
      <c r="JI21" s="141">
        <v>0</v>
      </c>
      <c r="JJ21" s="118">
        <v>0</v>
      </c>
      <c r="JK21" s="119">
        <v>270268</v>
      </c>
      <c r="JL21" s="119">
        <v>428350</v>
      </c>
      <c r="JM21" s="119">
        <v>507267</v>
      </c>
      <c r="JN21" s="119">
        <v>34209</v>
      </c>
      <c r="JO21" s="119">
        <v>0</v>
      </c>
      <c r="JP21" s="120">
        <v>1240094</v>
      </c>
      <c r="JQ21" s="320">
        <v>1240094</v>
      </c>
      <c r="JR21" s="142">
        <v>0</v>
      </c>
      <c r="JS21" s="119">
        <v>0</v>
      </c>
      <c r="JT21" s="141">
        <v>0</v>
      </c>
      <c r="JU21" s="118">
        <v>0</v>
      </c>
      <c r="JV21" s="119">
        <v>0</v>
      </c>
      <c r="JW21" s="119">
        <v>0</v>
      </c>
      <c r="JX21" s="119">
        <v>70351</v>
      </c>
      <c r="JY21" s="119">
        <v>0</v>
      </c>
      <c r="JZ21" s="119">
        <v>0</v>
      </c>
      <c r="KA21" s="120">
        <v>70351</v>
      </c>
      <c r="KB21" s="320">
        <v>70351</v>
      </c>
      <c r="KC21" s="234">
        <v>0</v>
      </c>
      <c r="KD21" s="230">
        <v>0</v>
      </c>
      <c r="KE21" s="120">
        <v>0</v>
      </c>
      <c r="KF21" s="118">
        <v>0</v>
      </c>
      <c r="KG21" s="119">
        <v>0</v>
      </c>
      <c r="KH21" s="119">
        <v>329169</v>
      </c>
      <c r="KI21" s="119">
        <v>474534</v>
      </c>
      <c r="KJ21" s="119">
        <v>0</v>
      </c>
      <c r="KK21" s="119">
        <v>0</v>
      </c>
      <c r="KL21" s="120">
        <v>803703</v>
      </c>
      <c r="KM21" s="143">
        <v>803703</v>
      </c>
      <c r="KN21" s="232">
        <v>0</v>
      </c>
      <c r="KO21" s="236">
        <v>0</v>
      </c>
      <c r="KP21" s="237">
        <v>0</v>
      </c>
      <c r="KQ21" s="140"/>
      <c r="KR21" s="119">
        <v>233473</v>
      </c>
      <c r="KS21" s="119">
        <v>736209</v>
      </c>
      <c r="KT21" s="119">
        <v>1307416</v>
      </c>
      <c r="KU21" s="119">
        <v>516736</v>
      </c>
      <c r="KV21" s="119">
        <v>526315</v>
      </c>
      <c r="KW21" s="120">
        <v>3320149</v>
      </c>
      <c r="KX21" s="320">
        <v>3320149</v>
      </c>
      <c r="KY21" s="142">
        <v>0</v>
      </c>
      <c r="KZ21" s="119">
        <v>0</v>
      </c>
      <c r="LA21" s="120">
        <v>0</v>
      </c>
      <c r="LB21" s="145"/>
      <c r="LC21" s="119">
        <v>0</v>
      </c>
      <c r="LD21" s="119">
        <v>0</v>
      </c>
      <c r="LE21" s="119">
        <v>0</v>
      </c>
      <c r="LF21" s="119">
        <v>0</v>
      </c>
      <c r="LG21" s="119">
        <v>0</v>
      </c>
      <c r="LH21" s="120">
        <v>0</v>
      </c>
      <c r="LI21" s="121">
        <v>0</v>
      </c>
      <c r="LJ21" s="142">
        <v>0</v>
      </c>
      <c r="LK21" s="119">
        <v>0</v>
      </c>
      <c r="LL21" s="120">
        <v>0</v>
      </c>
      <c r="LM21" s="145"/>
      <c r="LN21" s="119">
        <v>0</v>
      </c>
      <c r="LO21" s="119">
        <v>0</v>
      </c>
      <c r="LP21" s="119">
        <v>0</v>
      </c>
      <c r="LQ21" s="119">
        <v>0</v>
      </c>
      <c r="LR21" s="119">
        <v>0</v>
      </c>
      <c r="LS21" s="120">
        <v>0</v>
      </c>
      <c r="LT21" s="320">
        <v>0</v>
      </c>
      <c r="LU21" s="142">
        <v>0</v>
      </c>
      <c r="LV21" s="119">
        <v>0</v>
      </c>
      <c r="LW21" s="120">
        <v>0</v>
      </c>
      <c r="LX21" s="145"/>
      <c r="LY21" s="119">
        <v>0</v>
      </c>
      <c r="LZ21" s="119">
        <v>168758</v>
      </c>
      <c r="MA21" s="119">
        <v>236391</v>
      </c>
      <c r="MB21" s="119">
        <v>0</v>
      </c>
      <c r="MC21" s="119">
        <v>0</v>
      </c>
      <c r="MD21" s="120">
        <v>405149</v>
      </c>
      <c r="ME21" s="121">
        <v>405149</v>
      </c>
      <c r="MF21" s="142">
        <v>0</v>
      </c>
      <c r="MG21" s="119">
        <v>0</v>
      </c>
      <c r="MH21" s="120">
        <v>0</v>
      </c>
      <c r="MI21" s="145"/>
      <c r="MJ21" s="119">
        <v>248369</v>
      </c>
      <c r="MK21" s="119">
        <v>1186807</v>
      </c>
      <c r="ML21" s="119">
        <v>2192591</v>
      </c>
      <c r="MM21" s="119">
        <v>3586074</v>
      </c>
      <c r="MN21" s="119">
        <v>2119535</v>
      </c>
      <c r="MO21" s="120">
        <v>9333376</v>
      </c>
      <c r="MP21" s="143">
        <v>9333376</v>
      </c>
      <c r="MQ21" s="142">
        <v>0</v>
      </c>
      <c r="MR21" s="119">
        <v>0</v>
      </c>
      <c r="MS21" s="120">
        <v>0</v>
      </c>
      <c r="MT21" s="145"/>
      <c r="MU21" s="119">
        <v>0</v>
      </c>
      <c r="MV21" s="119">
        <v>212013</v>
      </c>
      <c r="MW21" s="119">
        <v>1107952</v>
      </c>
      <c r="MX21" s="119">
        <v>2395545</v>
      </c>
      <c r="MY21" s="119">
        <v>1113204</v>
      </c>
      <c r="MZ21" s="120">
        <v>4828714</v>
      </c>
      <c r="NA21" s="143">
        <v>4828714</v>
      </c>
      <c r="NB21" s="142">
        <v>0</v>
      </c>
      <c r="NC21" s="119">
        <v>0</v>
      </c>
      <c r="ND21" s="120">
        <v>0</v>
      </c>
      <c r="NE21" s="145"/>
      <c r="NF21" s="119">
        <v>248369</v>
      </c>
      <c r="NG21" s="119">
        <v>974794</v>
      </c>
      <c r="NH21" s="119">
        <v>1084639</v>
      </c>
      <c r="NI21" s="119">
        <v>1190529</v>
      </c>
      <c r="NJ21" s="119">
        <v>602141</v>
      </c>
      <c r="NK21" s="120">
        <v>4100472</v>
      </c>
      <c r="NL21" s="320">
        <v>4100472</v>
      </c>
      <c r="NM21" s="142">
        <v>0</v>
      </c>
      <c r="NN21" s="119">
        <v>0</v>
      </c>
      <c r="NO21" s="120">
        <v>0</v>
      </c>
      <c r="NP21" s="145"/>
      <c r="NQ21" s="119">
        <v>0</v>
      </c>
      <c r="NR21" s="119">
        <v>0</v>
      </c>
      <c r="NS21" s="119">
        <v>0</v>
      </c>
      <c r="NT21" s="119">
        <v>0</v>
      </c>
      <c r="NU21" s="119">
        <v>0</v>
      </c>
      <c r="NV21" s="120">
        <v>0</v>
      </c>
      <c r="NW21" s="121">
        <v>0</v>
      </c>
      <c r="NX21" s="142">
        <v>0</v>
      </c>
      <c r="NY21" s="119">
        <v>0</v>
      </c>
      <c r="NZ21" s="120">
        <v>0</v>
      </c>
      <c r="OA21" s="145"/>
      <c r="OB21" s="119">
        <v>0</v>
      </c>
      <c r="OC21" s="119">
        <v>0</v>
      </c>
      <c r="OD21" s="119">
        <v>0</v>
      </c>
      <c r="OE21" s="119">
        <v>0</v>
      </c>
      <c r="OF21" s="119">
        <v>404190</v>
      </c>
      <c r="OG21" s="120">
        <v>404190</v>
      </c>
      <c r="OH21" s="121">
        <v>404190</v>
      </c>
      <c r="OI21" s="142">
        <v>262524</v>
      </c>
      <c r="OJ21" s="119">
        <v>548733</v>
      </c>
      <c r="OK21" s="141">
        <v>811257</v>
      </c>
      <c r="OL21" s="118">
        <v>0</v>
      </c>
      <c r="OM21" s="119">
        <v>5630413</v>
      </c>
      <c r="ON21" s="119">
        <v>9939242</v>
      </c>
      <c r="OO21" s="119">
        <v>9177124</v>
      </c>
      <c r="OP21" s="119">
        <v>10234311</v>
      </c>
      <c r="OQ21" s="119">
        <v>4186148</v>
      </c>
      <c r="OR21" s="120">
        <v>39167238</v>
      </c>
      <c r="OS21" s="143">
        <v>39978495</v>
      </c>
    </row>
    <row r="22" spans="2:409" ht="21" customHeight="1" x14ac:dyDescent="0.2">
      <c r="B22" s="126" t="s">
        <v>17</v>
      </c>
      <c r="C22" s="110">
        <v>581272</v>
      </c>
      <c r="D22" s="114">
        <v>865999</v>
      </c>
      <c r="E22" s="113">
        <v>1447271</v>
      </c>
      <c r="F22" s="109">
        <v>0</v>
      </c>
      <c r="G22" s="114">
        <v>4887224</v>
      </c>
      <c r="H22" s="114">
        <v>5759288</v>
      </c>
      <c r="I22" s="114">
        <v>4172849</v>
      </c>
      <c r="J22" s="114">
        <v>4309952</v>
      </c>
      <c r="K22" s="114">
        <v>5159895</v>
      </c>
      <c r="L22" s="109">
        <v>24289208</v>
      </c>
      <c r="M22" s="116">
        <v>25736479</v>
      </c>
      <c r="N22" s="110">
        <v>69978</v>
      </c>
      <c r="O22" s="114">
        <v>281030</v>
      </c>
      <c r="P22" s="113">
        <v>351008</v>
      </c>
      <c r="Q22" s="110">
        <v>0</v>
      </c>
      <c r="R22" s="114">
        <v>743506</v>
      </c>
      <c r="S22" s="114">
        <v>1774006</v>
      </c>
      <c r="T22" s="114">
        <v>1395217</v>
      </c>
      <c r="U22" s="114">
        <v>534666</v>
      </c>
      <c r="V22" s="114">
        <v>3011955</v>
      </c>
      <c r="W22" s="113">
        <v>7459350</v>
      </c>
      <c r="X22" s="116">
        <v>7810358</v>
      </c>
      <c r="Y22" s="110">
        <v>0</v>
      </c>
      <c r="Z22" s="114">
        <v>0</v>
      </c>
      <c r="AA22" s="113">
        <v>0</v>
      </c>
      <c r="AB22" s="110">
        <v>0</v>
      </c>
      <c r="AC22" s="114">
        <v>225067</v>
      </c>
      <c r="AD22" s="114">
        <v>854574</v>
      </c>
      <c r="AE22" s="114">
        <v>1004873</v>
      </c>
      <c r="AF22" s="114">
        <v>182984</v>
      </c>
      <c r="AG22" s="114">
        <v>1675590</v>
      </c>
      <c r="AH22" s="113">
        <v>3943088</v>
      </c>
      <c r="AI22" s="116">
        <v>3943088</v>
      </c>
      <c r="AJ22" s="110">
        <v>0</v>
      </c>
      <c r="AK22" s="114">
        <v>0</v>
      </c>
      <c r="AL22" s="113">
        <v>0</v>
      </c>
      <c r="AM22" s="110">
        <v>0</v>
      </c>
      <c r="AN22" s="114">
        <v>0</v>
      </c>
      <c r="AO22" s="114">
        <v>25573</v>
      </c>
      <c r="AP22" s="114">
        <v>0</v>
      </c>
      <c r="AQ22" s="114">
        <v>0</v>
      </c>
      <c r="AR22" s="114">
        <v>309401</v>
      </c>
      <c r="AS22" s="113">
        <v>334974</v>
      </c>
      <c r="AT22" s="116">
        <v>334974</v>
      </c>
      <c r="AU22" s="110">
        <v>43194</v>
      </c>
      <c r="AV22" s="114">
        <v>95162</v>
      </c>
      <c r="AW22" s="113">
        <v>138356</v>
      </c>
      <c r="AX22" s="110">
        <v>0</v>
      </c>
      <c r="AY22" s="114">
        <v>396727</v>
      </c>
      <c r="AZ22" s="114">
        <v>486357</v>
      </c>
      <c r="BA22" s="114">
        <v>219488</v>
      </c>
      <c r="BB22" s="114">
        <v>147698</v>
      </c>
      <c r="BC22" s="114">
        <v>777756</v>
      </c>
      <c r="BD22" s="113">
        <v>2028026</v>
      </c>
      <c r="BE22" s="116">
        <v>2166382</v>
      </c>
      <c r="BF22" s="110">
        <v>0</v>
      </c>
      <c r="BG22" s="114">
        <v>137188</v>
      </c>
      <c r="BH22" s="112">
        <v>137188</v>
      </c>
      <c r="BI22" s="111">
        <v>0</v>
      </c>
      <c r="BJ22" s="114">
        <v>0</v>
      </c>
      <c r="BK22" s="114">
        <v>124958</v>
      </c>
      <c r="BL22" s="114">
        <v>0</v>
      </c>
      <c r="BM22" s="114">
        <v>27400</v>
      </c>
      <c r="BN22" s="114">
        <v>0</v>
      </c>
      <c r="BO22" s="113">
        <v>152358</v>
      </c>
      <c r="BP22" s="116">
        <v>289546</v>
      </c>
      <c r="BQ22" s="110">
        <v>26784</v>
      </c>
      <c r="BR22" s="114">
        <v>48680</v>
      </c>
      <c r="BS22" s="113">
        <v>75464</v>
      </c>
      <c r="BT22" s="110">
        <v>0</v>
      </c>
      <c r="BU22" s="114">
        <v>121712</v>
      </c>
      <c r="BV22" s="114">
        <v>282544</v>
      </c>
      <c r="BW22" s="114">
        <v>170856</v>
      </c>
      <c r="BX22" s="114">
        <v>176584</v>
      </c>
      <c r="BY22" s="114">
        <v>249208</v>
      </c>
      <c r="BZ22" s="113">
        <v>1000904</v>
      </c>
      <c r="CA22" s="116">
        <v>1076368</v>
      </c>
      <c r="CB22" s="110">
        <v>66832</v>
      </c>
      <c r="CC22" s="114">
        <v>227889</v>
      </c>
      <c r="CD22" s="113">
        <v>294721</v>
      </c>
      <c r="CE22" s="110">
        <v>0</v>
      </c>
      <c r="CF22" s="114">
        <v>1483702</v>
      </c>
      <c r="CG22" s="114">
        <v>2360577</v>
      </c>
      <c r="CH22" s="114">
        <v>683982</v>
      </c>
      <c r="CI22" s="114">
        <v>1057621</v>
      </c>
      <c r="CJ22" s="114">
        <v>417933</v>
      </c>
      <c r="CK22" s="113">
        <v>6003815</v>
      </c>
      <c r="CL22" s="116">
        <v>6298536</v>
      </c>
      <c r="CM22" s="110">
        <v>0</v>
      </c>
      <c r="CN22" s="114">
        <v>0</v>
      </c>
      <c r="CO22" s="113">
        <v>0</v>
      </c>
      <c r="CP22" s="111">
        <v>0</v>
      </c>
      <c r="CQ22" s="114">
        <v>1347990</v>
      </c>
      <c r="CR22" s="114">
        <v>1525806</v>
      </c>
      <c r="CS22" s="114">
        <v>506959</v>
      </c>
      <c r="CT22" s="114">
        <v>943458</v>
      </c>
      <c r="CU22" s="114">
        <v>313152</v>
      </c>
      <c r="CV22" s="113">
        <v>4637365</v>
      </c>
      <c r="CW22" s="116">
        <v>4637365</v>
      </c>
      <c r="CX22" s="110">
        <v>66832</v>
      </c>
      <c r="CY22" s="114">
        <v>227889</v>
      </c>
      <c r="CZ22" s="113">
        <v>294721</v>
      </c>
      <c r="DA22" s="110">
        <v>0</v>
      </c>
      <c r="DB22" s="114">
        <v>135712</v>
      </c>
      <c r="DC22" s="114">
        <v>834771</v>
      </c>
      <c r="DD22" s="114">
        <v>177023</v>
      </c>
      <c r="DE22" s="114">
        <v>114163</v>
      </c>
      <c r="DF22" s="114">
        <v>104781</v>
      </c>
      <c r="DG22" s="113">
        <v>1366450</v>
      </c>
      <c r="DH22" s="116">
        <v>1661171</v>
      </c>
      <c r="DI22" s="110">
        <v>0</v>
      </c>
      <c r="DJ22" s="114">
        <v>0</v>
      </c>
      <c r="DK22" s="112">
        <v>0</v>
      </c>
      <c r="DL22" s="111">
        <v>0</v>
      </c>
      <c r="DM22" s="114">
        <v>389654</v>
      </c>
      <c r="DN22" s="114">
        <v>277301</v>
      </c>
      <c r="DO22" s="114">
        <v>244397</v>
      </c>
      <c r="DP22" s="114">
        <v>1267253</v>
      </c>
      <c r="DQ22" s="114">
        <v>221794</v>
      </c>
      <c r="DR22" s="113">
        <v>2400399</v>
      </c>
      <c r="DS22" s="116">
        <v>2400399</v>
      </c>
      <c r="DT22" s="110">
        <v>0</v>
      </c>
      <c r="DU22" s="114">
        <v>0</v>
      </c>
      <c r="DV22" s="113">
        <v>0</v>
      </c>
      <c r="DW22" s="110">
        <v>0</v>
      </c>
      <c r="DX22" s="114">
        <v>357546</v>
      </c>
      <c r="DY22" s="114">
        <v>160385</v>
      </c>
      <c r="DZ22" s="114">
        <v>174345</v>
      </c>
      <c r="EA22" s="114">
        <v>1267253</v>
      </c>
      <c r="EB22" s="114">
        <v>221794</v>
      </c>
      <c r="EC22" s="113">
        <v>2181323</v>
      </c>
      <c r="ED22" s="116">
        <v>2181323</v>
      </c>
      <c r="EE22" s="110">
        <v>0</v>
      </c>
      <c r="EF22" s="112">
        <v>0</v>
      </c>
      <c r="EG22" s="113">
        <v>0</v>
      </c>
      <c r="EH22" s="110">
        <v>0</v>
      </c>
      <c r="EI22" s="114">
        <v>32108</v>
      </c>
      <c r="EJ22" s="114">
        <v>116916</v>
      </c>
      <c r="EK22" s="114">
        <v>70052</v>
      </c>
      <c r="EL22" s="114">
        <v>0</v>
      </c>
      <c r="EM22" s="114">
        <v>0</v>
      </c>
      <c r="EN22" s="112">
        <v>219076</v>
      </c>
      <c r="EO22" s="116">
        <v>219076</v>
      </c>
      <c r="EP22" s="110">
        <v>0</v>
      </c>
      <c r="EQ22" s="114">
        <v>0</v>
      </c>
      <c r="ER22" s="112">
        <v>0</v>
      </c>
      <c r="ES22" s="111">
        <v>0</v>
      </c>
      <c r="ET22" s="114">
        <v>0</v>
      </c>
      <c r="EU22" s="114">
        <v>0</v>
      </c>
      <c r="EV22" s="114">
        <v>0</v>
      </c>
      <c r="EW22" s="114">
        <v>0</v>
      </c>
      <c r="EX22" s="114">
        <v>0</v>
      </c>
      <c r="EY22" s="113">
        <v>0</v>
      </c>
      <c r="EZ22" s="116">
        <v>0</v>
      </c>
      <c r="FA22" s="110">
        <v>0</v>
      </c>
      <c r="FB22" s="114">
        <v>0</v>
      </c>
      <c r="FC22" s="112">
        <v>0</v>
      </c>
      <c r="FD22" s="347"/>
      <c r="FE22" s="114">
        <v>0</v>
      </c>
      <c r="FF22" s="114">
        <v>0</v>
      </c>
      <c r="FG22" s="114">
        <v>0</v>
      </c>
      <c r="FH22" s="114">
        <v>0</v>
      </c>
      <c r="FI22" s="114">
        <v>0</v>
      </c>
      <c r="FJ22" s="113">
        <v>0</v>
      </c>
      <c r="FK22" s="116">
        <v>0</v>
      </c>
      <c r="FL22" s="110">
        <v>197296</v>
      </c>
      <c r="FM22" s="114">
        <v>170480</v>
      </c>
      <c r="FN22" s="113">
        <v>367776</v>
      </c>
      <c r="FO22" s="110">
        <v>0</v>
      </c>
      <c r="FP22" s="114">
        <v>802408</v>
      </c>
      <c r="FQ22" s="114">
        <v>784360</v>
      </c>
      <c r="FR22" s="114">
        <v>540424</v>
      </c>
      <c r="FS22" s="114">
        <v>240416</v>
      </c>
      <c r="FT22" s="114">
        <v>440032</v>
      </c>
      <c r="FU22" s="113">
        <v>2807640</v>
      </c>
      <c r="FV22" s="116">
        <v>3175416</v>
      </c>
      <c r="FW22" s="115">
        <v>67696</v>
      </c>
      <c r="FX22" s="114">
        <v>129680</v>
      </c>
      <c r="FY22" s="112">
        <v>197376</v>
      </c>
      <c r="FZ22" s="111">
        <v>0</v>
      </c>
      <c r="GA22" s="114">
        <v>260616</v>
      </c>
      <c r="GB22" s="114">
        <v>784360</v>
      </c>
      <c r="GC22" s="114">
        <v>516664</v>
      </c>
      <c r="GD22" s="114">
        <v>222976</v>
      </c>
      <c r="GE22" s="114">
        <v>440032</v>
      </c>
      <c r="GF22" s="113">
        <v>2224648</v>
      </c>
      <c r="GG22" s="318">
        <v>2422024</v>
      </c>
      <c r="GH22" s="115">
        <v>0</v>
      </c>
      <c r="GI22" s="114">
        <v>0</v>
      </c>
      <c r="GJ22" s="112">
        <v>0</v>
      </c>
      <c r="GK22" s="111">
        <v>0</v>
      </c>
      <c r="GL22" s="114">
        <v>58592</v>
      </c>
      <c r="GM22" s="114">
        <v>0</v>
      </c>
      <c r="GN22" s="114">
        <v>23760</v>
      </c>
      <c r="GO22" s="114">
        <v>17440</v>
      </c>
      <c r="GP22" s="114">
        <v>0</v>
      </c>
      <c r="GQ22" s="113">
        <v>99792</v>
      </c>
      <c r="GR22" s="116">
        <v>99792</v>
      </c>
      <c r="GS22" s="110">
        <v>129600</v>
      </c>
      <c r="GT22" s="114">
        <v>40800</v>
      </c>
      <c r="GU22" s="113">
        <v>170400</v>
      </c>
      <c r="GV22" s="110">
        <v>0</v>
      </c>
      <c r="GW22" s="114">
        <v>483200</v>
      </c>
      <c r="GX22" s="114">
        <v>0</v>
      </c>
      <c r="GY22" s="114">
        <v>0</v>
      </c>
      <c r="GZ22" s="114">
        <v>0</v>
      </c>
      <c r="HA22" s="114">
        <v>0</v>
      </c>
      <c r="HB22" s="112">
        <v>483200</v>
      </c>
      <c r="HC22" s="116">
        <v>653600</v>
      </c>
      <c r="HD22" s="110">
        <v>247166</v>
      </c>
      <c r="HE22" s="114">
        <v>186600</v>
      </c>
      <c r="HF22" s="112">
        <v>433766</v>
      </c>
      <c r="HG22" s="111">
        <v>0</v>
      </c>
      <c r="HH22" s="114">
        <v>1467954</v>
      </c>
      <c r="HI22" s="114">
        <v>563044</v>
      </c>
      <c r="HJ22" s="114">
        <v>1308829</v>
      </c>
      <c r="HK22" s="114">
        <v>1209996</v>
      </c>
      <c r="HL22" s="114">
        <v>1068181</v>
      </c>
      <c r="HM22" s="113">
        <v>5618004</v>
      </c>
      <c r="HN22" s="109">
        <v>6051770</v>
      </c>
      <c r="HO22" s="328"/>
      <c r="HP22" s="329"/>
      <c r="HQ22" s="330"/>
      <c r="HR22" s="331"/>
      <c r="HS22" s="329"/>
      <c r="HT22" s="329"/>
      <c r="HU22" s="329"/>
      <c r="HV22" s="329"/>
      <c r="HW22" s="329"/>
      <c r="HX22" s="332"/>
      <c r="HY22" s="333"/>
      <c r="HZ22" s="150">
        <v>0</v>
      </c>
      <c r="IA22" s="135">
        <v>0</v>
      </c>
      <c r="IB22" s="150">
        <v>0</v>
      </c>
      <c r="IC22" s="134">
        <v>0</v>
      </c>
      <c r="ID22" s="135">
        <v>915741</v>
      </c>
      <c r="IE22" s="136">
        <v>3289516</v>
      </c>
      <c r="IF22" s="137">
        <v>2743949</v>
      </c>
      <c r="IG22" s="135">
        <v>1110019</v>
      </c>
      <c r="IH22" s="137">
        <v>1122847</v>
      </c>
      <c r="II22" s="138">
        <v>9182072</v>
      </c>
      <c r="IJ22" s="150">
        <v>9182072</v>
      </c>
      <c r="IK22" s="232">
        <v>0</v>
      </c>
      <c r="IL22" s="236">
        <v>0</v>
      </c>
      <c r="IM22" s="237">
        <v>0</v>
      </c>
      <c r="IN22" s="140"/>
      <c r="IO22" s="119">
        <v>0</v>
      </c>
      <c r="IP22" s="119">
        <v>95563</v>
      </c>
      <c r="IQ22" s="119">
        <v>0</v>
      </c>
      <c r="IR22" s="119">
        <v>0</v>
      </c>
      <c r="IS22" s="119">
        <v>0</v>
      </c>
      <c r="IT22" s="141">
        <v>95563</v>
      </c>
      <c r="IU22" s="320">
        <v>95563</v>
      </c>
      <c r="IV22" s="142">
        <v>0</v>
      </c>
      <c r="IW22" s="119">
        <v>0</v>
      </c>
      <c r="IX22" s="120">
        <v>0</v>
      </c>
      <c r="IY22" s="144"/>
      <c r="IZ22" s="119">
        <v>0</v>
      </c>
      <c r="JA22" s="119">
        <v>0</v>
      </c>
      <c r="JB22" s="119">
        <v>0</v>
      </c>
      <c r="JC22" s="119">
        <v>0</v>
      </c>
      <c r="JD22" s="119">
        <v>0</v>
      </c>
      <c r="JE22" s="120">
        <v>0</v>
      </c>
      <c r="JF22" s="121">
        <v>0</v>
      </c>
      <c r="JG22" s="142">
        <v>0</v>
      </c>
      <c r="JH22" s="119">
        <v>0</v>
      </c>
      <c r="JI22" s="141">
        <v>0</v>
      </c>
      <c r="JJ22" s="118">
        <v>0</v>
      </c>
      <c r="JK22" s="119">
        <v>445860</v>
      </c>
      <c r="JL22" s="119">
        <v>712665</v>
      </c>
      <c r="JM22" s="119">
        <v>855107</v>
      </c>
      <c r="JN22" s="119">
        <v>456336</v>
      </c>
      <c r="JO22" s="119">
        <v>624277</v>
      </c>
      <c r="JP22" s="120">
        <v>3094245</v>
      </c>
      <c r="JQ22" s="320">
        <v>3094245</v>
      </c>
      <c r="JR22" s="142">
        <v>0</v>
      </c>
      <c r="JS22" s="119">
        <v>0</v>
      </c>
      <c r="JT22" s="141">
        <v>0</v>
      </c>
      <c r="JU22" s="118">
        <v>0</v>
      </c>
      <c r="JV22" s="119">
        <v>198214</v>
      </c>
      <c r="JW22" s="119">
        <v>57248</v>
      </c>
      <c r="JX22" s="119">
        <v>110266</v>
      </c>
      <c r="JY22" s="119">
        <v>0</v>
      </c>
      <c r="JZ22" s="119">
        <v>0</v>
      </c>
      <c r="KA22" s="120">
        <v>365728</v>
      </c>
      <c r="KB22" s="320">
        <v>365728</v>
      </c>
      <c r="KC22" s="234">
        <v>0</v>
      </c>
      <c r="KD22" s="230">
        <v>0</v>
      </c>
      <c r="KE22" s="120">
        <v>0</v>
      </c>
      <c r="KF22" s="118">
        <v>0</v>
      </c>
      <c r="KG22" s="119">
        <v>271667</v>
      </c>
      <c r="KH22" s="119">
        <v>431633</v>
      </c>
      <c r="KI22" s="119">
        <v>500439</v>
      </c>
      <c r="KJ22" s="119">
        <v>389054</v>
      </c>
      <c r="KK22" s="119">
        <v>136882</v>
      </c>
      <c r="KL22" s="120">
        <v>1729675</v>
      </c>
      <c r="KM22" s="143">
        <v>1729675</v>
      </c>
      <c r="KN22" s="232">
        <v>0</v>
      </c>
      <c r="KO22" s="236">
        <v>0</v>
      </c>
      <c r="KP22" s="237">
        <v>0</v>
      </c>
      <c r="KQ22" s="140"/>
      <c r="KR22" s="119">
        <v>0</v>
      </c>
      <c r="KS22" s="119">
        <v>1783344</v>
      </c>
      <c r="KT22" s="119">
        <v>521484</v>
      </c>
      <c r="KU22" s="119">
        <v>264629</v>
      </c>
      <c r="KV22" s="119">
        <v>0</v>
      </c>
      <c r="KW22" s="120">
        <v>2569457</v>
      </c>
      <c r="KX22" s="320">
        <v>2569457</v>
      </c>
      <c r="KY22" s="142">
        <v>0</v>
      </c>
      <c r="KZ22" s="119">
        <v>0</v>
      </c>
      <c r="LA22" s="120">
        <v>0</v>
      </c>
      <c r="LB22" s="145"/>
      <c r="LC22" s="119">
        <v>0</v>
      </c>
      <c r="LD22" s="119">
        <v>0</v>
      </c>
      <c r="LE22" s="119">
        <v>0</v>
      </c>
      <c r="LF22" s="119">
        <v>0</v>
      </c>
      <c r="LG22" s="119">
        <v>0</v>
      </c>
      <c r="LH22" s="120">
        <v>0</v>
      </c>
      <c r="LI22" s="121">
        <v>0</v>
      </c>
      <c r="LJ22" s="142">
        <v>0</v>
      </c>
      <c r="LK22" s="119">
        <v>0</v>
      </c>
      <c r="LL22" s="120">
        <v>0</v>
      </c>
      <c r="LM22" s="145"/>
      <c r="LN22" s="119">
        <v>0</v>
      </c>
      <c r="LO22" s="119">
        <v>0</v>
      </c>
      <c r="LP22" s="119">
        <v>756653</v>
      </c>
      <c r="LQ22" s="119">
        <v>0</v>
      </c>
      <c r="LR22" s="119">
        <v>0</v>
      </c>
      <c r="LS22" s="120">
        <v>756653</v>
      </c>
      <c r="LT22" s="320">
        <v>756653</v>
      </c>
      <c r="LU22" s="142">
        <v>0</v>
      </c>
      <c r="LV22" s="119">
        <v>0</v>
      </c>
      <c r="LW22" s="120">
        <v>0</v>
      </c>
      <c r="LX22" s="145"/>
      <c r="LY22" s="119">
        <v>0</v>
      </c>
      <c r="LZ22" s="119">
        <v>209063</v>
      </c>
      <c r="MA22" s="119">
        <v>0</v>
      </c>
      <c r="MB22" s="119">
        <v>0</v>
      </c>
      <c r="MC22" s="119">
        <v>361688</v>
      </c>
      <c r="MD22" s="120">
        <v>570751</v>
      </c>
      <c r="ME22" s="121">
        <v>570751</v>
      </c>
      <c r="MF22" s="142">
        <v>0</v>
      </c>
      <c r="MG22" s="119">
        <v>0</v>
      </c>
      <c r="MH22" s="120">
        <v>0</v>
      </c>
      <c r="MI22" s="145"/>
      <c r="MJ22" s="119">
        <v>1364892</v>
      </c>
      <c r="MK22" s="119">
        <v>1008050</v>
      </c>
      <c r="ML22" s="119">
        <v>4940837</v>
      </c>
      <c r="MM22" s="119">
        <v>5642245</v>
      </c>
      <c r="MN22" s="119">
        <v>4669604</v>
      </c>
      <c r="MO22" s="120">
        <v>17625628</v>
      </c>
      <c r="MP22" s="143">
        <v>17625628</v>
      </c>
      <c r="MQ22" s="142">
        <v>0</v>
      </c>
      <c r="MR22" s="119">
        <v>0</v>
      </c>
      <c r="MS22" s="120">
        <v>0</v>
      </c>
      <c r="MT22" s="145"/>
      <c r="MU22" s="119">
        <v>0</v>
      </c>
      <c r="MV22" s="119">
        <v>240176</v>
      </c>
      <c r="MW22" s="119">
        <v>1847494</v>
      </c>
      <c r="MX22" s="119">
        <v>3458321</v>
      </c>
      <c r="MY22" s="119">
        <v>2821742</v>
      </c>
      <c r="MZ22" s="120">
        <v>8367733</v>
      </c>
      <c r="NA22" s="143">
        <v>8367733</v>
      </c>
      <c r="NB22" s="142">
        <v>0</v>
      </c>
      <c r="NC22" s="119">
        <v>0</v>
      </c>
      <c r="ND22" s="120">
        <v>0</v>
      </c>
      <c r="NE22" s="145"/>
      <c r="NF22" s="119">
        <v>1364892</v>
      </c>
      <c r="NG22" s="119">
        <v>767874</v>
      </c>
      <c r="NH22" s="119">
        <v>3093343</v>
      </c>
      <c r="NI22" s="119">
        <v>2183924</v>
      </c>
      <c r="NJ22" s="119">
        <v>1496713</v>
      </c>
      <c r="NK22" s="120">
        <v>8906746</v>
      </c>
      <c r="NL22" s="320">
        <v>8906746</v>
      </c>
      <c r="NM22" s="142">
        <v>0</v>
      </c>
      <c r="NN22" s="119">
        <v>0</v>
      </c>
      <c r="NO22" s="120">
        <v>0</v>
      </c>
      <c r="NP22" s="145"/>
      <c r="NQ22" s="119">
        <v>0</v>
      </c>
      <c r="NR22" s="119">
        <v>0</v>
      </c>
      <c r="NS22" s="119">
        <v>0</v>
      </c>
      <c r="NT22" s="119">
        <v>0</v>
      </c>
      <c r="NU22" s="119">
        <v>0</v>
      </c>
      <c r="NV22" s="120">
        <v>0</v>
      </c>
      <c r="NW22" s="121">
        <v>0</v>
      </c>
      <c r="NX22" s="142">
        <v>0</v>
      </c>
      <c r="NY22" s="119">
        <v>0</v>
      </c>
      <c r="NZ22" s="120">
        <v>0</v>
      </c>
      <c r="OA22" s="145"/>
      <c r="OB22" s="119">
        <v>0</v>
      </c>
      <c r="OC22" s="119">
        <v>0</v>
      </c>
      <c r="OD22" s="119">
        <v>0</v>
      </c>
      <c r="OE22" s="119">
        <v>0</v>
      </c>
      <c r="OF22" s="119">
        <v>351149</v>
      </c>
      <c r="OG22" s="120">
        <v>351149</v>
      </c>
      <c r="OH22" s="121">
        <v>351149</v>
      </c>
      <c r="OI22" s="142">
        <v>581272</v>
      </c>
      <c r="OJ22" s="119">
        <v>865999</v>
      </c>
      <c r="OK22" s="141">
        <v>1447271</v>
      </c>
      <c r="OL22" s="118">
        <v>0</v>
      </c>
      <c r="OM22" s="119">
        <v>7167857</v>
      </c>
      <c r="ON22" s="119">
        <v>10056854</v>
      </c>
      <c r="OO22" s="119">
        <v>11857635</v>
      </c>
      <c r="OP22" s="119">
        <v>11062216</v>
      </c>
      <c r="OQ22" s="119">
        <v>10952346</v>
      </c>
      <c r="OR22" s="120">
        <v>51096908</v>
      </c>
      <c r="OS22" s="143">
        <v>52544179</v>
      </c>
    </row>
    <row r="23" spans="2:409" ht="21" customHeight="1" x14ac:dyDescent="0.2">
      <c r="B23" s="126" t="s">
        <v>18</v>
      </c>
      <c r="C23" s="110">
        <v>528665</v>
      </c>
      <c r="D23" s="114">
        <v>729182</v>
      </c>
      <c r="E23" s="113">
        <v>1257847</v>
      </c>
      <c r="F23" s="109">
        <v>0</v>
      </c>
      <c r="G23" s="114">
        <v>5895886</v>
      </c>
      <c r="H23" s="114">
        <v>9136246</v>
      </c>
      <c r="I23" s="114">
        <v>9615763</v>
      </c>
      <c r="J23" s="114">
        <v>5896837</v>
      </c>
      <c r="K23" s="114">
        <v>3130578</v>
      </c>
      <c r="L23" s="109">
        <v>33675310</v>
      </c>
      <c r="M23" s="116">
        <v>34933157</v>
      </c>
      <c r="N23" s="110">
        <v>95307</v>
      </c>
      <c r="O23" s="114">
        <v>200158</v>
      </c>
      <c r="P23" s="113">
        <v>295465</v>
      </c>
      <c r="Q23" s="110">
        <v>0</v>
      </c>
      <c r="R23" s="114">
        <v>1724876</v>
      </c>
      <c r="S23" s="114">
        <v>2772639</v>
      </c>
      <c r="T23" s="114">
        <v>2436798</v>
      </c>
      <c r="U23" s="114">
        <v>2113852</v>
      </c>
      <c r="V23" s="114">
        <v>756977</v>
      </c>
      <c r="W23" s="113">
        <v>9805142</v>
      </c>
      <c r="X23" s="116">
        <v>10100607</v>
      </c>
      <c r="Y23" s="110">
        <v>0</v>
      </c>
      <c r="Z23" s="114">
        <v>0</v>
      </c>
      <c r="AA23" s="113">
        <v>0</v>
      </c>
      <c r="AB23" s="110">
        <v>0</v>
      </c>
      <c r="AC23" s="114">
        <v>577263</v>
      </c>
      <c r="AD23" s="114">
        <v>1191525</v>
      </c>
      <c r="AE23" s="114">
        <v>1017261</v>
      </c>
      <c r="AF23" s="114">
        <v>1208337</v>
      </c>
      <c r="AG23" s="114">
        <v>347729</v>
      </c>
      <c r="AH23" s="113">
        <v>4342115</v>
      </c>
      <c r="AI23" s="116">
        <v>4342115</v>
      </c>
      <c r="AJ23" s="110">
        <v>0</v>
      </c>
      <c r="AK23" s="114">
        <v>0</v>
      </c>
      <c r="AL23" s="113">
        <v>0</v>
      </c>
      <c r="AM23" s="110">
        <v>0</v>
      </c>
      <c r="AN23" s="114">
        <v>0</v>
      </c>
      <c r="AO23" s="114">
        <v>13361</v>
      </c>
      <c r="AP23" s="114">
        <v>176596</v>
      </c>
      <c r="AQ23" s="114">
        <v>129836</v>
      </c>
      <c r="AR23" s="114">
        <v>133198</v>
      </c>
      <c r="AS23" s="113">
        <v>452991</v>
      </c>
      <c r="AT23" s="116">
        <v>452991</v>
      </c>
      <c r="AU23" s="110">
        <v>70651</v>
      </c>
      <c r="AV23" s="114">
        <v>77382</v>
      </c>
      <c r="AW23" s="113">
        <v>148033</v>
      </c>
      <c r="AX23" s="110">
        <v>0</v>
      </c>
      <c r="AY23" s="114">
        <v>706882</v>
      </c>
      <c r="AZ23" s="114">
        <v>806106</v>
      </c>
      <c r="BA23" s="114">
        <v>762629</v>
      </c>
      <c r="BB23" s="114">
        <v>423943</v>
      </c>
      <c r="BC23" s="114">
        <v>88986</v>
      </c>
      <c r="BD23" s="113">
        <v>2788546</v>
      </c>
      <c r="BE23" s="116">
        <v>2936579</v>
      </c>
      <c r="BF23" s="110">
        <v>0</v>
      </c>
      <c r="BG23" s="114">
        <v>76904</v>
      </c>
      <c r="BH23" s="112">
        <v>76904</v>
      </c>
      <c r="BI23" s="111">
        <v>0</v>
      </c>
      <c r="BJ23" s="114">
        <v>148051</v>
      </c>
      <c r="BK23" s="114">
        <v>217935</v>
      </c>
      <c r="BL23" s="114">
        <v>62616</v>
      </c>
      <c r="BM23" s="114">
        <v>0</v>
      </c>
      <c r="BN23" s="114">
        <v>0</v>
      </c>
      <c r="BO23" s="113">
        <v>428602</v>
      </c>
      <c r="BP23" s="116">
        <v>505506</v>
      </c>
      <c r="BQ23" s="110">
        <v>24656</v>
      </c>
      <c r="BR23" s="114">
        <v>45872</v>
      </c>
      <c r="BS23" s="113">
        <v>70528</v>
      </c>
      <c r="BT23" s="110">
        <v>0</v>
      </c>
      <c r="BU23" s="114">
        <v>292680</v>
      </c>
      <c r="BV23" s="114">
        <v>543712</v>
      </c>
      <c r="BW23" s="114">
        <v>417696</v>
      </c>
      <c r="BX23" s="114">
        <v>351736</v>
      </c>
      <c r="BY23" s="114">
        <v>187064</v>
      </c>
      <c r="BZ23" s="113">
        <v>1792888</v>
      </c>
      <c r="CA23" s="116">
        <v>1863416</v>
      </c>
      <c r="CB23" s="110">
        <v>21319</v>
      </c>
      <c r="CC23" s="114">
        <v>269414</v>
      </c>
      <c r="CD23" s="113">
        <v>290733</v>
      </c>
      <c r="CE23" s="110">
        <v>0</v>
      </c>
      <c r="CF23" s="114">
        <v>2556147</v>
      </c>
      <c r="CG23" s="114">
        <v>2643724</v>
      </c>
      <c r="CH23" s="114">
        <v>3111447</v>
      </c>
      <c r="CI23" s="114">
        <v>1023302</v>
      </c>
      <c r="CJ23" s="114">
        <v>384961</v>
      </c>
      <c r="CK23" s="113">
        <v>9719581</v>
      </c>
      <c r="CL23" s="116">
        <v>10010314</v>
      </c>
      <c r="CM23" s="110">
        <v>0</v>
      </c>
      <c r="CN23" s="114">
        <v>0</v>
      </c>
      <c r="CO23" s="113">
        <v>0</v>
      </c>
      <c r="CP23" s="111">
        <v>0</v>
      </c>
      <c r="CQ23" s="114">
        <v>2026878</v>
      </c>
      <c r="CR23" s="114">
        <v>2038338</v>
      </c>
      <c r="CS23" s="114">
        <v>2503860</v>
      </c>
      <c r="CT23" s="114">
        <v>914402</v>
      </c>
      <c r="CU23" s="114">
        <v>226746</v>
      </c>
      <c r="CV23" s="113">
        <v>7710224</v>
      </c>
      <c r="CW23" s="116">
        <v>7710224</v>
      </c>
      <c r="CX23" s="110">
        <v>21319</v>
      </c>
      <c r="CY23" s="114">
        <v>269414</v>
      </c>
      <c r="CZ23" s="113">
        <v>290733</v>
      </c>
      <c r="DA23" s="110">
        <v>0</v>
      </c>
      <c r="DB23" s="114">
        <v>529269</v>
      </c>
      <c r="DC23" s="114">
        <v>605386</v>
      </c>
      <c r="DD23" s="114">
        <v>607587</v>
      </c>
      <c r="DE23" s="114">
        <v>108900</v>
      </c>
      <c r="DF23" s="114">
        <v>158215</v>
      </c>
      <c r="DG23" s="113">
        <v>2009357</v>
      </c>
      <c r="DH23" s="116">
        <v>2300090</v>
      </c>
      <c r="DI23" s="110">
        <v>0</v>
      </c>
      <c r="DJ23" s="114">
        <v>19554</v>
      </c>
      <c r="DK23" s="112">
        <v>19554</v>
      </c>
      <c r="DL23" s="111">
        <v>0</v>
      </c>
      <c r="DM23" s="114">
        <v>0</v>
      </c>
      <c r="DN23" s="114">
        <v>539404</v>
      </c>
      <c r="DO23" s="114">
        <v>1625408</v>
      </c>
      <c r="DP23" s="114">
        <v>391375</v>
      </c>
      <c r="DQ23" s="114">
        <v>468510</v>
      </c>
      <c r="DR23" s="113">
        <v>3024697</v>
      </c>
      <c r="DS23" s="116">
        <v>3044251</v>
      </c>
      <c r="DT23" s="110">
        <v>0</v>
      </c>
      <c r="DU23" s="114">
        <v>19554</v>
      </c>
      <c r="DV23" s="113">
        <v>19554</v>
      </c>
      <c r="DW23" s="110">
        <v>0</v>
      </c>
      <c r="DX23" s="114">
        <v>0</v>
      </c>
      <c r="DY23" s="114">
        <v>539404</v>
      </c>
      <c r="DZ23" s="114">
        <v>1568360</v>
      </c>
      <c r="EA23" s="114">
        <v>391375</v>
      </c>
      <c r="EB23" s="114">
        <v>468510</v>
      </c>
      <c r="EC23" s="113">
        <v>2967649</v>
      </c>
      <c r="ED23" s="116">
        <v>2987203</v>
      </c>
      <c r="EE23" s="110">
        <v>0</v>
      </c>
      <c r="EF23" s="112">
        <v>0</v>
      </c>
      <c r="EG23" s="113">
        <v>0</v>
      </c>
      <c r="EH23" s="110">
        <v>0</v>
      </c>
      <c r="EI23" s="114">
        <v>0</v>
      </c>
      <c r="EJ23" s="114">
        <v>0</v>
      </c>
      <c r="EK23" s="114">
        <v>57048</v>
      </c>
      <c r="EL23" s="114">
        <v>0</v>
      </c>
      <c r="EM23" s="114">
        <v>0</v>
      </c>
      <c r="EN23" s="112">
        <v>57048</v>
      </c>
      <c r="EO23" s="116">
        <v>57048</v>
      </c>
      <c r="EP23" s="110">
        <v>0</v>
      </c>
      <c r="EQ23" s="114">
        <v>0</v>
      </c>
      <c r="ER23" s="112">
        <v>0</v>
      </c>
      <c r="ES23" s="111">
        <v>0</v>
      </c>
      <c r="ET23" s="114">
        <v>0</v>
      </c>
      <c r="EU23" s="114">
        <v>0</v>
      </c>
      <c r="EV23" s="114">
        <v>0</v>
      </c>
      <c r="EW23" s="114">
        <v>0</v>
      </c>
      <c r="EX23" s="114">
        <v>0</v>
      </c>
      <c r="EY23" s="113">
        <v>0</v>
      </c>
      <c r="EZ23" s="116">
        <v>0</v>
      </c>
      <c r="FA23" s="110">
        <v>0</v>
      </c>
      <c r="FB23" s="114">
        <v>0</v>
      </c>
      <c r="FC23" s="112">
        <v>0</v>
      </c>
      <c r="FD23" s="347"/>
      <c r="FE23" s="114">
        <v>0</v>
      </c>
      <c r="FF23" s="114">
        <v>0</v>
      </c>
      <c r="FG23" s="114">
        <v>0</v>
      </c>
      <c r="FH23" s="114">
        <v>0</v>
      </c>
      <c r="FI23" s="114">
        <v>0</v>
      </c>
      <c r="FJ23" s="113">
        <v>0</v>
      </c>
      <c r="FK23" s="116">
        <v>0</v>
      </c>
      <c r="FL23" s="110">
        <v>300728</v>
      </c>
      <c r="FM23" s="114">
        <v>141768</v>
      </c>
      <c r="FN23" s="113">
        <v>442496</v>
      </c>
      <c r="FO23" s="110">
        <v>0</v>
      </c>
      <c r="FP23" s="114">
        <v>315632</v>
      </c>
      <c r="FQ23" s="114">
        <v>900764</v>
      </c>
      <c r="FR23" s="114">
        <v>741800</v>
      </c>
      <c r="FS23" s="114">
        <v>406680</v>
      </c>
      <c r="FT23" s="114">
        <v>231400</v>
      </c>
      <c r="FU23" s="113">
        <v>2596276</v>
      </c>
      <c r="FV23" s="116">
        <v>3038772</v>
      </c>
      <c r="FW23" s="115">
        <v>38008</v>
      </c>
      <c r="FX23" s="114">
        <v>141768</v>
      </c>
      <c r="FY23" s="112">
        <v>179776</v>
      </c>
      <c r="FZ23" s="111">
        <v>0</v>
      </c>
      <c r="GA23" s="114">
        <v>315632</v>
      </c>
      <c r="GB23" s="114">
        <v>641644</v>
      </c>
      <c r="GC23" s="114">
        <v>697576</v>
      </c>
      <c r="GD23" s="114">
        <v>406680</v>
      </c>
      <c r="GE23" s="114">
        <v>231400</v>
      </c>
      <c r="GF23" s="113">
        <v>2292932</v>
      </c>
      <c r="GG23" s="318">
        <v>2472708</v>
      </c>
      <c r="GH23" s="115">
        <v>0</v>
      </c>
      <c r="GI23" s="114">
        <v>0</v>
      </c>
      <c r="GJ23" s="112">
        <v>0</v>
      </c>
      <c r="GK23" s="111">
        <v>0</v>
      </c>
      <c r="GL23" s="114">
        <v>0</v>
      </c>
      <c r="GM23" s="114">
        <v>47200</v>
      </c>
      <c r="GN23" s="114">
        <v>44224</v>
      </c>
      <c r="GO23" s="114">
        <v>0</v>
      </c>
      <c r="GP23" s="114">
        <v>0</v>
      </c>
      <c r="GQ23" s="113">
        <v>91424</v>
      </c>
      <c r="GR23" s="116">
        <v>91424</v>
      </c>
      <c r="GS23" s="110">
        <v>262720</v>
      </c>
      <c r="GT23" s="114">
        <v>0</v>
      </c>
      <c r="GU23" s="113">
        <v>262720</v>
      </c>
      <c r="GV23" s="110">
        <v>0</v>
      </c>
      <c r="GW23" s="114">
        <v>0</v>
      </c>
      <c r="GX23" s="114">
        <v>211920</v>
      </c>
      <c r="GY23" s="114">
        <v>0</v>
      </c>
      <c r="GZ23" s="114">
        <v>0</v>
      </c>
      <c r="HA23" s="114">
        <v>0</v>
      </c>
      <c r="HB23" s="112">
        <v>211920</v>
      </c>
      <c r="HC23" s="116">
        <v>474640</v>
      </c>
      <c r="HD23" s="110">
        <v>111311</v>
      </c>
      <c r="HE23" s="114">
        <v>98288</v>
      </c>
      <c r="HF23" s="112">
        <v>209599</v>
      </c>
      <c r="HG23" s="111">
        <v>0</v>
      </c>
      <c r="HH23" s="114">
        <v>1299231</v>
      </c>
      <c r="HI23" s="114">
        <v>2279715</v>
      </c>
      <c r="HJ23" s="114">
        <v>1700310</v>
      </c>
      <c r="HK23" s="114">
        <v>1961628</v>
      </c>
      <c r="HL23" s="114">
        <v>1288730</v>
      </c>
      <c r="HM23" s="113">
        <v>8529614</v>
      </c>
      <c r="HN23" s="109">
        <v>8739213</v>
      </c>
      <c r="HO23" s="328"/>
      <c r="HP23" s="329"/>
      <c r="HQ23" s="330"/>
      <c r="HR23" s="331"/>
      <c r="HS23" s="329"/>
      <c r="HT23" s="329"/>
      <c r="HU23" s="329"/>
      <c r="HV23" s="329"/>
      <c r="HW23" s="329"/>
      <c r="HX23" s="332"/>
      <c r="HY23" s="333"/>
      <c r="HZ23" s="131">
        <v>137079</v>
      </c>
      <c r="IA23" s="132">
        <v>0</v>
      </c>
      <c r="IB23" s="133">
        <v>137079</v>
      </c>
      <c r="IC23" s="146">
        <v>0</v>
      </c>
      <c r="ID23" s="132">
        <v>1525599</v>
      </c>
      <c r="IE23" s="147">
        <v>2442457</v>
      </c>
      <c r="IF23" s="133">
        <v>2755913</v>
      </c>
      <c r="IG23" s="132">
        <v>1874304</v>
      </c>
      <c r="IH23" s="133">
        <v>1174935</v>
      </c>
      <c r="II23" s="148">
        <v>9773208</v>
      </c>
      <c r="IJ23" s="139">
        <v>9910287</v>
      </c>
      <c r="IK23" s="232">
        <v>0</v>
      </c>
      <c r="IL23" s="236">
        <v>0</v>
      </c>
      <c r="IM23" s="237">
        <v>0</v>
      </c>
      <c r="IN23" s="140"/>
      <c r="IO23" s="119">
        <v>0</v>
      </c>
      <c r="IP23" s="119">
        <v>0</v>
      </c>
      <c r="IQ23" s="119">
        <v>0</v>
      </c>
      <c r="IR23" s="119">
        <v>0</v>
      </c>
      <c r="IS23" s="119">
        <v>0</v>
      </c>
      <c r="IT23" s="141">
        <v>0</v>
      </c>
      <c r="IU23" s="320">
        <v>0</v>
      </c>
      <c r="IV23" s="142">
        <v>0</v>
      </c>
      <c r="IW23" s="119">
        <v>0</v>
      </c>
      <c r="IX23" s="120">
        <v>0</v>
      </c>
      <c r="IY23" s="144"/>
      <c r="IZ23" s="119">
        <v>0</v>
      </c>
      <c r="JA23" s="119">
        <v>0</v>
      </c>
      <c r="JB23" s="119">
        <v>0</v>
      </c>
      <c r="JC23" s="119">
        <v>0</v>
      </c>
      <c r="JD23" s="119">
        <v>0</v>
      </c>
      <c r="JE23" s="120">
        <v>0</v>
      </c>
      <c r="JF23" s="121">
        <v>0</v>
      </c>
      <c r="JG23" s="142">
        <v>0</v>
      </c>
      <c r="JH23" s="119">
        <v>0</v>
      </c>
      <c r="JI23" s="141">
        <v>0</v>
      </c>
      <c r="JJ23" s="118">
        <v>0</v>
      </c>
      <c r="JK23" s="119">
        <v>730541</v>
      </c>
      <c r="JL23" s="119">
        <v>517427</v>
      </c>
      <c r="JM23" s="119">
        <v>348533</v>
      </c>
      <c r="JN23" s="119">
        <v>101054</v>
      </c>
      <c r="JO23" s="119">
        <v>0</v>
      </c>
      <c r="JP23" s="120">
        <v>1697555</v>
      </c>
      <c r="JQ23" s="320">
        <v>1697555</v>
      </c>
      <c r="JR23" s="142">
        <v>0</v>
      </c>
      <c r="JS23" s="119">
        <v>0</v>
      </c>
      <c r="JT23" s="141">
        <v>0</v>
      </c>
      <c r="JU23" s="118">
        <v>0</v>
      </c>
      <c r="JV23" s="119">
        <v>171694</v>
      </c>
      <c r="JW23" s="119">
        <v>0</v>
      </c>
      <c r="JX23" s="119">
        <v>299804</v>
      </c>
      <c r="JY23" s="119">
        <v>36452</v>
      </c>
      <c r="JZ23" s="119">
        <v>77284</v>
      </c>
      <c r="KA23" s="120">
        <v>585234</v>
      </c>
      <c r="KB23" s="320">
        <v>585234</v>
      </c>
      <c r="KC23" s="234">
        <v>137079</v>
      </c>
      <c r="KD23" s="230">
        <v>0</v>
      </c>
      <c r="KE23" s="120">
        <v>137079</v>
      </c>
      <c r="KF23" s="118">
        <v>0</v>
      </c>
      <c r="KG23" s="119">
        <v>384001</v>
      </c>
      <c r="KH23" s="119">
        <v>713362</v>
      </c>
      <c r="KI23" s="119">
        <v>946501</v>
      </c>
      <c r="KJ23" s="119">
        <v>511411</v>
      </c>
      <c r="KK23" s="119">
        <v>0</v>
      </c>
      <c r="KL23" s="120">
        <v>2555275</v>
      </c>
      <c r="KM23" s="143">
        <v>2692354</v>
      </c>
      <c r="KN23" s="232">
        <v>0</v>
      </c>
      <c r="KO23" s="236">
        <v>0</v>
      </c>
      <c r="KP23" s="237">
        <v>0</v>
      </c>
      <c r="KQ23" s="140"/>
      <c r="KR23" s="119">
        <v>239363</v>
      </c>
      <c r="KS23" s="119">
        <v>1211668</v>
      </c>
      <c r="KT23" s="119">
        <v>767772</v>
      </c>
      <c r="KU23" s="119">
        <v>926519</v>
      </c>
      <c r="KV23" s="119">
        <v>744463</v>
      </c>
      <c r="KW23" s="120">
        <v>3889785</v>
      </c>
      <c r="KX23" s="320">
        <v>3889785</v>
      </c>
      <c r="KY23" s="142">
        <v>0</v>
      </c>
      <c r="KZ23" s="119">
        <v>0</v>
      </c>
      <c r="LA23" s="120">
        <v>0</v>
      </c>
      <c r="LB23" s="145"/>
      <c r="LC23" s="119">
        <v>0</v>
      </c>
      <c r="LD23" s="119">
        <v>0</v>
      </c>
      <c r="LE23" s="119">
        <v>0</v>
      </c>
      <c r="LF23" s="119">
        <v>0</v>
      </c>
      <c r="LG23" s="119">
        <v>0</v>
      </c>
      <c r="LH23" s="120">
        <v>0</v>
      </c>
      <c r="LI23" s="121">
        <v>0</v>
      </c>
      <c r="LJ23" s="142">
        <v>0</v>
      </c>
      <c r="LK23" s="119">
        <v>0</v>
      </c>
      <c r="LL23" s="120">
        <v>0</v>
      </c>
      <c r="LM23" s="145"/>
      <c r="LN23" s="119">
        <v>0</v>
      </c>
      <c r="LO23" s="119">
        <v>0</v>
      </c>
      <c r="LP23" s="119">
        <v>0</v>
      </c>
      <c r="LQ23" s="119">
        <v>0</v>
      </c>
      <c r="LR23" s="119">
        <v>0</v>
      </c>
      <c r="LS23" s="120">
        <v>0</v>
      </c>
      <c r="LT23" s="320">
        <v>0</v>
      </c>
      <c r="LU23" s="142">
        <v>0</v>
      </c>
      <c r="LV23" s="119">
        <v>0</v>
      </c>
      <c r="LW23" s="120">
        <v>0</v>
      </c>
      <c r="LX23" s="145"/>
      <c r="LY23" s="119">
        <v>0</v>
      </c>
      <c r="LZ23" s="119">
        <v>0</v>
      </c>
      <c r="MA23" s="119">
        <v>393303</v>
      </c>
      <c r="MB23" s="119">
        <v>298868</v>
      </c>
      <c r="MC23" s="119">
        <v>353188</v>
      </c>
      <c r="MD23" s="120">
        <v>1045359</v>
      </c>
      <c r="ME23" s="121">
        <v>1045359</v>
      </c>
      <c r="MF23" s="142">
        <v>0</v>
      </c>
      <c r="MG23" s="119">
        <v>0</v>
      </c>
      <c r="MH23" s="120">
        <v>0</v>
      </c>
      <c r="MI23" s="145"/>
      <c r="MJ23" s="119">
        <v>643242</v>
      </c>
      <c r="MK23" s="119">
        <v>824981</v>
      </c>
      <c r="ML23" s="119">
        <v>2165423</v>
      </c>
      <c r="MM23" s="119">
        <v>6143829</v>
      </c>
      <c r="MN23" s="119">
        <v>2858058</v>
      </c>
      <c r="MO23" s="120">
        <v>12635533</v>
      </c>
      <c r="MP23" s="143">
        <v>12635533</v>
      </c>
      <c r="MQ23" s="142">
        <v>0</v>
      </c>
      <c r="MR23" s="119">
        <v>0</v>
      </c>
      <c r="MS23" s="120">
        <v>0</v>
      </c>
      <c r="MT23" s="145"/>
      <c r="MU23" s="119">
        <v>0</v>
      </c>
      <c r="MV23" s="119">
        <v>198724</v>
      </c>
      <c r="MW23" s="119">
        <v>1254332</v>
      </c>
      <c r="MX23" s="119">
        <v>5243968</v>
      </c>
      <c r="MY23" s="119">
        <v>1504981</v>
      </c>
      <c r="MZ23" s="120">
        <v>8202005</v>
      </c>
      <c r="NA23" s="143">
        <v>8202005</v>
      </c>
      <c r="NB23" s="142">
        <v>0</v>
      </c>
      <c r="NC23" s="119">
        <v>0</v>
      </c>
      <c r="ND23" s="120">
        <v>0</v>
      </c>
      <c r="NE23" s="145"/>
      <c r="NF23" s="119">
        <v>643242</v>
      </c>
      <c r="NG23" s="119">
        <v>626257</v>
      </c>
      <c r="NH23" s="119">
        <v>911091</v>
      </c>
      <c r="NI23" s="119">
        <v>899861</v>
      </c>
      <c r="NJ23" s="119">
        <v>1353077</v>
      </c>
      <c r="NK23" s="120">
        <v>4433528</v>
      </c>
      <c r="NL23" s="320">
        <v>4433528</v>
      </c>
      <c r="NM23" s="142">
        <v>0</v>
      </c>
      <c r="NN23" s="119">
        <v>0</v>
      </c>
      <c r="NO23" s="120">
        <v>0</v>
      </c>
      <c r="NP23" s="145"/>
      <c r="NQ23" s="119">
        <v>0</v>
      </c>
      <c r="NR23" s="119">
        <v>0</v>
      </c>
      <c r="NS23" s="119">
        <v>0</v>
      </c>
      <c r="NT23" s="119">
        <v>0</v>
      </c>
      <c r="NU23" s="119">
        <v>0</v>
      </c>
      <c r="NV23" s="120">
        <v>0</v>
      </c>
      <c r="NW23" s="121">
        <v>0</v>
      </c>
      <c r="NX23" s="142">
        <v>0</v>
      </c>
      <c r="NY23" s="119">
        <v>0</v>
      </c>
      <c r="NZ23" s="120">
        <v>0</v>
      </c>
      <c r="OA23" s="145"/>
      <c r="OB23" s="119">
        <v>0</v>
      </c>
      <c r="OC23" s="119">
        <v>0</v>
      </c>
      <c r="OD23" s="119">
        <v>0</v>
      </c>
      <c r="OE23" s="119">
        <v>0</v>
      </c>
      <c r="OF23" s="119">
        <v>0</v>
      </c>
      <c r="OG23" s="120">
        <v>0</v>
      </c>
      <c r="OH23" s="121">
        <v>0</v>
      </c>
      <c r="OI23" s="142">
        <v>665744</v>
      </c>
      <c r="OJ23" s="119">
        <v>729182</v>
      </c>
      <c r="OK23" s="141">
        <v>1394926</v>
      </c>
      <c r="OL23" s="118">
        <v>0</v>
      </c>
      <c r="OM23" s="119">
        <v>8064727</v>
      </c>
      <c r="ON23" s="119">
        <v>12403684</v>
      </c>
      <c r="OO23" s="119">
        <v>14537099</v>
      </c>
      <c r="OP23" s="119">
        <v>13914970</v>
      </c>
      <c r="OQ23" s="119">
        <v>7163571</v>
      </c>
      <c r="OR23" s="120">
        <v>56084051</v>
      </c>
      <c r="OS23" s="143">
        <v>57478977</v>
      </c>
    </row>
    <row r="24" spans="2:409" ht="21" customHeight="1" x14ac:dyDescent="0.2">
      <c r="B24" s="126" t="s">
        <v>19</v>
      </c>
      <c r="C24" s="110">
        <v>238564</v>
      </c>
      <c r="D24" s="114">
        <v>419338</v>
      </c>
      <c r="E24" s="113">
        <v>657902</v>
      </c>
      <c r="F24" s="109">
        <v>0</v>
      </c>
      <c r="G24" s="114">
        <v>3810377</v>
      </c>
      <c r="H24" s="114">
        <v>3811124</v>
      </c>
      <c r="I24" s="114">
        <v>2779000</v>
      </c>
      <c r="J24" s="114">
        <v>2521326</v>
      </c>
      <c r="K24" s="114">
        <v>1150910</v>
      </c>
      <c r="L24" s="109">
        <v>14072737</v>
      </c>
      <c r="M24" s="116">
        <v>14730639</v>
      </c>
      <c r="N24" s="110">
        <v>110431</v>
      </c>
      <c r="O24" s="114">
        <v>43988</v>
      </c>
      <c r="P24" s="113">
        <v>154419</v>
      </c>
      <c r="Q24" s="110">
        <v>0</v>
      </c>
      <c r="R24" s="114">
        <v>1057706</v>
      </c>
      <c r="S24" s="114">
        <v>1124727</v>
      </c>
      <c r="T24" s="114">
        <v>854165</v>
      </c>
      <c r="U24" s="114">
        <v>789681</v>
      </c>
      <c r="V24" s="114">
        <v>816913</v>
      </c>
      <c r="W24" s="113">
        <v>4643192</v>
      </c>
      <c r="X24" s="116">
        <v>4797611</v>
      </c>
      <c r="Y24" s="110">
        <v>0</v>
      </c>
      <c r="Z24" s="114">
        <v>0</v>
      </c>
      <c r="AA24" s="113">
        <v>0</v>
      </c>
      <c r="AB24" s="110">
        <v>0</v>
      </c>
      <c r="AC24" s="114">
        <v>345623</v>
      </c>
      <c r="AD24" s="114">
        <v>388011</v>
      </c>
      <c r="AE24" s="114">
        <v>127686</v>
      </c>
      <c r="AF24" s="114">
        <v>315820</v>
      </c>
      <c r="AG24" s="114">
        <v>357987</v>
      </c>
      <c r="AH24" s="113">
        <v>1535127</v>
      </c>
      <c r="AI24" s="116">
        <v>1535127</v>
      </c>
      <c r="AJ24" s="110">
        <v>0</v>
      </c>
      <c r="AK24" s="114">
        <v>0</v>
      </c>
      <c r="AL24" s="113">
        <v>0</v>
      </c>
      <c r="AM24" s="110">
        <v>0</v>
      </c>
      <c r="AN24" s="114">
        <v>0</v>
      </c>
      <c r="AO24" s="114">
        <v>13727</v>
      </c>
      <c r="AP24" s="114">
        <v>153603</v>
      </c>
      <c r="AQ24" s="114">
        <v>11680</v>
      </c>
      <c r="AR24" s="114">
        <v>106229</v>
      </c>
      <c r="AS24" s="113">
        <v>285239</v>
      </c>
      <c r="AT24" s="116">
        <v>285239</v>
      </c>
      <c r="AU24" s="110">
        <v>35983</v>
      </c>
      <c r="AV24" s="114">
        <v>30244</v>
      </c>
      <c r="AW24" s="113">
        <v>66227</v>
      </c>
      <c r="AX24" s="110">
        <v>0</v>
      </c>
      <c r="AY24" s="114">
        <v>462943</v>
      </c>
      <c r="AZ24" s="114">
        <v>376753</v>
      </c>
      <c r="BA24" s="114">
        <v>392325</v>
      </c>
      <c r="BB24" s="114">
        <v>274793</v>
      </c>
      <c r="BC24" s="114">
        <v>263697</v>
      </c>
      <c r="BD24" s="113">
        <v>1770511</v>
      </c>
      <c r="BE24" s="116">
        <v>1836738</v>
      </c>
      <c r="BF24" s="110">
        <v>0</v>
      </c>
      <c r="BG24" s="114">
        <v>0</v>
      </c>
      <c r="BH24" s="112">
        <v>0</v>
      </c>
      <c r="BI24" s="111">
        <v>0</v>
      </c>
      <c r="BJ24" s="114">
        <v>31700</v>
      </c>
      <c r="BK24" s="114">
        <v>112244</v>
      </c>
      <c r="BL24" s="114">
        <v>43415</v>
      </c>
      <c r="BM24" s="114">
        <v>31900</v>
      </c>
      <c r="BN24" s="114">
        <v>0</v>
      </c>
      <c r="BO24" s="113">
        <v>219259</v>
      </c>
      <c r="BP24" s="116">
        <v>219259</v>
      </c>
      <c r="BQ24" s="110">
        <v>74448</v>
      </c>
      <c r="BR24" s="114">
        <v>13744</v>
      </c>
      <c r="BS24" s="113">
        <v>88192</v>
      </c>
      <c r="BT24" s="110">
        <v>0</v>
      </c>
      <c r="BU24" s="114">
        <v>217440</v>
      </c>
      <c r="BV24" s="114">
        <v>233992</v>
      </c>
      <c r="BW24" s="114">
        <v>137136</v>
      </c>
      <c r="BX24" s="114">
        <v>155488</v>
      </c>
      <c r="BY24" s="114">
        <v>89000</v>
      </c>
      <c r="BZ24" s="113">
        <v>833056</v>
      </c>
      <c r="CA24" s="116">
        <v>921248</v>
      </c>
      <c r="CB24" s="110">
        <v>42089</v>
      </c>
      <c r="CC24" s="114">
        <v>118780</v>
      </c>
      <c r="CD24" s="113">
        <v>160869</v>
      </c>
      <c r="CE24" s="110">
        <v>0</v>
      </c>
      <c r="CF24" s="114">
        <v>1381717</v>
      </c>
      <c r="CG24" s="114">
        <v>1194028</v>
      </c>
      <c r="CH24" s="114">
        <v>765738</v>
      </c>
      <c r="CI24" s="114">
        <v>300950</v>
      </c>
      <c r="CJ24" s="114">
        <v>140413</v>
      </c>
      <c r="CK24" s="113">
        <v>3782846</v>
      </c>
      <c r="CL24" s="116">
        <v>3943715</v>
      </c>
      <c r="CM24" s="110">
        <v>0</v>
      </c>
      <c r="CN24" s="114">
        <v>0</v>
      </c>
      <c r="CO24" s="113">
        <v>0</v>
      </c>
      <c r="CP24" s="111">
        <v>0</v>
      </c>
      <c r="CQ24" s="114">
        <v>984706</v>
      </c>
      <c r="CR24" s="114">
        <v>840672</v>
      </c>
      <c r="CS24" s="114">
        <v>497660</v>
      </c>
      <c r="CT24" s="114">
        <v>70474</v>
      </c>
      <c r="CU24" s="114">
        <v>140413</v>
      </c>
      <c r="CV24" s="113">
        <v>2533925</v>
      </c>
      <c r="CW24" s="116">
        <v>2533925</v>
      </c>
      <c r="CX24" s="110">
        <v>42089</v>
      </c>
      <c r="CY24" s="114">
        <v>118780</v>
      </c>
      <c r="CZ24" s="113">
        <v>160869</v>
      </c>
      <c r="DA24" s="110">
        <v>0</v>
      </c>
      <c r="DB24" s="114">
        <v>397011</v>
      </c>
      <c r="DC24" s="114">
        <v>353356</v>
      </c>
      <c r="DD24" s="114">
        <v>268078</v>
      </c>
      <c r="DE24" s="114">
        <v>230476</v>
      </c>
      <c r="DF24" s="114">
        <v>0</v>
      </c>
      <c r="DG24" s="113">
        <v>1248921</v>
      </c>
      <c r="DH24" s="116">
        <v>1409790</v>
      </c>
      <c r="DI24" s="110">
        <v>0</v>
      </c>
      <c r="DJ24" s="114">
        <v>0</v>
      </c>
      <c r="DK24" s="112">
        <v>0</v>
      </c>
      <c r="DL24" s="111">
        <v>0</v>
      </c>
      <c r="DM24" s="114">
        <v>0</v>
      </c>
      <c r="DN24" s="114">
        <v>0</v>
      </c>
      <c r="DO24" s="114">
        <v>94314</v>
      </c>
      <c r="DP24" s="114">
        <v>0</v>
      </c>
      <c r="DQ24" s="114">
        <v>39456</v>
      </c>
      <c r="DR24" s="113">
        <v>133770</v>
      </c>
      <c r="DS24" s="116">
        <v>133770</v>
      </c>
      <c r="DT24" s="110">
        <v>0</v>
      </c>
      <c r="DU24" s="114">
        <v>0</v>
      </c>
      <c r="DV24" s="113">
        <v>0</v>
      </c>
      <c r="DW24" s="110">
        <v>0</v>
      </c>
      <c r="DX24" s="114">
        <v>0</v>
      </c>
      <c r="DY24" s="114">
        <v>0</v>
      </c>
      <c r="DZ24" s="114">
        <v>36656</v>
      </c>
      <c r="EA24" s="114">
        <v>0</v>
      </c>
      <c r="EB24" s="114">
        <v>39456</v>
      </c>
      <c r="EC24" s="113">
        <v>76112</v>
      </c>
      <c r="ED24" s="116">
        <v>76112</v>
      </c>
      <c r="EE24" s="110">
        <v>0</v>
      </c>
      <c r="EF24" s="112">
        <v>0</v>
      </c>
      <c r="EG24" s="113">
        <v>0</v>
      </c>
      <c r="EH24" s="110">
        <v>0</v>
      </c>
      <c r="EI24" s="114">
        <v>0</v>
      </c>
      <c r="EJ24" s="114">
        <v>0</v>
      </c>
      <c r="EK24" s="114">
        <v>57658</v>
      </c>
      <c r="EL24" s="114">
        <v>0</v>
      </c>
      <c r="EM24" s="114">
        <v>0</v>
      </c>
      <c r="EN24" s="112">
        <v>57658</v>
      </c>
      <c r="EO24" s="116">
        <v>57658</v>
      </c>
      <c r="EP24" s="110">
        <v>0</v>
      </c>
      <c r="EQ24" s="114">
        <v>0</v>
      </c>
      <c r="ER24" s="112">
        <v>0</v>
      </c>
      <c r="ES24" s="111">
        <v>0</v>
      </c>
      <c r="ET24" s="114">
        <v>0</v>
      </c>
      <c r="EU24" s="114">
        <v>0</v>
      </c>
      <c r="EV24" s="114">
        <v>0</v>
      </c>
      <c r="EW24" s="114">
        <v>0</v>
      </c>
      <c r="EX24" s="114">
        <v>0</v>
      </c>
      <c r="EY24" s="113">
        <v>0</v>
      </c>
      <c r="EZ24" s="116">
        <v>0</v>
      </c>
      <c r="FA24" s="110">
        <v>0</v>
      </c>
      <c r="FB24" s="114">
        <v>0</v>
      </c>
      <c r="FC24" s="112">
        <v>0</v>
      </c>
      <c r="FD24" s="347"/>
      <c r="FE24" s="114">
        <v>0</v>
      </c>
      <c r="FF24" s="114">
        <v>0</v>
      </c>
      <c r="FG24" s="114">
        <v>0</v>
      </c>
      <c r="FH24" s="114">
        <v>0</v>
      </c>
      <c r="FI24" s="114">
        <v>0</v>
      </c>
      <c r="FJ24" s="113">
        <v>0</v>
      </c>
      <c r="FK24" s="116">
        <v>0</v>
      </c>
      <c r="FL24" s="110">
        <v>22240</v>
      </c>
      <c r="FM24" s="114">
        <v>69424</v>
      </c>
      <c r="FN24" s="113">
        <v>91664</v>
      </c>
      <c r="FO24" s="110">
        <v>0</v>
      </c>
      <c r="FP24" s="114">
        <v>253280</v>
      </c>
      <c r="FQ24" s="114">
        <v>485064</v>
      </c>
      <c r="FR24" s="114">
        <v>266640</v>
      </c>
      <c r="FS24" s="114">
        <v>268424</v>
      </c>
      <c r="FT24" s="114">
        <v>154128</v>
      </c>
      <c r="FU24" s="113">
        <v>1427536</v>
      </c>
      <c r="FV24" s="116">
        <v>1519200</v>
      </c>
      <c r="FW24" s="115">
        <v>22240</v>
      </c>
      <c r="FX24" s="114">
        <v>46720</v>
      </c>
      <c r="FY24" s="112">
        <v>68960</v>
      </c>
      <c r="FZ24" s="111">
        <v>0</v>
      </c>
      <c r="GA24" s="114">
        <v>253280</v>
      </c>
      <c r="GB24" s="114">
        <v>340744</v>
      </c>
      <c r="GC24" s="114">
        <v>220000</v>
      </c>
      <c r="GD24" s="114">
        <v>211400</v>
      </c>
      <c r="GE24" s="114">
        <v>154128</v>
      </c>
      <c r="GF24" s="113">
        <v>1179552</v>
      </c>
      <c r="GG24" s="318">
        <v>1248512</v>
      </c>
      <c r="GH24" s="115">
        <v>0</v>
      </c>
      <c r="GI24" s="114">
        <v>22704</v>
      </c>
      <c r="GJ24" s="112">
        <v>22704</v>
      </c>
      <c r="GK24" s="111">
        <v>0</v>
      </c>
      <c r="GL24" s="114">
        <v>0</v>
      </c>
      <c r="GM24" s="114">
        <v>0</v>
      </c>
      <c r="GN24" s="114">
        <v>22880</v>
      </c>
      <c r="GO24" s="114">
        <v>57024</v>
      </c>
      <c r="GP24" s="114">
        <v>0</v>
      </c>
      <c r="GQ24" s="113">
        <v>79904</v>
      </c>
      <c r="GR24" s="116">
        <v>102608</v>
      </c>
      <c r="GS24" s="110">
        <v>0</v>
      </c>
      <c r="GT24" s="114">
        <v>0</v>
      </c>
      <c r="GU24" s="113">
        <v>0</v>
      </c>
      <c r="GV24" s="110">
        <v>0</v>
      </c>
      <c r="GW24" s="114">
        <v>0</v>
      </c>
      <c r="GX24" s="114">
        <v>144320</v>
      </c>
      <c r="GY24" s="114">
        <v>23760</v>
      </c>
      <c r="GZ24" s="114">
        <v>0</v>
      </c>
      <c r="HA24" s="114">
        <v>0</v>
      </c>
      <c r="HB24" s="112">
        <v>168080</v>
      </c>
      <c r="HC24" s="116">
        <v>168080</v>
      </c>
      <c r="HD24" s="110">
        <v>63804</v>
      </c>
      <c r="HE24" s="114">
        <v>187146</v>
      </c>
      <c r="HF24" s="112">
        <v>250950</v>
      </c>
      <c r="HG24" s="111">
        <v>0</v>
      </c>
      <c r="HH24" s="114">
        <v>1117674</v>
      </c>
      <c r="HI24" s="114">
        <v>1007305</v>
      </c>
      <c r="HJ24" s="114">
        <v>798143</v>
      </c>
      <c r="HK24" s="114">
        <v>1162271</v>
      </c>
      <c r="HL24" s="114">
        <v>0</v>
      </c>
      <c r="HM24" s="113">
        <v>4085393</v>
      </c>
      <c r="HN24" s="109">
        <v>4336343</v>
      </c>
      <c r="HO24" s="328"/>
      <c r="HP24" s="329"/>
      <c r="HQ24" s="330"/>
      <c r="HR24" s="331"/>
      <c r="HS24" s="329"/>
      <c r="HT24" s="329"/>
      <c r="HU24" s="329"/>
      <c r="HV24" s="329"/>
      <c r="HW24" s="329"/>
      <c r="HX24" s="332"/>
      <c r="HY24" s="333"/>
      <c r="HZ24" s="150">
        <v>0</v>
      </c>
      <c r="IA24" s="135">
        <v>83631</v>
      </c>
      <c r="IB24" s="150">
        <v>83631</v>
      </c>
      <c r="IC24" s="134">
        <v>0</v>
      </c>
      <c r="ID24" s="135">
        <v>1105623</v>
      </c>
      <c r="IE24" s="136">
        <v>1570871</v>
      </c>
      <c r="IF24" s="137">
        <v>206880</v>
      </c>
      <c r="IG24" s="135">
        <v>329014</v>
      </c>
      <c r="IH24" s="137">
        <v>892316</v>
      </c>
      <c r="II24" s="138">
        <v>4104704</v>
      </c>
      <c r="IJ24" s="150">
        <v>4188335</v>
      </c>
      <c r="IK24" s="232">
        <v>0</v>
      </c>
      <c r="IL24" s="236">
        <v>0</v>
      </c>
      <c r="IM24" s="237">
        <v>0</v>
      </c>
      <c r="IN24" s="140"/>
      <c r="IO24" s="119">
        <v>137369</v>
      </c>
      <c r="IP24" s="119">
        <v>0</v>
      </c>
      <c r="IQ24" s="119">
        <v>0</v>
      </c>
      <c r="IR24" s="119">
        <v>0</v>
      </c>
      <c r="IS24" s="119">
        <v>235160</v>
      </c>
      <c r="IT24" s="141">
        <v>372529</v>
      </c>
      <c r="IU24" s="320">
        <v>372529</v>
      </c>
      <c r="IV24" s="142">
        <v>0</v>
      </c>
      <c r="IW24" s="119">
        <v>0</v>
      </c>
      <c r="IX24" s="120">
        <v>0</v>
      </c>
      <c r="IY24" s="144"/>
      <c r="IZ24" s="119">
        <v>0</v>
      </c>
      <c r="JA24" s="119">
        <v>0</v>
      </c>
      <c r="JB24" s="119">
        <v>0</v>
      </c>
      <c r="JC24" s="119">
        <v>0</v>
      </c>
      <c r="JD24" s="119">
        <v>0</v>
      </c>
      <c r="JE24" s="120">
        <v>0</v>
      </c>
      <c r="JF24" s="121">
        <v>0</v>
      </c>
      <c r="JG24" s="142">
        <v>0</v>
      </c>
      <c r="JH24" s="119">
        <v>0</v>
      </c>
      <c r="JI24" s="141">
        <v>0</v>
      </c>
      <c r="JJ24" s="118">
        <v>0</v>
      </c>
      <c r="JK24" s="119">
        <v>74843</v>
      </c>
      <c r="JL24" s="119">
        <v>191340</v>
      </c>
      <c r="JM24" s="119">
        <v>0</v>
      </c>
      <c r="JN24" s="119">
        <v>79670</v>
      </c>
      <c r="JO24" s="119">
        <v>42903</v>
      </c>
      <c r="JP24" s="120">
        <v>388756</v>
      </c>
      <c r="JQ24" s="320">
        <v>388756</v>
      </c>
      <c r="JR24" s="142">
        <v>0</v>
      </c>
      <c r="JS24" s="119">
        <v>0</v>
      </c>
      <c r="JT24" s="141">
        <v>0</v>
      </c>
      <c r="JU24" s="118">
        <v>0</v>
      </c>
      <c r="JV24" s="119">
        <v>25057</v>
      </c>
      <c r="JW24" s="119">
        <v>225514</v>
      </c>
      <c r="JX24" s="119">
        <v>0</v>
      </c>
      <c r="JY24" s="119">
        <v>0</v>
      </c>
      <c r="JZ24" s="119">
        <v>0</v>
      </c>
      <c r="KA24" s="120">
        <v>250571</v>
      </c>
      <c r="KB24" s="320">
        <v>250571</v>
      </c>
      <c r="KC24" s="234">
        <v>0</v>
      </c>
      <c r="KD24" s="230">
        <v>83631</v>
      </c>
      <c r="KE24" s="120">
        <v>83631</v>
      </c>
      <c r="KF24" s="118">
        <v>0</v>
      </c>
      <c r="KG24" s="119">
        <v>376877</v>
      </c>
      <c r="KH24" s="119">
        <v>657887</v>
      </c>
      <c r="KI24" s="119">
        <v>206880</v>
      </c>
      <c r="KJ24" s="119">
        <v>0</v>
      </c>
      <c r="KK24" s="119">
        <v>255588</v>
      </c>
      <c r="KL24" s="120">
        <v>1497232</v>
      </c>
      <c r="KM24" s="143">
        <v>1580863</v>
      </c>
      <c r="KN24" s="232">
        <v>0</v>
      </c>
      <c r="KO24" s="236">
        <v>0</v>
      </c>
      <c r="KP24" s="237">
        <v>0</v>
      </c>
      <c r="KQ24" s="140"/>
      <c r="KR24" s="119">
        <v>485941</v>
      </c>
      <c r="KS24" s="119">
        <v>496130</v>
      </c>
      <c r="KT24" s="119">
        <v>0</v>
      </c>
      <c r="KU24" s="119">
        <v>249344</v>
      </c>
      <c r="KV24" s="119">
        <v>0</v>
      </c>
      <c r="KW24" s="120">
        <v>1231415</v>
      </c>
      <c r="KX24" s="320">
        <v>1231415</v>
      </c>
      <c r="KY24" s="142">
        <v>0</v>
      </c>
      <c r="KZ24" s="119">
        <v>0</v>
      </c>
      <c r="LA24" s="120">
        <v>0</v>
      </c>
      <c r="LB24" s="145"/>
      <c r="LC24" s="119">
        <v>0</v>
      </c>
      <c r="LD24" s="119">
        <v>0</v>
      </c>
      <c r="LE24" s="119">
        <v>0</v>
      </c>
      <c r="LF24" s="119">
        <v>0</v>
      </c>
      <c r="LG24" s="119">
        <v>0</v>
      </c>
      <c r="LH24" s="120">
        <v>0</v>
      </c>
      <c r="LI24" s="121">
        <v>0</v>
      </c>
      <c r="LJ24" s="142">
        <v>0</v>
      </c>
      <c r="LK24" s="119">
        <v>0</v>
      </c>
      <c r="LL24" s="120">
        <v>0</v>
      </c>
      <c r="LM24" s="145"/>
      <c r="LN24" s="119">
        <v>0</v>
      </c>
      <c r="LO24" s="119">
        <v>0</v>
      </c>
      <c r="LP24" s="119">
        <v>0</v>
      </c>
      <c r="LQ24" s="119">
        <v>0</v>
      </c>
      <c r="LR24" s="119">
        <v>0</v>
      </c>
      <c r="LS24" s="120">
        <v>0</v>
      </c>
      <c r="LT24" s="320">
        <v>0</v>
      </c>
      <c r="LU24" s="142">
        <v>0</v>
      </c>
      <c r="LV24" s="119">
        <v>0</v>
      </c>
      <c r="LW24" s="120">
        <v>0</v>
      </c>
      <c r="LX24" s="145"/>
      <c r="LY24" s="119">
        <v>5536</v>
      </c>
      <c r="LZ24" s="119">
        <v>0</v>
      </c>
      <c r="MA24" s="119">
        <v>0</v>
      </c>
      <c r="MB24" s="119">
        <v>0</v>
      </c>
      <c r="MC24" s="119">
        <v>358665</v>
      </c>
      <c r="MD24" s="120">
        <v>364201</v>
      </c>
      <c r="ME24" s="121">
        <v>364201</v>
      </c>
      <c r="MF24" s="142">
        <v>0</v>
      </c>
      <c r="MG24" s="119">
        <v>0</v>
      </c>
      <c r="MH24" s="120">
        <v>0</v>
      </c>
      <c r="MI24" s="145"/>
      <c r="MJ24" s="119">
        <v>0</v>
      </c>
      <c r="MK24" s="119">
        <v>522799</v>
      </c>
      <c r="ML24" s="119">
        <v>2160911</v>
      </c>
      <c r="MM24" s="119">
        <v>1637445</v>
      </c>
      <c r="MN24" s="119">
        <v>1916116</v>
      </c>
      <c r="MO24" s="120">
        <v>6237271</v>
      </c>
      <c r="MP24" s="143">
        <v>6237271</v>
      </c>
      <c r="MQ24" s="142">
        <v>0</v>
      </c>
      <c r="MR24" s="119">
        <v>0</v>
      </c>
      <c r="MS24" s="120">
        <v>0</v>
      </c>
      <c r="MT24" s="145"/>
      <c r="MU24" s="119">
        <v>0</v>
      </c>
      <c r="MV24" s="119">
        <v>0</v>
      </c>
      <c r="MW24" s="119">
        <v>978560</v>
      </c>
      <c r="MX24" s="119">
        <v>1085904</v>
      </c>
      <c r="MY24" s="119">
        <v>1567964</v>
      </c>
      <c r="MZ24" s="120">
        <v>3632428</v>
      </c>
      <c r="NA24" s="143">
        <v>3632428</v>
      </c>
      <c r="NB24" s="142">
        <v>0</v>
      </c>
      <c r="NC24" s="119">
        <v>0</v>
      </c>
      <c r="ND24" s="120">
        <v>0</v>
      </c>
      <c r="NE24" s="145"/>
      <c r="NF24" s="119">
        <v>0</v>
      </c>
      <c r="NG24" s="119">
        <v>522799</v>
      </c>
      <c r="NH24" s="119">
        <v>1182351</v>
      </c>
      <c r="NI24" s="119">
        <v>551541</v>
      </c>
      <c r="NJ24" s="119">
        <v>348152</v>
      </c>
      <c r="NK24" s="120">
        <v>2604843</v>
      </c>
      <c r="NL24" s="320">
        <v>2604843</v>
      </c>
      <c r="NM24" s="142">
        <v>0</v>
      </c>
      <c r="NN24" s="119">
        <v>0</v>
      </c>
      <c r="NO24" s="120">
        <v>0</v>
      </c>
      <c r="NP24" s="145"/>
      <c r="NQ24" s="119">
        <v>0</v>
      </c>
      <c r="NR24" s="119">
        <v>0</v>
      </c>
      <c r="NS24" s="119">
        <v>0</v>
      </c>
      <c r="NT24" s="119">
        <v>0</v>
      </c>
      <c r="NU24" s="119">
        <v>0</v>
      </c>
      <c r="NV24" s="120">
        <v>0</v>
      </c>
      <c r="NW24" s="121">
        <v>0</v>
      </c>
      <c r="NX24" s="142">
        <v>0</v>
      </c>
      <c r="NY24" s="119">
        <v>0</v>
      </c>
      <c r="NZ24" s="120">
        <v>0</v>
      </c>
      <c r="OA24" s="145"/>
      <c r="OB24" s="119">
        <v>0</v>
      </c>
      <c r="OC24" s="119">
        <v>0</v>
      </c>
      <c r="OD24" s="119">
        <v>0</v>
      </c>
      <c r="OE24" s="119">
        <v>0</v>
      </c>
      <c r="OF24" s="119">
        <v>0</v>
      </c>
      <c r="OG24" s="120">
        <v>0</v>
      </c>
      <c r="OH24" s="121">
        <v>0</v>
      </c>
      <c r="OI24" s="142">
        <v>238564</v>
      </c>
      <c r="OJ24" s="119">
        <v>502969</v>
      </c>
      <c r="OK24" s="141">
        <v>741533</v>
      </c>
      <c r="OL24" s="118">
        <v>0</v>
      </c>
      <c r="OM24" s="119">
        <v>4916000</v>
      </c>
      <c r="ON24" s="119">
        <v>5904794</v>
      </c>
      <c r="OO24" s="119">
        <v>5146791</v>
      </c>
      <c r="OP24" s="119">
        <v>4487785</v>
      </c>
      <c r="OQ24" s="119">
        <v>3959342</v>
      </c>
      <c r="OR24" s="120">
        <v>24414712</v>
      </c>
      <c r="OS24" s="143">
        <v>25156245</v>
      </c>
    </row>
    <row r="25" spans="2:409" ht="21" customHeight="1" x14ac:dyDescent="0.2">
      <c r="B25" s="126" t="s">
        <v>20</v>
      </c>
      <c r="C25" s="110">
        <v>379413</v>
      </c>
      <c r="D25" s="114">
        <v>656530</v>
      </c>
      <c r="E25" s="113">
        <v>1035943</v>
      </c>
      <c r="F25" s="110">
        <v>0</v>
      </c>
      <c r="G25" s="114">
        <v>4981407</v>
      </c>
      <c r="H25" s="114">
        <v>5350670</v>
      </c>
      <c r="I25" s="114">
        <v>4909431</v>
      </c>
      <c r="J25" s="114">
        <v>4307462</v>
      </c>
      <c r="K25" s="114">
        <v>2928284</v>
      </c>
      <c r="L25" s="173">
        <v>22477254</v>
      </c>
      <c r="M25" s="116">
        <v>23513197</v>
      </c>
      <c r="N25" s="110">
        <v>127597</v>
      </c>
      <c r="O25" s="114">
        <v>145652</v>
      </c>
      <c r="P25" s="113">
        <v>273249</v>
      </c>
      <c r="Q25" s="110">
        <v>0</v>
      </c>
      <c r="R25" s="114">
        <v>2088668</v>
      </c>
      <c r="S25" s="114">
        <v>2024651</v>
      </c>
      <c r="T25" s="114">
        <v>1358474</v>
      </c>
      <c r="U25" s="114">
        <v>1226423</v>
      </c>
      <c r="V25" s="114">
        <v>1359827</v>
      </c>
      <c r="W25" s="113">
        <v>8058043</v>
      </c>
      <c r="X25" s="116">
        <v>8331292</v>
      </c>
      <c r="Y25" s="110">
        <v>0</v>
      </c>
      <c r="Z25" s="114">
        <v>0</v>
      </c>
      <c r="AA25" s="113">
        <v>0</v>
      </c>
      <c r="AB25" s="110">
        <v>0</v>
      </c>
      <c r="AC25" s="114">
        <v>686447</v>
      </c>
      <c r="AD25" s="114">
        <v>699944</v>
      </c>
      <c r="AE25" s="114">
        <v>798835</v>
      </c>
      <c r="AF25" s="114">
        <v>702201</v>
      </c>
      <c r="AG25" s="114">
        <v>818315</v>
      </c>
      <c r="AH25" s="113">
        <v>3705742</v>
      </c>
      <c r="AI25" s="116">
        <v>3705742</v>
      </c>
      <c r="AJ25" s="110">
        <v>0</v>
      </c>
      <c r="AK25" s="114">
        <v>0</v>
      </c>
      <c r="AL25" s="113">
        <v>0</v>
      </c>
      <c r="AM25" s="110">
        <v>0</v>
      </c>
      <c r="AN25" s="114">
        <v>13727</v>
      </c>
      <c r="AO25" s="114">
        <v>0</v>
      </c>
      <c r="AP25" s="114">
        <v>0</v>
      </c>
      <c r="AQ25" s="114">
        <v>73918</v>
      </c>
      <c r="AR25" s="114">
        <v>142132</v>
      </c>
      <c r="AS25" s="113">
        <v>229777</v>
      </c>
      <c r="AT25" s="116">
        <v>229777</v>
      </c>
      <c r="AU25" s="110">
        <v>89685</v>
      </c>
      <c r="AV25" s="114">
        <v>30151</v>
      </c>
      <c r="AW25" s="113">
        <v>119836</v>
      </c>
      <c r="AX25" s="110">
        <v>0</v>
      </c>
      <c r="AY25" s="114">
        <v>914114</v>
      </c>
      <c r="AZ25" s="114">
        <v>767833</v>
      </c>
      <c r="BA25" s="114">
        <v>195872</v>
      </c>
      <c r="BB25" s="114">
        <v>128178</v>
      </c>
      <c r="BC25" s="114">
        <v>272676</v>
      </c>
      <c r="BD25" s="113">
        <v>2278673</v>
      </c>
      <c r="BE25" s="116">
        <v>2398509</v>
      </c>
      <c r="BF25" s="110">
        <v>21352</v>
      </c>
      <c r="BG25" s="114">
        <v>67061</v>
      </c>
      <c r="BH25" s="112">
        <v>88413</v>
      </c>
      <c r="BI25" s="111">
        <v>0</v>
      </c>
      <c r="BJ25" s="114">
        <v>191908</v>
      </c>
      <c r="BK25" s="114">
        <v>275978</v>
      </c>
      <c r="BL25" s="114">
        <v>108663</v>
      </c>
      <c r="BM25" s="114">
        <v>53742</v>
      </c>
      <c r="BN25" s="114">
        <v>0</v>
      </c>
      <c r="BO25" s="113">
        <v>630291</v>
      </c>
      <c r="BP25" s="116">
        <v>718704</v>
      </c>
      <c r="BQ25" s="110">
        <v>16560</v>
      </c>
      <c r="BR25" s="114">
        <v>48440</v>
      </c>
      <c r="BS25" s="113">
        <v>65000</v>
      </c>
      <c r="BT25" s="110">
        <v>0</v>
      </c>
      <c r="BU25" s="114">
        <v>282472</v>
      </c>
      <c r="BV25" s="114">
        <v>280896</v>
      </c>
      <c r="BW25" s="114">
        <v>255104</v>
      </c>
      <c r="BX25" s="114">
        <v>268384</v>
      </c>
      <c r="BY25" s="114">
        <v>126704</v>
      </c>
      <c r="BZ25" s="113">
        <v>1213560</v>
      </c>
      <c r="CA25" s="116">
        <v>1278560</v>
      </c>
      <c r="CB25" s="110">
        <v>61561</v>
      </c>
      <c r="CC25" s="114">
        <v>76430</v>
      </c>
      <c r="CD25" s="113">
        <v>137991</v>
      </c>
      <c r="CE25" s="110">
        <v>0</v>
      </c>
      <c r="CF25" s="114">
        <v>1671213</v>
      </c>
      <c r="CG25" s="114">
        <v>1437465</v>
      </c>
      <c r="CH25" s="114">
        <v>2029581</v>
      </c>
      <c r="CI25" s="114">
        <v>704209</v>
      </c>
      <c r="CJ25" s="114">
        <v>49112</v>
      </c>
      <c r="CK25" s="113">
        <v>5891580</v>
      </c>
      <c r="CL25" s="116">
        <v>6029571</v>
      </c>
      <c r="CM25" s="110">
        <v>0</v>
      </c>
      <c r="CN25" s="114">
        <v>0</v>
      </c>
      <c r="CO25" s="113">
        <v>0</v>
      </c>
      <c r="CP25" s="111">
        <v>0</v>
      </c>
      <c r="CQ25" s="114">
        <v>1067650</v>
      </c>
      <c r="CR25" s="114">
        <v>1033169</v>
      </c>
      <c r="CS25" s="114">
        <v>1234755</v>
      </c>
      <c r="CT25" s="114">
        <v>479672</v>
      </c>
      <c r="CU25" s="114">
        <v>0</v>
      </c>
      <c r="CV25" s="113">
        <v>3815246</v>
      </c>
      <c r="CW25" s="116">
        <v>3815246</v>
      </c>
      <c r="CX25" s="110">
        <v>61561</v>
      </c>
      <c r="CY25" s="114">
        <v>76430</v>
      </c>
      <c r="CZ25" s="113">
        <v>137991</v>
      </c>
      <c r="DA25" s="110">
        <v>0</v>
      </c>
      <c r="DB25" s="114">
        <v>603563</v>
      </c>
      <c r="DC25" s="114">
        <v>404296</v>
      </c>
      <c r="DD25" s="114">
        <v>794826</v>
      </c>
      <c r="DE25" s="114">
        <v>224537</v>
      </c>
      <c r="DF25" s="114">
        <v>49112</v>
      </c>
      <c r="DG25" s="113">
        <v>2076334</v>
      </c>
      <c r="DH25" s="116">
        <v>2214325</v>
      </c>
      <c r="DI25" s="110">
        <v>26273</v>
      </c>
      <c r="DJ25" s="114">
        <v>116712</v>
      </c>
      <c r="DK25" s="112">
        <v>142985</v>
      </c>
      <c r="DL25" s="111">
        <v>0</v>
      </c>
      <c r="DM25" s="114">
        <v>100024</v>
      </c>
      <c r="DN25" s="114">
        <v>371168</v>
      </c>
      <c r="DO25" s="114">
        <v>136168</v>
      </c>
      <c r="DP25" s="114">
        <v>1004983</v>
      </c>
      <c r="DQ25" s="114">
        <v>30560</v>
      </c>
      <c r="DR25" s="113">
        <v>1642903</v>
      </c>
      <c r="DS25" s="116">
        <v>1785888</v>
      </c>
      <c r="DT25" s="110">
        <v>26273</v>
      </c>
      <c r="DU25" s="114">
        <v>116712</v>
      </c>
      <c r="DV25" s="113">
        <v>142985</v>
      </c>
      <c r="DW25" s="110">
        <v>0</v>
      </c>
      <c r="DX25" s="114">
        <v>100024</v>
      </c>
      <c r="DY25" s="114">
        <v>371168</v>
      </c>
      <c r="DZ25" s="114">
        <v>50576</v>
      </c>
      <c r="EA25" s="114">
        <v>902646</v>
      </c>
      <c r="EB25" s="114">
        <v>30560</v>
      </c>
      <c r="EC25" s="113">
        <v>1454974</v>
      </c>
      <c r="ED25" s="116">
        <v>1597959</v>
      </c>
      <c r="EE25" s="110">
        <v>0</v>
      </c>
      <c r="EF25" s="112">
        <v>0</v>
      </c>
      <c r="EG25" s="113">
        <v>0</v>
      </c>
      <c r="EH25" s="110">
        <v>0</v>
      </c>
      <c r="EI25" s="114">
        <v>0</v>
      </c>
      <c r="EJ25" s="114">
        <v>0</v>
      </c>
      <c r="EK25" s="114">
        <v>85592</v>
      </c>
      <c r="EL25" s="114">
        <v>102337</v>
      </c>
      <c r="EM25" s="114">
        <v>0</v>
      </c>
      <c r="EN25" s="112">
        <v>187929</v>
      </c>
      <c r="EO25" s="116">
        <v>187929</v>
      </c>
      <c r="EP25" s="110">
        <v>0</v>
      </c>
      <c r="EQ25" s="114">
        <v>0</v>
      </c>
      <c r="ER25" s="112">
        <v>0</v>
      </c>
      <c r="ES25" s="111">
        <v>0</v>
      </c>
      <c r="ET25" s="114">
        <v>0</v>
      </c>
      <c r="EU25" s="114">
        <v>0</v>
      </c>
      <c r="EV25" s="114">
        <v>0</v>
      </c>
      <c r="EW25" s="114">
        <v>0</v>
      </c>
      <c r="EX25" s="114">
        <v>0</v>
      </c>
      <c r="EY25" s="113">
        <v>0</v>
      </c>
      <c r="EZ25" s="116">
        <v>0</v>
      </c>
      <c r="FA25" s="110">
        <v>0</v>
      </c>
      <c r="FB25" s="114">
        <v>0</v>
      </c>
      <c r="FC25" s="112">
        <v>0</v>
      </c>
      <c r="FD25" s="347"/>
      <c r="FE25" s="114">
        <v>0</v>
      </c>
      <c r="FF25" s="114">
        <v>0</v>
      </c>
      <c r="FG25" s="114">
        <v>0</v>
      </c>
      <c r="FH25" s="114">
        <v>0</v>
      </c>
      <c r="FI25" s="114">
        <v>0</v>
      </c>
      <c r="FJ25" s="113">
        <v>0</v>
      </c>
      <c r="FK25" s="116">
        <v>0</v>
      </c>
      <c r="FL25" s="110">
        <v>53632</v>
      </c>
      <c r="FM25" s="114">
        <v>131136</v>
      </c>
      <c r="FN25" s="113">
        <v>184768</v>
      </c>
      <c r="FO25" s="110">
        <v>0</v>
      </c>
      <c r="FP25" s="114">
        <v>479008</v>
      </c>
      <c r="FQ25" s="114">
        <v>521248</v>
      </c>
      <c r="FR25" s="114">
        <v>387624</v>
      </c>
      <c r="FS25" s="114">
        <v>268872</v>
      </c>
      <c r="FT25" s="114">
        <v>205352</v>
      </c>
      <c r="FU25" s="113">
        <v>1862104</v>
      </c>
      <c r="FV25" s="116">
        <v>2046872</v>
      </c>
      <c r="FW25" s="115">
        <v>53632</v>
      </c>
      <c r="FX25" s="114">
        <v>131136</v>
      </c>
      <c r="FY25" s="112">
        <v>184768</v>
      </c>
      <c r="FZ25" s="111">
        <v>0</v>
      </c>
      <c r="GA25" s="114">
        <v>366528</v>
      </c>
      <c r="GB25" s="114">
        <v>471248</v>
      </c>
      <c r="GC25" s="114">
        <v>387624</v>
      </c>
      <c r="GD25" s="114">
        <v>250568</v>
      </c>
      <c r="GE25" s="114">
        <v>205352</v>
      </c>
      <c r="GF25" s="113">
        <v>1681320</v>
      </c>
      <c r="GG25" s="318">
        <v>1866088</v>
      </c>
      <c r="GH25" s="115">
        <v>0</v>
      </c>
      <c r="GI25" s="114">
        <v>0</v>
      </c>
      <c r="GJ25" s="112">
        <v>0</v>
      </c>
      <c r="GK25" s="111">
        <v>0</v>
      </c>
      <c r="GL25" s="114">
        <v>112480</v>
      </c>
      <c r="GM25" s="114">
        <v>17200</v>
      </c>
      <c r="GN25" s="114">
        <v>0</v>
      </c>
      <c r="GO25" s="114">
        <v>18304</v>
      </c>
      <c r="GP25" s="114">
        <v>0</v>
      </c>
      <c r="GQ25" s="113">
        <v>147984</v>
      </c>
      <c r="GR25" s="116">
        <v>147984</v>
      </c>
      <c r="GS25" s="110">
        <v>0</v>
      </c>
      <c r="GT25" s="114">
        <v>0</v>
      </c>
      <c r="GU25" s="113">
        <v>0</v>
      </c>
      <c r="GV25" s="110">
        <v>0</v>
      </c>
      <c r="GW25" s="114">
        <v>0</v>
      </c>
      <c r="GX25" s="114">
        <v>32800</v>
      </c>
      <c r="GY25" s="114">
        <v>0</v>
      </c>
      <c r="GZ25" s="114">
        <v>0</v>
      </c>
      <c r="HA25" s="114">
        <v>0</v>
      </c>
      <c r="HB25" s="112">
        <v>32800</v>
      </c>
      <c r="HC25" s="116">
        <v>32800</v>
      </c>
      <c r="HD25" s="110">
        <v>110350</v>
      </c>
      <c r="HE25" s="114">
        <v>186600</v>
      </c>
      <c r="HF25" s="112">
        <v>296950</v>
      </c>
      <c r="HG25" s="111">
        <v>0</v>
      </c>
      <c r="HH25" s="114">
        <v>642494</v>
      </c>
      <c r="HI25" s="114">
        <v>996138</v>
      </c>
      <c r="HJ25" s="114">
        <v>997584</v>
      </c>
      <c r="HK25" s="114">
        <v>1102975</v>
      </c>
      <c r="HL25" s="114">
        <v>1283433</v>
      </c>
      <c r="HM25" s="113">
        <v>5022624</v>
      </c>
      <c r="HN25" s="109">
        <v>5319574</v>
      </c>
      <c r="HO25" s="328"/>
      <c r="HP25" s="329"/>
      <c r="HQ25" s="330"/>
      <c r="HR25" s="331"/>
      <c r="HS25" s="329"/>
      <c r="HT25" s="329"/>
      <c r="HU25" s="329"/>
      <c r="HV25" s="329"/>
      <c r="HW25" s="329"/>
      <c r="HX25" s="332"/>
      <c r="HY25" s="333"/>
      <c r="HZ25" s="131">
        <v>0</v>
      </c>
      <c r="IA25" s="132">
        <v>0</v>
      </c>
      <c r="IB25" s="133">
        <v>0</v>
      </c>
      <c r="IC25" s="146">
        <v>0</v>
      </c>
      <c r="ID25" s="132">
        <v>682533</v>
      </c>
      <c r="IE25" s="147">
        <v>416623</v>
      </c>
      <c r="IF25" s="133">
        <v>864187</v>
      </c>
      <c r="IG25" s="132">
        <v>689891</v>
      </c>
      <c r="IH25" s="133">
        <v>0</v>
      </c>
      <c r="II25" s="148">
        <v>2653234</v>
      </c>
      <c r="IJ25" s="139">
        <v>2653234</v>
      </c>
      <c r="IK25" s="232">
        <v>0</v>
      </c>
      <c r="IL25" s="236">
        <v>0</v>
      </c>
      <c r="IM25" s="237">
        <v>0</v>
      </c>
      <c r="IN25" s="140"/>
      <c r="IO25" s="119">
        <v>0</v>
      </c>
      <c r="IP25" s="119">
        <v>0</v>
      </c>
      <c r="IQ25" s="119">
        <v>0</v>
      </c>
      <c r="IR25" s="119">
        <v>0</v>
      </c>
      <c r="IS25" s="119">
        <v>0</v>
      </c>
      <c r="IT25" s="141">
        <v>0</v>
      </c>
      <c r="IU25" s="320">
        <v>0</v>
      </c>
      <c r="IV25" s="142">
        <v>0</v>
      </c>
      <c r="IW25" s="119">
        <v>0</v>
      </c>
      <c r="IX25" s="120">
        <v>0</v>
      </c>
      <c r="IY25" s="144"/>
      <c r="IZ25" s="119">
        <v>0</v>
      </c>
      <c r="JA25" s="119">
        <v>0</v>
      </c>
      <c r="JB25" s="119">
        <v>0</v>
      </c>
      <c r="JC25" s="119">
        <v>0</v>
      </c>
      <c r="JD25" s="119">
        <v>0</v>
      </c>
      <c r="JE25" s="120">
        <v>0</v>
      </c>
      <c r="JF25" s="121">
        <v>0</v>
      </c>
      <c r="JG25" s="142">
        <v>0</v>
      </c>
      <c r="JH25" s="119">
        <v>0</v>
      </c>
      <c r="JI25" s="141">
        <v>0</v>
      </c>
      <c r="JJ25" s="118">
        <v>0</v>
      </c>
      <c r="JK25" s="119">
        <v>425877</v>
      </c>
      <c r="JL25" s="119">
        <v>159211</v>
      </c>
      <c r="JM25" s="119">
        <v>374228</v>
      </c>
      <c r="JN25" s="119">
        <v>156581</v>
      </c>
      <c r="JO25" s="119">
        <v>0</v>
      </c>
      <c r="JP25" s="120">
        <v>1115897</v>
      </c>
      <c r="JQ25" s="320">
        <v>1115897</v>
      </c>
      <c r="JR25" s="142">
        <v>0</v>
      </c>
      <c r="JS25" s="119">
        <v>0</v>
      </c>
      <c r="JT25" s="141">
        <v>0</v>
      </c>
      <c r="JU25" s="118">
        <v>0</v>
      </c>
      <c r="JV25" s="119">
        <v>0</v>
      </c>
      <c r="JW25" s="119">
        <v>0</v>
      </c>
      <c r="JX25" s="119">
        <v>0</v>
      </c>
      <c r="JY25" s="119">
        <v>0</v>
      </c>
      <c r="JZ25" s="119">
        <v>0</v>
      </c>
      <c r="KA25" s="120">
        <v>0</v>
      </c>
      <c r="KB25" s="320">
        <v>0</v>
      </c>
      <c r="KC25" s="234">
        <v>0</v>
      </c>
      <c r="KD25" s="230">
        <v>0</v>
      </c>
      <c r="KE25" s="120">
        <v>0</v>
      </c>
      <c r="KF25" s="118">
        <v>0</v>
      </c>
      <c r="KG25" s="119">
        <v>0</v>
      </c>
      <c r="KH25" s="119">
        <v>0</v>
      </c>
      <c r="KI25" s="119">
        <v>224951</v>
      </c>
      <c r="KJ25" s="119">
        <v>0</v>
      </c>
      <c r="KK25" s="119">
        <v>0</v>
      </c>
      <c r="KL25" s="120">
        <v>224951</v>
      </c>
      <c r="KM25" s="143">
        <v>224951</v>
      </c>
      <c r="KN25" s="232">
        <v>0</v>
      </c>
      <c r="KO25" s="236">
        <v>0</v>
      </c>
      <c r="KP25" s="237">
        <v>0</v>
      </c>
      <c r="KQ25" s="140"/>
      <c r="KR25" s="119">
        <v>256656</v>
      </c>
      <c r="KS25" s="119">
        <v>257412</v>
      </c>
      <c r="KT25" s="119">
        <v>265008</v>
      </c>
      <c r="KU25" s="119">
        <v>533310</v>
      </c>
      <c r="KV25" s="119">
        <v>0</v>
      </c>
      <c r="KW25" s="120">
        <v>1312386</v>
      </c>
      <c r="KX25" s="320">
        <v>1312386</v>
      </c>
      <c r="KY25" s="142">
        <v>0</v>
      </c>
      <c r="KZ25" s="119">
        <v>0</v>
      </c>
      <c r="LA25" s="120">
        <v>0</v>
      </c>
      <c r="LB25" s="145"/>
      <c r="LC25" s="119">
        <v>0</v>
      </c>
      <c r="LD25" s="119">
        <v>0</v>
      </c>
      <c r="LE25" s="119">
        <v>0</v>
      </c>
      <c r="LF25" s="119">
        <v>0</v>
      </c>
      <c r="LG25" s="119">
        <v>0</v>
      </c>
      <c r="LH25" s="120">
        <v>0</v>
      </c>
      <c r="LI25" s="121">
        <v>0</v>
      </c>
      <c r="LJ25" s="142">
        <v>0</v>
      </c>
      <c r="LK25" s="119">
        <v>0</v>
      </c>
      <c r="LL25" s="120">
        <v>0</v>
      </c>
      <c r="LM25" s="145"/>
      <c r="LN25" s="119">
        <v>0</v>
      </c>
      <c r="LO25" s="119">
        <v>0</v>
      </c>
      <c r="LP25" s="119">
        <v>0</v>
      </c>
      <c r="LQ25" s="119">
        <v>0</v>
      </c>
      <c r="LR25" s="119">
        <v>0</v>
      </c>
      <c r="LS25" s="120">
        <v>0</v>
      </c>
      <c r="LT25" s="320">
        <v>0</v>
      </c>
      <c r="LU25" s="142">
        <v>0</v>
      </c>
      <c r="LV25" s="119">
        <v>0</v>
      </c>
      <c r="LW25" s="120">
        <v>0</v>
      </c>
      <c r="LX25" s="145"/>
      <c r="LY25" s="119">
        <v>0</v>
      </c>
      <c r="LZ25" s="119">
        <v>0</v>
      </c>
      <c r="MA25" s="119">
        <v>0</v>
      </c>
      <c r="MB25" s="119">
        <v>0</v>
      </c>
      <c r="MC25" s="119">
        <v>0</v>
      </c>
      <c r="MD25" s="120">
        <v>0</v>
      </c>
      <c r="ME25" s="121">
        <v>0</v>
      </c>
      <c r="MF25" s="142">
        <v>0</v>
      </c>
      <c r="MG25" s="119">
        <v>0</v>
      </c>
      <c r="MH25" s="120">
        <v>0</v>
      </c>
      <c r="MI25" s="145"/>
      <c r="MJ25" s="119">
        <v>0</v>
      </c>
      <c r="MK25" s="119">
        <v>240531</v>
      </c>
      <c r="ML25" s="119">
        <v>2557902</v>
      </c>
      <c r="MM25" s="119">
        <v>2745012</v>
      </c>
      <c r="MN25" s="119">
        <v>1264258</v>
      </c>
      <c r="MO25" s="120">
        <v>6807703</v>
      </c>
      <c r="MP25" s="143">
        <v>6807703</v>
      </c>
      <c r="MQ25" s="142">
        <v>0</v>
      </c>
      <c r="MR25" s="119">
        <v>0</v>
      </c>
      <c r="MS25" s="120">
        <v>0</v>
      </c>
      <c r="MT25" s="145"/>
      <c r="MU25" s="119">
        <v>0</v>
      </c>
      <c r="MV25" s="119">
        <v>240531</v>
      </c>
      <c r="MW25" s="119">
        <v>2027854</v>
      </c>
      <c r="MX25" s="119">
        <v>2440643</v>
      </c>
      <c r="MY25" s="119">
        <v>876673</v>
      </c>
      <c r="MZ25" s="120">
        <v>5585701</v>
      </c>
      <c r="NA25" s="143">
        <v>5585701</v>
      </c>
      <c r="NB25" s="142">
        <v>0</v>
      </c>
      <c r="NC25" s="119">
        <v>0</v>
      </c>
      <c r="ND25" s="120">
        <v>0</v>
      </c>
      <c r="NE25" s="145"/>
      <c r="NF25" s="119">
        <v>0</v>
      </c>
      <c r="NG25" s="119">
        <v>0</v>
      </c>
      <c r="NH25" s="119">
        <v>530048</v>
      </c>
      <c r="NI25" s="119">
        <v>304369</v>
      </c>
      <c r="NJ25" s="119">
        <v>0</v>
      </c>
      <c r="NK25" s="120">
        <v>834417</v>
      </c>
      <c r="NL25" s="320">
        <v>834417</v>
      </c>
      <c r="NM25" s="142">
        <v>0</v>
      </c>
      <c r="NN25" s="119">
        <v>0</v>
      </c>
      <c r="NO25" s="120">
        <v>0</v>
      </c>
      <c r="NP25" s="145"/>
      <c r="NQ25" s="119">
        <v>0</v>
      </c>
      <c r="NR25" s="119">
        <v>0</v>
      </c>
      <c r="NS25" s="119">
        <v>0</v>
      </c>
      <c r="NT25" s="119">
        <v>0</v>
      </c>
      <c r="NU25" s="119">
        <v>0</v>
      </c>
      <c r="NV25" s="120">
        <v>0</v>
      </c>
      <c r="NW25" s="121">
        <v>0</v>
      </c>
      <c r="NX25" s="142">
        <v>0</v>
      </c>
      <c r="NY25" s="119">
        <v>0</v>
      </c>
      <c r="NZ25" s="120">
        <v>0</v>
      </c>
      <c r="OA25" s="145"/>
      <c r="OB25" s="119">
        <v>0</v>
      </c>
      <c r="OC25" s="119">
        <v>0</v>
      </c>
      <c r="OD25" s="119">
        <v>0</v>
      </c>
      <c r="OE25" s="119">
        <v>0</v>
      </c>
      <c r="OF25" s="119">
        <v>387585</v>
      </c>
      <c r="OG25" s="120">
        <v>387585</v>
      </c>
      <c r="OH25" s="121">
        <v>387585</v>
      </c>
      <c r="OI25" s="142">
        <v>379413</v>
      </c>
      <c r="OJ25" s="119">
        <v>656530</v>
      </c>
      <c r="OK25" s="141">
        <v>1035943</v>
      </c>
      <c r="OL25" s="118">
        <v>0</v>
      </c>
      <c r="OM25" s="119">
        <v>5663940</v>
      </c>
      <c r="ON25" s="119">
        <v>6007824</v>
      </c>
      <c r="OO25" s="119">
        <v>8331520</v>
      </c>
      <c r="OP25" s="119">
        <v>7742365</v>
      </c>
      <c r="OQ25" s="119">
        <v>4192542</v>
      </c>
      <c r="OR25" s="120">
        <v>31938191</v>
      </c>
      <c r="OS25" s="143">
        <v>32974134</v>
      </c>
    </row>
    <row r="26" spans="2:409" ht="21" customHeight="1" x14ac:dyDescent="0.2">
      <c r="B26" s="126" t="s">
        <v>21</v>
      </c>
      <c r="C26" s="110">
        <v>208179</v>
      </c>
      <c r="D26" s="114">
        <v>378648</v>
      </c>
      <c r="E26" s="113">
        <v>586827</v>
      </c>
      <c r="F26" s="109">
        <v>0</v>
      </c>
      <c r="G26" s="114">
        <v>3458358</v>
      </c>
      <c r="H26" s="114">
        <v>4103821</v>
      </c>
      <c r="I26" s="114">
        <v>3801157</v>
      </c>
      <c r="J26" s="114">
        <v>4770025</v>
      </c>
      <c r="K26" s="114">
        <v>3593142</v>
      </c>
      <c r="L26" s="173">
        <v>19726503</v>
      </c>
      <c r="M26" s="116">
        <v>20313330</v>
      </c>
      <c r="N26" s="110">
        <v>102233</v>
      </c>
      <c r="O26" s="114">
        <v>222385</v>
      </c>
      <c r="P26" s="113">
        <v>324618</v>
      </c>
      <c r="Q26" s="110">
        <v>0</v>
      </c>
      <c r="R26" s="114">
        <v>1079557</v>
      </c>
      <c r="S26" s="114">
        <v>1354046</v>
      </c>
      <c r="T26" s="114">
        <v>654350</v>
      </c>
      <c r="U26" s="114">
        <v>2309653</v>
      </c>
      <c r="V26" s="114">
        <v>2254719</v>
      </c>
      <c r="W26" s="113">
        <v>7652325</v>
      </c>
      <c r="X26" s="116">
        <v>7976943</v>
      </c>
      <c r="Y26" s="110">
        <v>0</v>
      </c>
      <c r="Z26" s="114">
        <v>0</v>
      </c>
      <c r="AA26" s="113">
        <v>0</v>
      </c>
      <c r="AB26" s="110">
        <v>0</v>
      </c>
      <c r="AC26" s="114">
        <v>340951</v>
      </c>
      <c r="AD26" s="114">
        <v>214760</v>
      </c>
      <c r="AE26" s="114">
        <v>121377</v>
      </c>
      <c r="AF26" s="114">
        <v>1325046</v>
      </c>
      <c r="AG26" s="114">
        <v>1285328</v>
      </c>
      <c r="AH26" s="113">
        <v>3287462</v>
      </c>
      <c r="AI26" s="116">
        <v>3287462</v>
      </c>
      <c r="AJ26" s="110">
        <v>0</v>
      </c>
      <c r="AK26" s="114">
        <v>0</v>
      </c>
      <c r="AL26" s="113">
        <v>0</v>
      </c>
      <c r="AM26" s="110">
        <v>0</v>
      </c>
      <c r="AN26" s="114">
        <v>0</v>
      </c>
      <c r="AO26" s="114">
        <v>0</v>
      </c>
      <c r="AP26" s="114">
        <v>0</v>
      </c>
      <c r="AQ26" s="114">
        <v>37241</v>
      </c>
      <c r="AR26" s="114">
        <v>212469</v>
      </c>
      <c r="AS26" s="113">
        <v>249710</v>
      </c>
      <c r="AT26" s="116">
        <v>249710</v>
      </c>
      <c r="AU26" s="110">
        <v>74761</v>
      </c>
      <c r="AV26" s="114">
        <v>130726</v>
      </c>
      <c r="AW26" s="113">
        <v>205487</v>
      </c>
      <c r="AX26" s="110">
        <v>0</v>
      </c>
      <c r="AY26" s="114">
        <v>508797</v>
      </c>
      <c r="AZ26" s="114">
        <v>803469</v>
      </c>
      <c r="BA26" s="114">
        <v>334364</v>
      </c>
      <c r="BB26" s="114">
        <v>677985</v>
      </c>
      <c r="BC26" s="114">
        <v>561042</v>
      </c>
      <c r="BD26" s="113">
        <v>2885657</v>
      </c>
      <c r="BE26" s="116">
        <v>3091144</v>
      </c>
      <c r="BF26" s="110">
        <v>0</v>
      </c>
      <c r="BG26" s="114">
        <v>42267</v>
      </c>
      <c r="BH26" s="112">
        <v>42267</v>
      </c>
      <c r="BI26" s="111">
        <v>0</v>
      </c>
      <c r="BJ26" s="114">
        <v>48841</v>
      </c>
      <c r="BK26" s="114">
        <v>104137</v>
      </c>
      <c r="BL26" s="114">
        <v>82129</v>
      </c>
      <c r="BM26" s="114">
        <v>52165</v>
      </c>
      <c r="BN26" s="114">
        <v>0</v>
      </c>
      <c r="BO26" s="113">
        <v>287272</v>
      </c>
      <c r="BP26" s="116">
        <v>329539</v>
      </c>
      <c r="BQ26" s="110">
        <v>27472</v>
      </c>
      <c r="BR26" s="114">
        <v>49392</v>
      </c>
      <c r="BS26" s="113">
        <v>76864</v>
      </c>
      <c r="BT26" s="110">
        <v>0</v>
      </c>
      <c r="BU26" s="114">
        <v>180968</v>
      </c>
      <c r="BV26" s="114">
        <v>231680</v>
      </c>
      <c r="BW26" s="114">
        <v>116480</v>
      </c>
      <c r="BX26" s="114">
        <v>217216</v>
      </c>
      <c r="BY26" s="114">
        <v>195880</v>
      </c>
      <c r="BZ26" s="113">
        <v>942224</v>
      </c>
      <c r="CA26" s="116">
        <v>1019088</v>
      </c>
      <c r="CB26" s="110">
        <v>41118</v>
      </c>
      <c r="CC26" s="114">
        <v>0</v>
      </c>
      <c r="CD26" s="113">
        <v>41118</v>
      </c>
      <c r="CE26" s="110">
        <v>0</v>
      </c>
      <c r="CF26" s="114">
        <v>1066102</v>
      </c>
      <c r="CG26" s="114">
        <v>1243196</v>
      </c>
      <c r="CH26" s="114">
        <v>975478</v>
      </c>
      <c r="CI26" s="114">
        <v>256117</v>
      </c>
      <c r="CJ26" s="114">
        <v>334716</v>
      </c>
      <c r="CK26" s="113">
        <v>3875609</v>
      </c>
      <c r="CL26" s="116">
        <v>3916727</v>
      </c>
      <c r="CM26" s="110">
        <v>0</v>
      </c>
      <c r="CN26" s="114">
        <v>0</v>
      </c>
      <c r="CO26" s="113">
        <v>0</v>
      </c>
      <c r="CP26" s="111">
        <v>0</v>
      </c>
      <c r="CQ26" s="114">
        <v>563434</v>
      </c>
      <c r="CR26" s="114">
        <v>759108</v>
      </c>
      <c r="CS26" s="114">
        <v>886242</v>
      </c>
      <c r="CT26" s="114">
        <v>228325</v>
      </c>
      <c r="CU26" s="114">
        <v>334716</v>
      </c>
      <c r="CV26" s="113">
        <v>2771825</v>
      </c>
      <c r="CW26" s="116">
        <v>2771825</v>
      </c>
      <c r="CX26" s="110">
        <v>41118</v>
      </c>
      <c r="CY26" s="114">
        <v>0</v>
      </c>
      <c r="CZ26" s="113">
        <v>41118</v>
      </c>
      <c r="DA26" s="110">
        <v>0</v>
      </c>
      <c r="DB26" s="114">
        <v>502668</v>
      </c>
      <c r="DC26" s="114">
        <v>484088</v>
      </c>
      <c r="DD26" s="114">
        <v>89236</v>
      </c>
      <c r="DE26" s="114">
        <v>27792</v>
      </c>
      <c r="DF26" s="114">
        <v>0</v>
      </c>
      <c r="DG26" s="113">
        <v>1103784</v>
      </c>
      <c r="DH26" s="116">
        <v>1144902</v>
      </c>
      <c r="DI26" s="110">
        <v>0</v>
      </c>
      <c r="DJ26" s="114">
        <v>0</v>
      </c>
      <c r="DK26" s="112">
        <v>0</v>
      </c>
      <c r="DL26" s="111">
        <v>0</v>
      </c>
      <c r="DM26" s="114">
        <v>150480</v>
      </c>
      <c r="DN26" s="114">
        <v>92127</v>
      </c>
      <c r="DO26" s="114">
        <v>733938</v>
      </c>
      <c r="DP26" s="114">
        <v>785576</v>
      </c>
      <c r="DQ26" s="114">
        <v>297331</v>
      </c>
      <c r="DR26" s="113">
        <v>2059452</v>
      </c>
      <c r="DS26" s="116">
        <v>2059452</v>
      </c>
      <c r="DT26" s="110">
        <v>0</v>
      </c>
      <c r="DU26" s="114">
        <v>0</v>
      </c>
      <c r="DV26" s="113">
        <v>0</v>
      </c>
      <c r="DW26" s="110">
        <v>0</v>
      </c>
      <c r="DX26" s="114">
        <v>150480</v>
      </c>
      <c r="DY26" s="114">
        <v>18694</v>
      </c>
      <c r="DZ26" s="114">
        <v>733938</v>
      </c>
      <c r="EA26" s="114">
        <v>785576</v>
      </c>
      <c r="EB26" s="114">
        <v>297331</v>
      </c>
      <c r="EC26" s="113">
        <v>1986019</v>
      </c>
      <c r="ED26" s="116">
        <v>1986019</v>
      </c>
      <c r="EE26" s="110">
        <v>0</v>
      </c>
      <c r="EF26" s="112">
        <v>0</v>
      </c>
      <c r="EG26" s="113">
        <v>0</v>
      </c>
      <c r="EH26" s="110">
        <v>0</v>
      </c>
      <c r="EI26" s="114">
        <v>0</v>
      </c>
      <c r="EJ26" s="114">
        <v>73433</v>
      </c>
      <c r="EK26" s="114">
        <v>0</v>
      </c>
      <c r="EL26" s="114">
        <v>0</v>
      </c>
      <c r="EM26" s="114">
        <v>0</v>
      </c>
      <c r="EN26" s="112">
        <v>73433</v>
      </c>
      <c r="EO26" s="116">
        <v>73433</v>
      </c>
      <c r="EP26" s="110">
        <v>0</v>
      </c>
      <c r="EQ26" s="114">
        <v>0</v>
      </c>
      <c r="ER26" s="112">
        <v>0</v>
      </c>
      <c r="ES26" s="111">
        <v>0</v>
      </c>
      <c r="ET26" s="114">
        <v>0</v>
      </c>
      <c r="EU26" s="114">
        <v>0</v>
      </c>
      <c r="EV26" s="114">
        <v>0</v>
      </c>
      <c r="EW26" s="114">
        <v>0</v>
      </c>
      <c r="EX26" s="114">
        <v>0</v>
      </c>
      <c r="EY26" s="113">
        <v>0</v>
      </c>
      <c r="EZ26" s="116">
        <v>0</v>
      </c>
      <c r="FA26" s="110">
        <v>0</v>
      </c>
      <c r="FB26" s="114">
        <v>0</v>
      </c>
      <c r="FC26" s="112">
        <v>0</v>
      </c>
      <c r="FD26" s="347"/>
      <c r="FE26" s="114">
        <v>0</v>
      </c>
      <c r="FF26" s="114">
        <v>0</v>
      </c>
      <c r="FG26" s="114">
        <v>0</v>
      </c>
      <c r="FH26" s="114">
        <v>0</v>
      </c>
      <c r="FI26" s="114">
        <v>0</v>
      </c>
      <c r="FJ26" s="113">
        <v>0</v>
      </c>
      <c r="FK26" s="116">
        <v>0</v>
      </c>
      <c r="FL26" s="110">
        <v>7280</v>
      </c>
      <c r="FM26" s="114">
        <v>63760</v>
      </c>
      <c r="FN26" s="113">
        <v>71040</v>
      </c>
      <c r="FO26" s="110">
        <v>0</v>
      </c>
      <c r="FP26" s="114">
        <v>192776</v>
      </c>
      <c r="FQ26" s="114">
        <v>481072</v>
      </c>
      <c r="FR26" s="114">
        <v>329696</v>
      </c>
      <c r="FS26" s="114">
        <v>339136</v>
      </c>
      <c r="FT26" s="114">
        <v>225256</v>
      </c>
      <c r="FU26" s="113">
        <v>1567936</v>
      </c>
      <c r="FV26" s="116">
        <v>1638976</v>
      </c>
      <c r="FW26" s="115">
        <v>7280</v>
      </c>
      <c r="FX26" s="114">
        <v>63760</v>
      </c>
      <c r="FY26" s="112">
        <v>71040</v>
      </c>
      <c r="FZ26" s="111">
        <v>0</v>
      </c>
      <c r="GA26" s="114">
        <v>121376</v>
      </c>
      <c r="GB26" s="114">
        <v>424112</v>
      </c>
      <c r="GC26" s="114">
        <v>329696</v>
      </c>
      <c r="GD26" s="114">
        <v>339136</v>
      </c>
      <c r="GE26" s="114">
        <v>225256</v>
      </c>
      <c r="GF26" s="113">
        <v>1439576</v>
      </c>
      <c r="GG26" s="318">
        <v>1510616</v>
      </c>
      <c r="GH26" s="115">
        <v>0</v>
      </c>
      <c r="GI26" s="114">
        <v>0</v>
      </c>
      <c r="GJ26" s="112">
        <v>0</v>
      </c>
      <c r="GK26" s="111">
        <v>0</v>
      </c>
      <c r="GL26" s="114">
        <v>41800</v>
      </c>
      <c r="GM26" s="114">
        <v>24960</v>
      </c>
      <c r="GN26" s="114">
        <v>0</v>
      </c>
      <c r="GO26" s="114">
        <v>0</v>
      </c>
      <c r="GP26" s="114">
        <v>0</v>
      </c>
      <c r="GQ26" s="113">
        <v>66760</v>
      </c>
      <c r="GR26" s="116">
        <v>66760</v>
      </c>
      <c r="GS26" s="110">
        <v>0</v>
      </c>
      <c r="GT26" s="114">
        <v>0</v>
      </c>
      <c r="GU26" s="113">
        <v>0</v>
      </c>
      <c r="GV26" s="110">
        <v>0</v>
      </c>
      <c r="GW26" s="114">
        <v>29600</v>
      </c>
      <c r="GX26" s="114">
        <v>32000</v>
      </c>
      <c r="GY26" s="114">
        <v>0</v>
      </c>
      <c r="GZ26" s="114">
        <v>0</v>
      </c>
      <c r="HA26" s="114">
        <v>0</v>
      </c>
      <c r="HB26" s="112">
        <v>61600</v>
      </c>
      <c r="HC26" s="116">
        <v>61600</v>
      </c>
      <c r="HD26" s="110">
        <v>57548</v>
      </c>
      <c r="HE26" s="114">
        <v>92503</v>
      </c>
      <c r="HF26" s="112">
        <v>150051</v>
      </c>
      <c r="HG26" s="111">
        <v>0</v>
      </c>
      <c r="HH26" s="114">
        <v>969443</v>
      </c>
      <c r="HI26" s="114">
        <v>933380</v>
      </c>
      <c r="HJ26" s="114">
        <v>1107695</v>
      </c>
      <c r="HK26" s="114">
        <v>1079543</v>
      </c>
      <c r="HL26" s="114">
        <v>481120</v>
      </c>
      <c r="HM26" s="113">
        <v>4571181</v>
      </c>
      <c r="HN26" s="109">
        <v>4721232</v>
      </c>
      <c r="HO26" s="328"/>
      <c r="HP26" s="329"/>
      <c r="HQ26" s="330"/>
      <c r="HR26" s="331"/>
      <c r="HS26" s="329"/>
      <c r="HT26" s="329"/>
      <c r="HU26" s="329"/>
      <c r="HV26" s="329"/>
      <c r="HW26" s="329"/>
      <c r="HX26" s="332"/>
      <c r="HY26" s="333"/>
      <c r="HZ26" s="150">
        <v>0</v>
      </c>
      <c r="IA26" s="135">
        <v>0</v>
      </c>
      <c r="IB26" s="150">
        <v>0</v>
      </c>
      <c r="IC26" s="134">
        <v>0</v>
      </c>
      <c r="ID26" s="135">
        <v>759286</v>
      </c>
      <c r="IE26" s="136">
        <v>1393412</v>
      </c>
      <c r="IF26" s="137">
        <v>743988</v>
      </c>
      <c r="IG26" s="135">
        <v>378136</v>
      </c>
      <c r="IH26" s="137">
        <v>183967</v>
      </c>
      <c r="II26" s="138">
        <v>3458789</v>
      </c>
      <c r="IJ26" s="150">
        <v>3458789</v>
      </c>
      <c r="IK26" s="232">
        <v>0</v>
      </c>
      <c r="IL26" s="236">
        <v>0</v>
      </c>
      <c r="IM26" s="237">
        <v>0</v>
      </c>
      <c r="IN26" s="140"/>
      <c r="IO26" s="119">
        <v>0</v>
      </c>
      <c r="IP26" s="119">
        <v>123717</v>
      </c>
      <c r="IQ26" s="119">
        <v>0</v>
      </c>
      <c r="IR26" s="119">
        <v>0</v>
      </c>
      <c r="IS26" s="119">
        <v>0</v>
      </c>
      <c r="IT26" s="141">
        <v>123717</v>
      </c>
      <c r="IU26" s="320">
        <v>123717</v>
      </c>
      <c r="IV26" s="142">
        <v>0</v>
      </c>
      <c r="IW26" s="119">
        <v>0</v>
      </c>
      <c r="IX26" s="120">
        <v>0</v>
      </c>
      <c r="IY26" s="144"/>
      <c r="IZ26" s="119">
        <v>0</v>
      </c>
      <c r="JA26" s="119">
        <v>0</v>
      </c>
      <c r="JB26" s="119">
        <v>0</v>
      </c>
      <c r="JC26" s="119">
        <v>0</v>
      </c>
      <c r="JD26" s="119">
        <v>0</v>
      </c>
      <c r="JE26" s="120">
        <v>0</v>
      </c>
      <c r="JF26" s="121">
        <v>0</v>
      </c>
      <c r="JG26" s="142">
        <v>0</v>
      </c>
      <c r="JH26" s="119">
        <v>0</v>
      </c>
      <c r="JI26" s="141">
        <v>0</v>
      </c>
      <c r="JJ26" s="118">
        <v>0</v>
      </c>
      <c r="JK26" s="119">
        <v>281764</v>
      </c>
      <c r="JL26" s="119">
        <v>302397</v>
      </c>
      <c r="JM26" s="119">
        <v>58376</v>
      </c>
      <c r="JN26" s="119">
        <v>139559</v>
      </c>
      <c r="JO26" s="119">
        <v>0</v>
      </c>
      <c r="JP26" s="120">
        <v>782096</v>
      </c>
      <c r="JQ26" s="320">
        <v>782096</v>
      </c>
      <c r="JR26" s="142">
        <v>0</v>
      </c>
      <c r="JS26" s="119">
        <v>0</v>
      </c>
      <c r="JT26" s="141">
        <v>0</v>
      </c>
      <c r="JU26" s="118">
        <v>0</v>
      </c>
      <c r="JV26" s="119">
        <v>0</v>
      </c>
      <c r="JW26" s="119">
        <v>0</v>
      </c>
      <c r="JX26" s="119">
        <v>0</v>
      </c>
      <c r="JY26" s="119">
        <v>0</v>
      </c>
      <c r="JZ26" s="119">
        <v>0</v>
      </c>
      <c r="KA26" s="120">
        <v>0</v>
      </c>
      <c r="KB26" s="320">
        <v>0</v>
      </c>
      <c r="KC26" s="234">
        <v>0</v>
      </c>
      <c r="KD26" s="230">
        <v>0</v>
      </c>
      <c r="KE26" s="120">
        <v>0</v>
      </c>
      <c r="KF26" s="118">
        <v>0</v>
      </c>
      <c r="KG26" s="119">
        <v>0</v>
      </c>
      <c r="KH26" s="119">
        <v>0</v>
      </c>
      <c r="KI26" s="119">
        <v>685612</v>
      </c>
      <c r="KJ26" s="119">
        <v>0</v>
      </c>
      <c r="KK26" s="119">
        <v>183967</v>
      </c>
      <c r="KL26" s="120">
        <v>869579</v>
      </c>
      <c r="KM26" s="143">
        <v>869579</v>
      </c>
      <c r="KN26" s="232">
        <v>0</v>
      </c>
      <c r="KO26" s="236">
        <v>0</v>
      </c>
      <c r="KP26" s="237">
        <v>0</v>
      </c>
      <c r="KQ26" s="140"/>
      <c r="KR26" s="119">
        <v>477522</v>
      </c>
      <c r="KS26" s="119">
        <v>967298</v>
      </c>
      <c r="KT26" s="119">
        <v>0</v>
      </c>
      <c r="KU26" s="119">
        <v>238577</v>
      </c>
      <c r="KV26" s="119">
        <v>0</v>
      </c>
      <c r="KW26" s="120">
        <v>1683397</v>
      </c>
      <c r="KX26" s="320">
        <v>1683397</v>
      </c>
      <c r="KY26" s="142">
        <v>0</v>
      </c>
      <c r="KZ26" s="119">
        <v>0</v>
      </c>
      <c r="LA26" s="120">
        <v>0</v>
      </c>
      <c r="LB26" s="145"/>
      <c r="LC26" s="119">
        <v>0</v>
      </c>
      <c r="LD26" s="119">
        <v>0</v>
      </c>
      <c r="LE26" s="119">
        <v>0</v>
      </c>
      <c r="LF26" s="119">
        <v>0</v>
      </c>
      <c r="LG26" s="119">
        <v>0</v>
      </c>
      <c r="LH26" s="120">
        <v>0</v>
      </c>
      <c r="LI26" s="121">
        <v>0</v>
      </c>
      <c r="LJ26" s="142">
        <v>0</v>
      </c>
      <c r="LK26" s="119">
        <v>0</v>
      </c>
      <c r="LL26" s="120">
        <v>0</v>
      </c>
      <c r="LM26" s="145"/>
      <c r="LN26" s="119">
        <v>0</v>
      </c>
      <c r="LO26" s="119">
        <v>0</v>
      </c>
      <c r="LP26" s="119">
        <v>0</v>
      </c>
      <c r="LQ26" s="119">
        <v>0</v>
      </c>
      <c r="LR26" s="119">
        <v>0</v>
      </c>
      <c r="LS26" s="120">
        <v>0</v>
      </c>
      <c r="LT26" s="320">
        <v>0</v>
      </c>
      <c r="LU26" s="142">
        <v>0</v>
      </c>
      <c r="LV26" s="119">
        <v>0</v>
      </c>
      <c r="LW26" s="120">
        <v>0</v>
      </c>
      <c r="LX26" s="145"/>
      <c r="LY26" s="119">
        <v>0</v>
      </c>
      <c r="LZ26" s="119">
        <v>0</v>
      </c>
      <c r="MA26" s="119">
        <v>0</v>
      </c>
      <c r="MB26" s="119">
        <v>0</v>
      </c>
      <c r="MC26" s="119">
        <v>0</v>
      </c>
      <c r="MD26" s="120">
        <v>0</v>
      </c>
      <c r="ME26" s="121">
        <v>0</v>
      </c>
      <c r="MF26" s="142">
        <v>0</v>
      </c>
      <c r="MG26" s="119">
        <v>0</v>
      </c>
      <c r="MH26" s="120">
        <v>0</v>
      </c>
      <c r="MI26" s="145"/>
      <c r="MJ26" s="119">
        <v>0</v>
      </c>
      <c r="MK26" s="119">
        <v>265145</v>
      </c>
      <c r="ML26" s="119">
        <v>2467589</v>
      </c>
      <c r="MM26" s="119">
        <v>3395219</v>
      </c>
      <c r="MN26" s="119">
        <v>2365005</v>
      </c>
      <c r="MO26" s="120">
        <v>8492958</v>
      </c>
      <c r="MP26" s="143">
        <v>8492958</v>
      </c>
      <c r="MQ26" s="142">
        <v>0</v>
      </c>
      <c r="MR26" s="119">
        <v>0</v>
      </c>
      <c r="MS26" s="120">
        <v>0</v>
      </c>
      <c r="MT26" s="145"/>
      <c r="MU26" s="119">
        <v>0</v>
      </c>
      <c r="MV26" s="119">
        <v>0</v>
      </c>
      <c r="MW26" s="119">
        <v>2235374</v>
      </c>
      <c r="MX26" s="119">
        <v>3038667</v>
      </c>
      <c r="MY26" s="119">
        <v>1715523</v>
      </c>
      <c r="MZ26" s="120">
        <v>6989564</v>
      </c>
      <c r="NA26" s="143">
        <v>6989564</v>
      </c>
      <c r="NB26" s="142">
        <v>0</v>
      </c>
      <c r="NC26" s="119">
        <v>0</v>
      </c>
      <c r="ND26" s="120">
        <v>0</v>
      </c>
      <c r="NE26" s="145"/>
      <c r="NF26" s="119">
        <v>0</v>
      </c>
      <c r="NG26" s="119">
        <v>265145</v>
      </c>
      <c r="NH26" s="119">
        <v>232215</v>
      </c>
      <c r="NI26" s="119">
        <v>208096</v>
      </c>
      <c r="NJ26" s="119">
        <v>649482</v>
      </c>
      <c r="NK26" s="120">
        <v>1354938</v>
      </c>
      <c r="NL26" s="320">
        <v>1354938</v>
      </c>
      <c r="NM26" s="142">
        <v>0</v>
      </c>
      <c r="NN26" s="119">
        <v>0</v>
      </c>
      <c r="NO26" s="120">
        <v>0</v>
      </c>
      <c r="NP26" s="145"/>
      <c r="NQ26" s="119">
        <v>0</v>
      </c>
      <c r="NR26" s="119">
        <v>0</v>
      </c>
      <c r="NS26" s="119">
        <v>0</v>
      </c>
      <c r="NT26" s="119">
        <v>0</v>
      </c>
      <c r="NU26" s="119">
        <v>0</v>
      </c>
      <c r="NV26" s="120">
        <v>0</v>
      </c>
      <c r="NW26" s="121">
        <v>0</v>
      </c>
      <c r="NX26" s="142">
        <v>0</v>
      </c>
      <c r="NY26" s="119">
        <v>0</v>
      </c>
      <c r="NZ26" s="120">
        <v>0</v>
      </c>
      <c r="OA26" s="145"/>
      <c r="OB26" s="119">
        <v>0</v>
      </c>
      <c r="OC26" s="119">
        <v>0</v>
      </c>
      <c r="OD26" s="119">
        <v>0</v>
      </c>
      <c r="OE26" s="119">
        <v>148456</v>
      </c>
      <c r="OF26" s="119">
        <v>0</v>
      </c>
      <c r="OG26" s="120">
        <v>148456</v>
      </c>
      <c r="OH26" s="121">
        <v>148456</v>
      </c>
      <c r="OI26" s="142">
        <v>208179</v>
      </c>
      <c r="OJ26" s="119">
        <v>378648</v>
      </c>
      <c r="OK26" s="141">
        <v>586827</v>
      </c>
      <c r="OL26" s="118">
        <v>0</v>
      </c>
      <c r="OM26" s="119">
        <v>4217644</v>
      </c>
      <c r="ON26" s="119">
        <v>5762378</v>
      </c>
      <c r="OO26" s="119">
        <v>7012734</v>
      </c>
      <c r="OP26" s="119">
        <v>8543380</v>
      </c>
      <c r="OQ26" s="119">
        <v>6142114</v>
      </c>
      <c r="OR26" s="120">
        <v>31678250</v>
      </c>
      <c r="OS26" s="143">
        <v>32265077</v>
      </c>
    </row>
    <row r="27" spans="2:409" ht="21" customHeight="1" x14ac:dyDescent="0.2">
      <c r="B27" s="126" t="s">
        <v>22</v>
      </c>
      <c r="C27" s="110">
        <v>84040</v>
      </c>
      <c r="D27" s="114">
        <v>172008</v>
      </c>
      <c r="E27" s="113">
        <v>256048</v>
      </c>
      <c r="F27" s="109">
        <v>0</v>
      </c>
      <c r="G27" s="114">
        <v>1737139</v>
      </c>
      <c r="H27" s="114">
        <v>1967027</v>
      </c>
      <c r="I27" s="114">
        <v>1568055</v>
      </c>
      <c r="J27" s="114">
        <v>1996200</v>
      </c>
      <c r="K27" s="114">
        <v>629717</v>
      </c>
      <c r="L27" s="173">
        <v>7898138</v>
      </c>
      <c r="M27" s="116">
        <v>8154186</v>
      </c>
      <c r="N27" s="110">
        <v>0</v>
      </c>
      <c r="O27" s="114">
        <v>21488</v>
      </c>
      <c r="P27" s="113">
        <v>21488</v>
      </c>
      <c r="Q27" s="110">
        <v>0</v>
      </c>
      <c r="R27" s="114">
        <v>211808</v>
      </c>
      <c r="S27" s="114">
        <v>619158</v>
      </c>
      <c r="T27" s="114">
        <v>332127</v>
      </c>
      <c r="U27" s="114">
        <v>777091</v>
      </c>
      <c r="V27" s="114">
        <v>305973</v>
      </c>
      <c r="W27" s="113">
        <v>2246157</v>
      </c>
      <c r="X27" s="116">
        <v>2267645</v>
      </c>
      <c r="Y27" s="110">
        <v>0</v>
      </c>
      <c r="Z27" s="114">
        <v>0</v>
      </c>
      <c r="AA27" s="113">
        <v>0</v>
      </c>
      <c r="AB27" s="110">
        <v>0</v>
      </c>
      <c r="AC27" s="114">
        <v>121924</v>
      </c>
      <c r="AD27" s="114">
        <v>389718</v>
      </c>
      <c r="AE27" s="114">
        <v>70352</v>
      </c>
      <c r="AF27" s="114">
        <v>439310</v>
      </c>
      <c r="AG27" s="114">
        <v>240765</v>
      </c>
      <c r="AH27" s="113">
        <v>1262069</v>
      </c>
      <c r="AI27" s="116">
        <v>1262069</v>
      </c>
      <c r="AJ27" s="110">
        <v>0</v>
      </c>
      <c r="AK27" s="114">
        <v>0</v>
      </c>
      <c r="AL27" s="113">
        <v>0</v>
      </c>
      <c r="AM27" s="110">
        <v>0</v>
      </c>
      <c r="AN27" s="114">
        <v>0</v>
      </c>
      <c r="AO27" s="114">
        <v>0</v>
      </c>
      <c r="AP27" s="114">
        <v>0</v>
      </c>
      <c r="AQ27" s="114">
        <v>109912</v>
      </c>
      <c r="AR27" s="114">
        <v>0</v>
      </c>
      <c r="AS27" s="113">
        <v>109912</v>
      </c>
      <c r="AT27" s="116">
        <v>109912</v>
      </c>
      <c r="AU27" s="110">
        <v>0</v>
      </c>
      <c r="AV27" s="114">
        <v>11888</v>
      </c>
      <c r="AW27" s="113">
        <v>11888</v>
      </c>
      <c r="AX27" s="110">
        <v>0</v>
      </c>
      <c r="AY27" s="114">
        <v>59220</v>
      </c>
      <c r="AZ27" s="114">
        <v>48415</v>
      </c>
      <c r="BA27" s="114">
        <v>183287</v>
      </c>
      <c r="BB27" s="114">
        <v>172693</v>
      </c>
      <c r="BC27" s="114">
        <v>40816</v>
      </c>
      <c r="BD27" s="113">
        <v>504431</v>
      </c>
      <c r="BE27" s="116">
        <v>516319</v>
      </c>
      <c r="BF27" s="110">
        <v>0</v>
      </c>
      <c r="BG27" s="114">
        <v>0</v>
      </c>
      <c r="BH27" s="112">
        <v>0</v>
      </c>
      <c r="BI27" s="111">
        <v>0</v>
      </c>
      <c r="BJ27" s="114">
        <v>0</v>
      </c>
      <c r="BK27" s="114">
        <v>62793</v>
      </c>
      <c r="BL27" s="114">
        <v>30592</v>
      </c>
      <c r="BM27" s="114">
        <v>0</v>
      </c>
      <c r="BN27" s="114">
        <v>0</v>
      </c>
      <c r="BO27" s="113">
        <v>93385</v>
      </c>
      <c r="BP27" s="116">
        <v>93385</v>
      </c>
      <c r="BQ27" s="110">
        <v>0</v>
      </c>
      <c r="BR27" s="114">
        <v>9600</v>
      </c>
      <c r="BS27" s="113">
        <v>9600</v>
      </c>
      <c r="BT27" s="110">
        <v>0</v>
      </c>
      <c r="BU27" s="114">
        <v>30664</v>
      </c>
      <c r="BV27" s="114">
        <v>118232</v>
      </c>
      <c r="BW27" s="114">
        <v>47896</v>
      </c>
      <c r="BX27" s="114">
        <v>55176</v>
      </c>
      <c r="BY27" s="114">
        <v>24392</v>
      </c>
      <c r="BZ27" s="113">
        <v>276360</v>
      </c>
      <c r="CA27" s="116">
        <v>285960</v>
      </c>
      <c r="CB27" s="110">
        <v>0</v>
      </c>
      <c r="CC27" s="114">
        <v>0</v>
      </c>
      <c r="CD27" s="113">
        <v>0</v>
      </c>
      <c r="CE27" s="110">
        <v>0</v>
      </c>
      <c r="CF27" s="114">
        <v>469977</v>
      </c>
      <c r="CG27" s="114">
        <v>850942</v>
      </c>
      <c r="CH27" s="114">
        <v>514335</v>
      </c>
      <c r="CI27" s="114">
        <v>328800</v>
      </c>
      <c r="CJ27" s="114">
        <v>228304</v>
      </c>
      <c r="CK27" s="113">
        <v>2392358</v>
      </c>
      <c r="CL27" s="116">
        <v>2392358</v>
      </c>
      <c r="CM27" s="110">
        <v>0</v>
      </c>
      <c r="CN27" s="114">
        <v>0</v>
      </c>
      <c r="CO27" s="113">
        <v>0</v>
      </c>
      <c r="CP27" s="111">
        <v>0</v>
      </c>
      <c r="CQ27" s="114">
        <v>343337</v>
      </c>
      <c r="CR27" s="114">
        <v>646574</v>
      </c>
      <c r="CS27" s="114">
        <v>440096</v>
      </c>
      <c r="CT27" s="114">
        <v>293680</v>
      </c>
      <c r="CU27" s="114">
        <v>129064</v>
      </c>
      <c r="CV27" s="113">
        <v>1852751</v>
      </c>
      <c r="CW27" s="116">
        <v>1852751</v>
      </c>
      <c r="CX27" s="110">
        <v>0</v>
      </c>
      <c r="CY27" s="114">
        <v>0</v>
      </c>
      <c r="CZ27" s="113">
        <v>0</v>
      </c>
      <c r="DA27" s="110">
        <v>0</v>
      </c>
      <c r="DB27" s="114">
        <v>126640</v>
      </c>
      <c r="DC27" s="114">
        <v>204368</v>
      </c>
      <c r="DD27" s="114">
        <v>74239</v>
      </c>
      <c r="DE27" s="114">
        <v>35120</v>
      </c>
      <c r="DF27" s="114">
        <v>99240</v>
      </c>
      <c r="DG27" s="113">
        <v>539607</v>
      </c>
      <c r="DH27" s="116">
        <v>539607</v>
      </c>
      <c r="DI27" s="110">
        <v>0</v>
      </c>
      <c r="DJ27" s="114">
        <v>0</v>
      </c>
      <c r="DK27" s="112">
        <v>0</v>
      </c>
      <c r="DL27" s="111">
        <v>0</v>
      </c>
      <c r="DM27" s="114">
        <v>220196</v>
      </c>
      <c r="DN27" s="114">
        <v>23783</v>
      </c>
      <c r="DO27" s="114">
        <v>383345</v>
      </c>
      <c r="DP27" s="114">
        <v>235109</v>
      </c>
      <c r="DQ27" s="114">
        <v>0</v>
      </c>
      <c r="DR27" s="113">
        <v>862433</v>
      </c>
      <c r="DS27" s="116">
        <v>862433</v>
      </c>
      <c r="DT27" s="110">
        <v>0</v>
      </c>
      <c r="DU27" s="114">
        <v>0</v>
      </c>
      <c r="DV27" s="113">
        <v>0</v>
      </c>
      <c r="DW27" s="110">
        <v>0</v>
      </c>
      <c r="DX27" s="114">
        <v>220196</v>
      </c>
      <c r="DY27" s="114">
        <v>23783</v>
      </c>
      <c r="DZ27" s="114">
        <v>316115</v>
      </c>
      <c r="EA27" s="114">
        <v>213758</v>
      </c>
      <c r="EB27" s="114">
        <v>0</v>
      </c>
      <c r="EC27" s="113">
        <v>773852</v>
      </c>
      <c r="ED27" s="116">
        <v>773852</v>
      </c>
      <c r="EE27" s="110">
        <v>0</v>
      </c>
      <c r="EF27" s="112">
        <v>0</v>
      </c>
      <c r="EG27" s="113">
        <v>0</v>
      </c>
      <c r="EH27" s="110">
        <v>0</v>
      </c>
      <c r="EI27" s="114">
        <v>0</v>
      </c>
      <c r="EJ27" s="114">
        <v>0</v>
      </c>
      <c r="EK27" s="114">
        <v>67230</v>
      </c>
      <c r="EL27" s="114">
        <v>21351</v>
      </c>
      <c r="EM27" s="114">
        <v>0</v>
      </c>
      <c r="EN27" s="112">
        <v>88581</v>
      </c>
      <c r="EO27" s="116">
        <v>88581</v>
      </c>
      <c r="EP27" s="110">
        <v>0</v>
      </c>
      <c r="EQ27" s="114">
        <v>0</v>
      </c>
      <c r="ER27" s="112">
        <v>0</v>
      </c>
      <c r="ES27" s="111">
        <v>0</v>
      </c>
      <c r="ET27" s="114">
        <v>0</v>
      </c>
      <c r="EU27" s="114">
        <v>0</v>
      </c>
      <c r="EV27" s="114">
        <v>0</v>
      </c>
      <c r="EW27" s="114">
        <v>0</v>
      </c>
      <c r="EX27" s="114">
        <v>0</v>
      </c>
      <c r="EY27" s="113">
        <v>0</v>
      </c>
      <c r="EZ27" s="116">
        <v>0</v>
      </c>
      <c r="FA27" s="110">
        <v>0</v>
      </c>
      <c r="FB27" s="114">
        <v>0</v>
      </c>
      <c r="FC27" s="112">
        <v>0</v>
      </c>
      <c r="FD27" s="347"/>
      <c r="FE27" s="114">
        <v>0</v>
      </c>
      <c r="FF27" s="114">
        <v>0</v>
      </c>
      <c r="FG27" s="114">
        <v>0</v>
      </c>
      <c r="FH27" s="114">
        <v>0</v>
      </c>
      <c r="FI27" s="114">
        <v>0</v>
      </c>
      <c r="FJ27" s="113">
        <v>0</v>
      </c>
      <c r="FK27" s="116">
        <v>0</v>
      </c>
      <c r="FL27" s="110">
        <v>84040</v>
      </c>
      <c r="FM27" s="114">
        <v>62000</v>
      </c>
      <c r="FN27" s="113">
        <v>146040</v>
      </c>
      <c r="FO27" s="110">
        <v>0</v>
      </c>
      <c r="FP27" s="114">
        <v>236040</v>
      </c>
      <c r="FQ27" s="114">
        <v>129800</v>
      </c>
      <c r="FR27" s="114">
        <v>147496</v>
      </c>
      <c r="FS27" s="114">
        <v>238408</v>
      </c>
      <c r="FT27" s="114">
        <v>95440</v>
      </c>
      <c r="FU27" s="113">
        <v>847184</v>
      </c>
      <c r="FV27" s="116">
        <v>993224</v>
      </c>
      <c r="FW27" s="115">
        <v>6600</v>
      </c>
      <c r="FX27" s="114">
        <v>62000</v>
      </c>
      <c r="FY27" s="112">
        <v>68600</v>
      </c>
      <c r="FZ27" s="111">
        <v>0</v>
      </c>
      <c r="GA27" s="114">
        <v>70440</v>
      </c>
      <c r="GB27" s="114">
        <v>129800</v>
      </c>
      <c r="GC27" s="114">
        <v>147496</v>
      </c>
      <c r="GD27" s="114">
        <v>238408</v>
      </c>
      <c r="GE27" s="114">
        <v>95440</v>
      </c>
      <c r="GF27" s="113">
        <v>681584</v>
      </c>
      <c r="GG27" s="318">
        <v>750184</v>
      </c>
      <c r="GH27" s="115">
        <v>0</v>
      </c>
      <c r="GI27" s="114">
        <v>0</v>
      </c>
      <c r="GJ27" s="112">
        <v>0</v>
      </c>
      <c r="GK27" s="111">
        <v>0</v>
      </c>
      <c r="GL27" s="114">
        <v>80000</v>
      </c>
      <c r="GM27" s="114">
        <v>0</v>
      </c>
      <c r="GN27" s="114">
        <v>0</v>
      </c>
      <c r="GO27" s="114">
        <v>0</v>
      </c>
      <c r="GP27" s="114">
        <v>0</v>
      </c>
      <c r="GQ27" s="113">
        <v>80000</v>
      </c>
      <c r="GR27" s="116">
        <v>80000</v>
      </c>
      <c r="GS27" s="110">
        <v>77440</v>
      </c>
      <c r="GT27" s="114">
        <v>0</v>
      </c>
      <c r="GU27" s="113">
        <v>77440</v>
      </c>
      <c r="GV27" s="110">
        <v>0</v>
      </c>
      <c r="GW27" s="114">
        <v>85600</v>
      </c>
      <c r="GX27" s="114">
        <v>0</v>
      </c>
      <c r="GY27" s="114">
        <v>0</v>
      </c>
      <c r="GZ27" s="114">
        <v>0</v>
      </c>
      <c r="HA27" s="114">
        <v>0</v>
      </c>
      <c r="HB27" s="112">
        <v>85600</v>
      </c>
      <c r="HC27" s="116">
        <v>163040</v>
      </c>
      <c r="HD27" s="110">
        <v>0</v>
      </c>
      <c r="HE27" s="114">
        <v>88520</v>
      </c>
      <c r="HF27" s="112">
        <v>88520</v>
      </c>
      <c r="HG27" s="111">
        <v>0</v>
      </c>
      <c r="HH27" s="114">
        <v>599118</v>
      </c>
      <c r="HI27" s="114">
        <v>343344</v>
      </c>
      <c r="HJ27" s="114">
        <v>190752</v>
      </c>
      <c r="HK27" s="114">
        <v>416792</v>
      </c>
      <c r="HL27" s="114">
        <v>0</v>
      </c>
      <c r="HM27" s="113">
        <v>1550006</v>
      </c>
      <c r="HN27" s="109">
        <v>1638526</v>
      </c>
      <c r="HO27" s="328"/>
      <c r="HP27" s="329"/>
      <c r="HQ27" s="330"/>
      <c r="HR27" s="331"/>
      <c r="HS27" s="329"/>
      <c r="HT27" s="329"/>
      <c r="HU27" s="329"/>
      <c r="HV27" s="329"/>
      <c r="HW27" s="329"/>
      <c r="HX27" s="332"/>
      <c r="HY27" s="333"/>
      <c r="HZ27" s="131">
        <v>0</v>
      </c>
      <c r="IA27" s="132">
        <v>73224</v>
      </c>
      <c r="IB27" s="133">
        <v>73224</v>
      </c>
      <c r="IC27" s="146">
        <v>0</v>
      </c>
      <c r="ID27" s="132">
        <v>797414</v>
      </c>
      <c r="IE27" s="147">
        <v>1281963</v>
      </c>
      <c r="IF27" s="133">
        <v>187683</v>
      </c>
      <c r="IG27" s="132">
        <v>1067080</v>
      </c>
      <c r="IH27" s="133">
        <v>0</v>
      </c>
      <c r="II27" s="148">
        <v>3334140</v>
      </c>
      <c r="IJ27" s="139">
        <v>3407364</v>
      </c>
      <c r="IK27" s="232">
        <v>0</v>
      </c>
      <c r="IL27" s="236">
        <v>0</v>
      </c>
      <c r="IM27" s="237">
        <v>0</v>
      </c>
      <c r="IN27" s="140"/>
      <c r="IO27" s="119">
        <v>0</v>
      </c>
      <c r="IP27" s="119">
        <v>0</v>
      </c>
      <c r="IQ27" s="119">
        <v>168296</v>
      </c>
      <c r="IR27" s="119">
        <v>0</v>
      </c>
      <c r="IS27" s="119">
        <v>0</v>
      </c>
      <c r="IT27" s="141">
        <v>168296</v>
      </c>
      <c r="IU27" s="320">
        <v>168296</v>
      </c>
      <c r="IV27" s="142">
        <v>0</v>
      </c>
      <c r="IW27" s="119">
        <v>0</v>
      </c>
      <c r="IX27" s="120">
        <v>0</v>
      </c>
      <c r="IY27" s="144"/>
      <c r="IZ27" s="119">
        <v>0</v>
      </c>
      <c r="JA27" s="119">
        <v>0</v>
      </c>
      <c r="JB27" s="119">
        <v>0</v>
      </c>
      <c r="JC27" s="119">
        <v>0</v>
      </c>
      <c r="JD27" s="119">
        <v>0</v>
      </c>
      <c r="JE27" s="120">
        <v>0</v>
      </c>
      <c r="JF27" s="121">
        <v>0</v>
      </c>
      <c r="JG27" s="142">
        <v>0</v>
      </c>
      <c r="JH27" s="119">
        <v>0</v>
      </c>
      <c r="JI27" s="141">
        <v>0</v>
      </c>
      <c r="JJ27" s="118">
        <v>0</v>
      </c>
      <c r="JK27" s="119">
        <v>154784</v>
      </c>
      <c r="JL27" s="119">
        <v>96952</v>
      </c>
      <c r="JM27" s="119">
        <v>9960</v>
      </c>
      <c r="JN27" s="119">
        <v>132056</v>
      </c>
      <c r="JO27" s="119">
        <v>0</v>
      </c>
      <c r="JP27" s="120">
        <v>393752</v>
      </c>
      <c r="JQ27" s="320">
        <v>393752</v>
      </c>
      <c r="JR27" s="142">
        <v>0</v>
      </c>
      <c r="JS27" s="119">
        <v>0</v>
      </c>
      <c r="JT27" s="141">
        <v>0</v>
      </c>
      <c r="JU27" s="118">
        <v>0</v>
      </c>
      <c r="JV27" s="119">
        <v>0</v>
      </c>
      <c r="JW27" s="119">
        <v>0</v>
      </c>
      <c r="JX27" s="119">
        <v>9427</v>
      </c>
      <c r="JY27" s="119">
        <v>143528</v>
      </c>
      <c r="JZ27" s="119">
        <v>0</v>
      </c>
      <c r="KA27" s="120">
        <v>152955</v>
      </c>
      <c r="KB27" s="320">
        <v>152955</v>
      </c>
      <c r="KC27" s="234">
        <v>0</v>
      </c>
      <c r="KD27" s="230">
        <v>73224</v>
      </c>
      <c r="KE27" s="120">
        <v>73224</v>
      </c>
      <c r="KF27" s="118">
        <v>0</v>
      </c>
      <c r="KG27" s="119">
        <v>412112</v>
      </c>
      <c r="KH27" s="119">
        <v>451912</v>
      </c>
      <c r="KI27" s="119">
        <v>0</v>
      </c>
      <c r="KJ27" s="119">
        <v>0</v>
      </c>
      <c r="KK27" s="119">
        <v>0</v>
      </c>
      <c r="KL27" s="120">
        <v>864024</v>
      </c>
      <c r="KM27" s="143">
        <v>937248</v>
      </c>
      <c r="KN27" s="232">
        <v>0</v>
      </c>
      <c r="KO27" s="236">
        <v>0</v>
      </c>
      <c r="KP27" s="237">
        <v>0</v>
      </c>
      <c r="KQ27" s="140"/>
      <c r="KR27" s="119">
        <v>230518</v>
      </c>
      <c r="KS27" s="119">
        <v>733099</v>
      </c>
      <c r="KT27" s="119">
        <v>0</v>
      </c>
      <c r="KU27" s="119">
        <v>0</v>
      </c>
      <c r="KV27" s="119">
        <v>0</v>
      </c>
      <c r="KW27" s="120">
        <v>963617</v>
      </c>
      <c r="KX27" s="320">
        <v>963617</v>
      </c>
      <c r="KY27" s="142">
        <v>0</v>
      </c>
      <c r="KZ27" s="119">
        <v>0</v>
      </c>
      <c r="LA27" s="120">
        <v>0</v>
      </c>
      <c r="LB27" s="145"/>
      <c r="LC27" s="119">
        <v>0</v>
      </c>
      <c r="LD27" s="119">
        <v>0</v>
      </c>
      <c r="LE27" s="119">
        <v>0</v>
      </c>
      <c r="LF27" s="119">
        <v>0</v>
      </c>
      <c r="LG27" s="119">
        <v>0</v>
      </c>
      <c r="LH27" s="120">
        <v>0</v>
      </c>
      <c r="LI27" s="121">
        <v>0</v>
      </c>
      <c r="LJ27" s="142">
        <v>0</v>
      </c>
      <c r="LK27" s="119">
        <v>0</v>
      </c>
      <c r="LL27" s="120">
        <v>0</v>
      </c>
      <c r="LM27" s="145"/>
      <c r="LN27" s="119">
        <v>0</v>
      </c>
      <c r="LO27" s="119">
        <v>0</v>
      </c>
      <c r="LP27" s="119">
        <v>0</v>
      </c>
      <c r="LQ27" s="119">
        <v>791496</v>
      </c>
      <c r="LR27" s="119">
        <v>0</v>
      </c>
      <c r="LS27" s="120">
        <v>791496</v>
      </c>
      <c r="LT27" s="320">
        <v>791496</v>
      </c>
      <c r="LU27" s="142">
        <v>0</v>
      </c>
      <c r="LV27" s="119">
        <v>0</v>
      </c>
      <c r="LW27" s="120">
        <v>0</v>
      </c>
      <c r="LX27" s="145"/>
      <c r="LY27" s="119">
        <v>0</v>
      </c>
      <c r="LZ27" s="119">
        <v>0</v>
      </c>
      <c r="MA27" s="119">
        <v>0</v>
      </c>
      <c r="MB27" s="119">
        <v>0</v>
      </c>
      <c r="MC27" s="119">
        <v>0</v>
      </c>
      <c r="MD27" s="120">
        <v>0</v>
      </c>
      <c r="ME27" s="121">
        <v>0</v>
      </c>
      <c r="MF27" s="142">
        <v>0</v>
      </c>
      <c r="MG27" s="119">
        <v>0</v>
      </c>
      <c r="MH27" s="120">
        <v>0</v>
      </c>
      <c r="MI27" s="145"/>
      <c r="MJ27" s="119">
        <v>0</v>
      </c>
      <c r="MK27" s="119">
        <v>0</v>
      </c>
      <c r="ML27" s="119">
        <v>1030272</v>
      </c>
      <c r="MM27" s="119">
        <v>1074994</v>
      </c>
      <c r="MN27" s="119">
        <v>552260</v>
      </c>
      <c r="MO27" s="120">
        <v>2657526</v>
      </c>
      <c r="MP27" s="143">
        <v>2657526</v>
      </c>
      <c r="MQ27" s="142">
        <v>0</v>
      </c>
      <c r="MR27" s="119">
        <v>0</v>
      </c>
      <c r="MS27" s="120">
        <v>0</v>
      </c>
      <c r="MT27" s="145"/>
      <c r="MU27" s="119">
        <v>0</v>
      </c>
      <c r="MV27" s="119">
        <v>0</v>
      </c>
      <c r="MW27" s="119">
        <v>487024</v>
      </c>
      <c r="MX27" s="119">
        <v>599308</v>
      </c>
      <c r="MY27" s="119">
        <v>552260</v>
      </c>
      <c r="MZ27" s="120">
        <v>1638592</v>
      </c>
      <c r="NA27" s="143">
        <v>1638592</v>
      </c>
      <c r="NB27" s="142">
        <v>0</v>
      </c>
      <c r="NC27" s="119">
        <v>0</v>
      </c>
      <c r="ND27" s="120">
        <v>0</v>
      </c>
      <c r="NE27" s="145"/>
      <c r="NF27" s="119">
        <v>0</v>
      </c>
      <c r="NG27" s="119">
        <v>0</v>
      </c>
      <c r="NH27" s="119">
        <v>543248</v>
      </c>
      <c r="NI27" s="119">
        <v>475686</v>
      </c>
      <c r="NJ27" s="119">
        <v>0</v>
      </c>
      <c r="NK27" s="120">
        <v>1018934</v>
      </c>
      <c r="NL27" s="320">
        <v>1018934</v>
      </c>
      <c r="NM27" s="142">
        <v>0</v>
      </c>
      <c r="NN27" s="119">
        <v>0</v>
      </c>
      <c r="NO27" s="120">
        <v>0</v>
      </c>
      <c r="NP27" s="145"/>
      <c r="NQ27" s="119">
        <v>0</v>
      </c>
      <c r="NR27" s="119">
        <v>0</v>
      </c>
      <c r="NS27" s="119">
        <v>0</v>
      </c>
      <c r="NT27" s="119">
        <v>0</v>
      </c>
      <c r="NU27" s="119">
        <v>0</v>
      </c>
      <c r="NV27" s="120">
        <v>0</v>
      </c>
      <c r="NW27" s="121">
        <v>0</v>
      </c>
      <c r="NX27" s="142">
        <v>0</v>
      </c>
      <c r="NY27" s="119">
        <v>0</v>
      </c>
      <c r="NZ27" s="120">
        <v>0</v>
      </c>
      <c r="OA27" s="145"/>
      <c r="OB27" s="119">
        <v>0</v>
      </c>
      <c r="OC27" s="119">
        <v>0</v>
      </c>
      <c r="OD27" s="119">
        <v>0</v>
      </c>
      <c r="OE27" s="119">
        <v>0</v>
      </c>
      <c r="OF27" s="119">
        <v>0</v>
      </c>
      <c r="OG27" s="120">
        <v>0</v>
      </c>
      <c r="OH27" s="121">
        <v>0</v>
      </c>
      <c r="OI27" s="142">
        <v>84040</v>
      </c>
      <c r="OJ27" s="119">
        <v>245232</v>
      </c>
      <c r="OK27" s="141">
        <v>329272</v>
      </c>
      <c r="OL27" s="118">
        <v>0</v>
      </c>
      <c r="OM27" s="119">
        <v>2534553</v>
      </c>
      <c r="ON27" s="119">
        <v>3248990</v>
      </c>
      <c r="OO27" s="119">
        <v>2786010</v>
      </c>
      <c r="OP27" s="119">
        <v>4138274</v>
      </c>
      <c r="OQ27" s="119">
        <v>1181977</v>
      </c>
      <c r="OR27" s="120">
        <v>13889804</v>
      </c>
      <c r="OS27" s="143">
        <v>14219076</v>
      </c>
    </row>
    <row r="28" spans="2:409" ht="21" customHeight="1" x14ac:dyDescent="0.2">
      <c r="B28" s="126" t="s">
        <v>23</v>
      </c>
      <c r="C28" s="110">
        <v>205600</v>
      </c>
      <c r="D28" s="114">
        <v>198485</v>
      </c>
      <c r="E28" s="113">
        <v>404085</v>
      </c>
      <c r="F28" s="109">
        <v>0</v>
      </c>
      <c r="G28" s="114">
        <v>3338249</v>
      </c>
      <c r="H28" s="114">
        <v>2782353</v>
      </c>
      <c r="I28" s="114">
        <v>1947421</v>
      </c>
      <c r="J28" s="114">
        <v>2055729</v>
      </c>
      <c r="K28" s="114">
        <v>1812226</v>
      </c>
      <c r="L28" s="173">
        <v>11935978</v>
      </c>
      <c r="M28" s="116">
        <v>12340063</v>
      </c>
      <c r="N28" s="110">
        <v>77819</v>
      </c>
      <c r="O28" s="114">
        <v>122745</v>
      </c>
      <c r="P28" s="113">
        <v>200564</v>
      </c>
      <c r="Q28" s="110">
        <v>0</v>
      </c>
      <c r="R28" s="114">
        <v>748264</v>
      </c>
      <c r="S28" s="114">
        <v>1001415</v>
      </c>
      <c r="T28" s="114">
        <v>589255</v>
      </c>
      <c r="U28" s="114">
        <v>467350</v>
      </c>
      <c r="V28" s="114">
        <v>808493</v>
      </c>
      <c r="W28" s="113">
        <v>3614777</v>
      </c>
      <c r="X28" s="116">
        <v>3815341</v>
      </c>
      <c r="Y28" s="110">
        <v>0</v>
      </c>
      <c r="Z28" s="114">
        <v>0</v>
      </c>
      <c r="AA28" s="113">
        <v>0</v>
      </c>
      <c r="AB28" s="110">
        <v>0</v>
      </c>
      <c r="AC28" s="114">
        <v>216048</v>
      </c>
      <c r="AD28" s="114">
        <v>426068</v>
      </c>
      <c r="AE28" s="114">
        <v>324221</v>
      </c>
      <c r="AF28" s="114">
        <v>282812</v>
      </c>
      <c r="AG28" s="114">
        <v>467765</v>
      </c>
      <c r="AH28" s="113">
        <v>1716914</v>
      </c>
      <c r="AI28" s="116">
        <v>1716914</v>
      </c>
      <c r="AJ28" s="110">
        <v>0</v>
      </c>
      <c r="AK28" s="114">
        <v>0</v>
      </c>
      <c r="AL28" s="113">
        <v>0</v>
      </c>
      <c r="AM28" s="110">
        <v>0</v>
      </c>
      <c r="AN28" s="114">
        <v>0</v>
      </c>
      <c r="AO28" s="114">
        <v>35537</v>
      </c>
      <c r="AP28" s="114">
        <v>0</v>
      </c>
      <c r="AQ28" s="114">
        <v>0</v>
      </c>
      <c r="AR28" s="114">
        <v>47374</v>
      </c>
      <c r="AS28" s="113">
        <v>82911</v>
      </c>
      <c r="AT28" s="116">
        <v>82911</v>
      </c>
      <c r="AU28" s="110">
        <v>27083</v>
      </c>
      <c r="AV28" s="114">
        <v>122745</v>
      </c>
      <c r="AW28" s="113">
        <v>149828</v>
      </c>
      <c r="AX28" s="110">
        <v>0</v>
      </c>
      <c r="AY28" s="114">
        <v>210170</v>
      </c>
      <c r="AZ28" s="114">
        <v>392662</v>
      </c>
      <c r="BA28" s="114">
        <v>192362</v>
      </c>
      <c r="BB28" s="114">
        <v>20338</v>
      </c>
      <c r="BC28" s="114">
        <v>86385</v>
      </c>
      <c r="BD28" s="113">
        <v>901917</v>
      </c>
      <c r="BE28" s="116">
        <v>1051745</v>
      </c>
      <c r="BF28" s="110">
        <v>0</v>
      </c>
      <c r="BG28" s="114">
        <v>0</v>
      </c>
      <c r="BH28" s="112">
        <v>0</v>
      </c>
      <c r="BI28" s="111">
        <v>0</v>
      </c>
      <c r="BJ28" s="114">
        <v>78142</v>
      </c>
      <c r="BK28" s="114">
        <v>26692</v>
      </c>
      <c r="BL28" s="114">
        <v>0</v>
      </c>
      <c r="BM28" s="114">
        <v>0</v>
      </c>
      <c r="BN28" s="114">
        <v>75689</v>
      </c>
      <c r="BO28" s="113">
        <v>180523</v>
      </c>
      <c r="BP28" s="116">
        <v>180523</v>
      </c>
      <c r="BQ28" s="110">
        <v>50736</v>
      </c>
      <c r="BR28" s="114">
        <v>0</v>
      </c>
      <c r="BS28" s="113">
        <v>50736</v>
      </c>
      <c r="BT28" s="110">
        <v>0</v>
      </c>
      <c r="BU28" s="114">
        <v>243904</v>
      </c>
      <c r="BV28" s="114">
        <v>120456</v>
      </c>
      <c r="BW28" s="114">
        <v>72672</v>
      </c>
      <c r="BX28" s="114">
        <v>164200</v>
      </c>
      <c r="BY28" s="114">
        <v>131280</v>
      </c>
      <c r="BZ28" s="113">
        <v>732512</v>
      </c>
      <c r="CA28" s="116">
        <v>783248</v>
      </c>
      <c r="CB28" s="110">
        <v>0</v>
      </c>
      <c r="CC28" s="114">
        <v>0</v>
      </c>
      <c r="CD28" s="113">
        <v>0</v>
      </c>
      <c r="CE28" s="110">
        <v>0</v>
      </c>
      <c r="CF28" s="114">
        <v>906736</v>
      </c>
      <c r="CG28" s="114">
        <v>945157</v>
      </c>
      <c r="CH28" s="114">
        <v>1082595</v>
      </c>
      <c r="CI28" s="114">
        <v>267300</v>
      </c>
      <c r="CJ28" s="114">
        <v>388819</v>
      </c>
      <c r="CK28" s="113">
        <v>3590607</v>
      </c>
      <c r="CL28" s="116">
        <v>3590607</v>
      </c>
      <c r="CM28" s="110">
        <v>0</v>
      </c>
      <c r="CN28" s="114">
        <v>0</v>
      </c>
      <c r="CO28" s="113">
        <v>0</v>
      </c>
      <c r="CP28" s="111">
        <v>0</v>
      </c>
      <c r="CQ28" s="114">
        <v>711547</v>
      </c>
      <c r="CR28" s="114">
        <v>799706</v>
      </c>
      <c r="CS28" s="114">
        <v>792471</v>
      </c>
      <c r="CT28" s="114">
        <v>267300</v>
      </c>
      <c r="CU28" s="114">
        <v>180257</v>
      </c>
      <c r="CV28" s="113">
        <v>2751281</v>
      </c>
      <c r="CW28" s="116">
        <v>2751281</v>
      </c>
      <c r="CX28" s="110">
        <v>0</v>
      </c>
      <c r="CY28" s="114">
        <v>0</v>
      </c>
      <c r="CZ28" s="113">
        <v>0</v>
      </c>
      <c r="DA28" s="110">
        <v>0</v>
      </c>
      <c r="DB28" s="114">
        <v>195189</v>
      </c>
      <c r="DC28" s="114">
        <v>145451</v>
      </c>
      <c r="DD28" s="114">
        <v>290124</v>
      </c>
      <c r="DE28" s="114">
        <v>0</v>
      </c>
      <c r="DF28" s="114">
        <v>208562</v>
      </c>
      <c r="DG28" s="113">
        <v>839326</v>
      </c>
      <c r="DH28" s="116">
        <v>839326</v>
      </c>
      <c r="DI28" s="110">
        <v>0</v>
      </c>
      <c r="DJ28" s="114">
        <v>26124</v>
      </c>
      <c r="DK28" s="112">
        <v>26124</v>
      </c>
      <c r="DL28" s="111">
        <v>0</v>
      </c>
      <c r="DM28" s="114">
        <v>57112</v>
      </c>
      <c r="DN28" s="114">
        <v>163386</v>
      </c>
      <c r="DO28" s="114">
        <v>135115</v>
      </c>
      <c r="DP28" s="114">
        <v>122192</v>
      </c>
      <c r="DQ28" s="114">
        <v>35650</v>
      </c>
      <c r="DR28" s="113">
        <v>513455</v>
      </c>
      <c r="DS28" s="116">
        <v>539579</v>
      </c>
      <c r="DT28" s="110">
        <v>0</v>
      </c>
      <c r="DU28" s="114">
        <v>0</v>
      </c>
      <c r="DV28" s="113">
        <v>0</v>
      </c>
      <c r="DW28" s="110">
        <v>0</v>
      </c>
      <c r="DX28" s="114">
        <v>57112</v>
      </c>
      <c r="DY28" s="114">
        <v>163386</v>
      </c>
      <c r="DZ28" s="114">
        <v>135115</v>
      </c>
      <c r="EA28" s="114">
        <v>122192</v>
      </c>
      <c r="EB28" s="114">
        <v>35650</v>
      </c>
      <c r="EC28" s="113">
        <v>513455</v>
      </c>
      <c r="ED28" s="116">
        <v>513455</v>
      </c>
      <c r="EE28" s="110">
        <v>0</v>
      </c>
      <c r="EF28" s="112">
        <v>26124</v>
      </c>
      <c r="EG28" s="113">
        <v>26124</v>
      </c>
      <c r="EH28" s="110">
        <v>0</v>
      </c>
      <c r="EI28" s="114">
        <v>0</v>
      </c>
      <c r="EJ28" s="114">
        <v>0</v>
      </c>
      <c r="EK28" s="114">
        <v>0</v>
      </c>
      <c r="EL28" s="114">
        <v>0</v>
      </c>
      <c r="EM28" s="114">
        <v>0</v>
      </c>
      <c r="EN28" s="112">
        <v>0</v>
      </c>
      <c r="EO28" s="116">
        <v>26124</v>
      </c>
      <c r="EP28" s="110">
        <v>0</v>
      </c>
      <c r="EQ28" s="114">
        <v>0</v>
      </c>
      <c r="ER28" s="112">
        <v>0</v>
      </c>
      <c r="ES28" s="111">
        <v>0</v>
      </c>
      <c r="ET28" s="114">
        <v>0</v>
      </c>
      <c r="EU28" s="114">
        <v>0</v>
      </c>
      <c r="EV28" s="114">
        <v>0</v>
      </c>
      <c r="EW28" s="114">
        <v>0</v>
      </c>
      <c r="EX28" s="114">
        <v>0</v>
      </c>
      <c r="EY28" s="113">
        <v>0</v>
      </c>
      <c r="EZ28" s="116">
        <v>0</v>
      </c>
      <c r="FA28" s="110">
        <v>0</v>
      </c>
      <c r="FB28" s="114">
        <v>0</v>
      </c>
      <c r="FC28" s="112">
        <v>0</v>
      </c>
      <c r="FD28" s="347"/>
      <c r="FE28" s="114">
        <v>0</v>
      </c>
      <c r="FF28" s="114">
        <v>0</v>
      </c>
      <c r="FG28" s="114">
        <v>0</v>
      </c>
      <c r="FH28" s="114">
        <v>0</v>
      </c>
      <c r="FI28" s="114">
        <v>0</v>
      </c>
      <c r="FJ28" s="113">
        <v>0</v>
      </c>
      <c r="FK28" s="116">
        <v>0</v>
      </c>
      <c r="FL28" s="110">
        <v>18520</v>
      </c>
      <c r="FM28" s="114">
        <v>49616</v>
      </c>
      <c r="FN28" s="113">
        <v>68136</v>
      </c>
      <c r="FO28" s="110">
        <v>0</v>
      </c>
      <c r="FP28" s="114">
        <v>317624</v>
      </c>
      <c r="FQ28" s="114">
        <v>465672</v>
      </c>
      <c r="FR28" s="114">
        <v>140456</v>
      </c>
      <c r="FS28" s="114">
        <v>103512</v>
      </c>
      <c r="FT28" s="114">
        <v>105368</v>
      </c>
      <c r="FU28" s="113">
        <v>1132632</v>
      </c>
      <c r="FV28" s="116">
        <v>1200768</v>
      </c>
      <c r="FW28" s="115">
        <v>18520</v>
      </c>
      <c r="FX28" s="114">
        <v>49616</v>
      </c>
      <c r="FY28" s="112">
        <v>68136</v>
      </c>
      <c r="FZ28" s="111">
        <v>0</v>
      </c>
      <c r="GA28" s="114">
        <v>283304</v>
      </c>
      <c r="GB28" s="114">
        <v>411112</v>
      </c>
      <c r="GC28" s="114">
        <v>140456</v>
      </c>
      <c r="GD28" s="114">
        <v>103512</v>
      </c>
      <c r="GE28" s="114">
        <v>105368</v>
      </c>
      <c r="GF28" s="113">
        <v>1043752</v>
      </c>
      <c r="GG28" s="318">
        <v>1111888</v>
      </c>
      <c r="GH28" s="115">
        <v>0</v>
      </c>
      <c r="GI28" s="114">
        <v>0</v>
      </c>
      <c r="GJ28" s="112">
        <v>0</v>
      </c>
      <c r="GK28" s="111">
        <v>0</v>
      </c>
      <c r="GL28" s="114">
        <v>14080</v>
      </c>
      <c r="GM28" s="114">
        <v>0</v>
      </c>
      <c r="GN28" s="114">
        <v>0</v>
      </c>
      <c r="GO28" s="114">
        <v>0</v>
      </c>
      <c r="GP28" s="114">
        <v>0</v>
      </c>
      <c r="GQ28" s="113">
        <v>14080</v>
      </c>
      <c r="GR28" s="116">
        <v>14080</v>
      </c>
      <c r="GS28" s="110">
        <v>0</v>
      </c>
      <c r="GT28" s="114">
        <v>0</v>
      </c>
      <c r="GU28" s="113">
        <v>0</v>
      </c>
      <c r="GV28" s="110">
        <v>0</v>
      </c>
      <c r="GW28" s="114">
        <v>20240</v>
      </c>
      <c r="GX28" s="114">
        <v>54560</v>
      </c>
      <c r="GY28" s="114">
        <v>0</v>
      </c>
      <c r="GZ28" s="114">
        <v>0</v>
      </c>
      <c r="HA28" s="114">
        <v>0</v>
      </c>
      <c r="HB28" s="112">
        <v>74800</v>
      </c>
      <c r="HC28" s="116">
        <v>74800</v>
      </c>
      <c r="HD28" s="110">
        <v>109261</v>
      </c>
      <c r="HE28" s="114">
        <v>0</v>
      </c>
      <c r="HF28" s="112">
        <v>109261</v>
      </c>
      <c r="HG28" s="111">
        <v>0</v>
      </c>
      <c r="HH28" s="114">
        <v>1308513</v>
      </c>
      <c r="HI28" s="114">
        <v>206723</v>
      </c>
      <c r="HJ28" s="114">
        <v>0</v>
      </c>
      <c r="HK28" s="114">
        <v>1095375</v>
      </c>
      <c r="HL28" s="114">
        <v>473896</v>
      </c>
      <c r="HM28" s="113">
        <v>3084507</v>
      </c>
      <c r="HN28" s="109">
        <v>3193768</v>
      </c>
      <c r="HO28" s="328"/>
      <c r="HP28" s="329"/>
      <c r="HQ28" s="330"/>
      <c r="HR28" s="331"/>
      <c r="HS28" s="329"/>
      <c r="HT28" s="329"/>
      <c r="HU28" s="329"/>
      <c r="HV28" s="329"/>
      <c r="HW28" s="329"/>
      <c r="HX28" s="332"/>
      <c r="HY28" s="333"/>
      <c r="HZ28" s="150">
        <v>0</v>
      </c>
      <c r="IA28" s="135">
        <v>0</v>
      </c>
      <c r="IB28" s="150">
        <v>0</v>
      </c>
      <c r="IC28" s="134">
        <v>0</v>
      </c>
      <c r="ID28" s="135">
        <v>685237</v>
      </c>
      <c r="IE28" s="136">
        <v>62832</v>
      </c>
      <c r="IF28" s="137">
        <v>719350</v>
      </c>
      <c r="IG28" s="135">
        <v>1091572</v>
      </c>
      <c r="IH28" s="137">
        <v>268882</v>
      </c>
      <c r="II28" s="138">
        <v>2827873</v>
      </c>
      <c r="IJ28" s="150">
        <v>2827873</v>
      </c>
      <c r="IK28" s="232">
        <v>0</v>
      </c>
      <c r="IL28" s="236">
        <v>0</v>
      </c>
      <c r="IM28" s="237">
        <v>0</v>
      </c>
      <c r="IN28" s="140"/>
      <c r="IO28" s="119">
        <v>0</v>
      </c>
      <c r="IP28" s="119">
        <v>0</v>
      </c>
      <c r="IQ28" s="119">
        <v>0</v>
      </c>
      <c r="IR28" s="119">
        <v>0</v>
      </c>
      <c r="IS28" s="119">
        <v>0</v>
      </c>
      <c r="IT28" s="141">
        <v>0</v>
      </c>
      <c r="IU28" s="320">
        <v>0</v>
      </c>
      <c r="IV28" s="142">
        <v>0</v>
      </c>
      <c r="IW28" s="119">
        <v>0</v>
      </c>
      <c r="IX28" s="120">
        <v>0</v>
      </c>
      <c r="IY28" s="144"/>
      <c r="IZ28" s="119">
        <v>0</v>
      </c>
      <c r="JA28" s="119">
        <v>0</v>
      </c>
      <c r="JB28" s="119">
        <v>0</v>
      </c>
      <c r="JC28" s="119">
        <v>0</v>
      </c>
      <c r="JD28" s="119">
        <v>0</v>
      </c>
      <c r="JE28" s="120">
        <v>0</v>
      </c>
      <c r="JF28" s="121">
        <v>0</v>
      </c>
      <c r="JG28" s="142">
        <v>0</v>
      </c>
      <c r="JH28" s="119">
        <v>0</v>
      </c>
      <c r="JI28" s="141">
        <v>0</v>
      </c>
      <c r="JJ28" s="118">
        <v>0</v>
      </c>
      <c r="JK28" s="119">
        <v>204890</v>
      </c>
      <c r="JL28" s="119">
        <v>62832</v>
      </c>
      <c r="JM28" s="119">
        <v>53018</v>
      </c>
      <c r="JN28" s="119">
        <v>212529</v>
      </c>
      <c r="JO28" s="119">
        <v>0</v>
      </c>
      <c r="JP28" s="120">
        <v>533269</v>
      </c>
      <c r="JQ28" s="320">
        <v>533269</v>
      </c>
      <c r="JR28" s="142">
        <v>0</v>
      </c>
      <c r="JS28" s="119">
        <v>0</v>
      </c>
      <c r="JT28" s="141">
        <v>0</v>
      </c>
      <c r="JU28" s="118">
        <v>0</v>
      </c>
      <c r="JV28" s="119">
        <v>0</v>
      </c>
      <c r="JW28" s="119">
        <v>0</v>
      </c>
      <c r="JX28" s="119">
        <v>0</v>
      </c>
      <c r="JY28" s="119">
        <v>0</v>
      </c>
      <c r="JZ28" s="119">
        <v>0</v>
      </c>
      <c r="KA28" s="120">
        <v>0</v>
      </c>
      <c r="KB28" s="320">
        <v>0</v>
      </c>
      <c r="KC28" s="234">
        <v>0</v>
      </c>
      <c r="KD28" s="230">
        <v>0</v>
      </c>
      <c r="KE28" s="120">
        <v>0</v>
      </c>
      <c r="KF28" s="118">
        <v>0</v>
      </c>
      <c r="KG28" s="119">
        <v>0</v>
      </c>
      <c r="KH28" s="119">
        <v>0</v>
      </c>
      <c r="KI28" s="119">
        <v>0</v>
      </c>
      <c r="KJ28" s="119">
        <v>0</v>
      </c>
      <c r="KK28" s="119">
        <v>0</v>
      </c>
      <c r="KL28" s="120">
        <v>0</v>
      </c>
      <c r="KM28" s="143">
        <v>0</v>
      </c>
      <c r="KN28" s="232">
        <v>0</v>
      </c>
      <c r="KO28" s="236">
        <v>0</v>
      </c>
      <c r="KP28" s="237">
        <v>0</v>
      </c>
      <c r="KQ28" s="140"/>
      <c r="KR28" s="119">
        <v>480347</v>
      </c>
      <c r="KS28" s="119">
        <v>0</v>
      </c>
      <c r="KT28" s="119">
        <v>666332</v>
      </c>
      <c r="KU28" s="119">
        <v>879043</v>
      </c>
      <c r="KV28" s="119">
        <v>268882</v>
      </c>
      <c r="KW28" s="120">
        <v>2294604</v>
      </c>
      <c r="KX28" s="320">
        <v>2294604</v>
      </c>
      <c r="KY28" s="142">
        <v>0</v>
      </c>
      <c r="KZ28" s="119">
        <v>0</v>
      </c>
      <c r="LA28" s="120">
        <v>0</v>
      </c>
      <c r="LB28" s="145"/>
      <c r="LC28" s="119">
        <v>0</v>
      </c>
      <c r="LD28" s="119">
        <v>0</v>
      </c>
      <c r="LE28" s="119">
        <v>0</v>
      </c>
      <c r="LF28" s="119">
        <v>0</v>
      </c>
      <c r="LG28" s="119">
        <v>0</v>
      </c>
      <c r="LH28" s="120">
        <v>0</v>
      </c>
      <c r="LI28" s="121">
        <v>0</v>
      </c>
      <c r="LJ28" s="142">
        <v>0</v>
      </c>
      <c r="LK28" s="119">
        <v>0</v>
      </c>
      <c r="LL28" s="120">
        <v>0</v>
      </c>
      <c r="LM28" s="145"/>
      <c r="LN28" s="119">
        <v>0</v>
      </c>
      <c r="LO28" s="119">
        <v>0</v>
      </c>
      <c r="LP28" s="119">
        <v>0</v>
      </c>
      <c r="LQ28" s="119">
        <v>0</v>
      </c>
      <c r="LR28" s="119">
        <v>0</v>
      </c>
      <c r="LS28" s="120">
        <v>0</v>
      </c>
      <c r="LT28" s="320">
        <v>0</v>
      </c>
      <c r="LU28" s="142">
        <v>0</v>
      </c>
      <c r="LV28" s="119">
        <v>0</v>
      </c>
      <c r="LW28" s="120">
        <v>0</v>
      </c>
      <c r="LX28" s="145"/>
      <c r="LY28" s="119">
        <v>0</v>
      </c>
      <c r="LZ28" s="119">
        <v>0</v>
      </c>
      <c r="MA28" s="119">
        <v>0</v>
      </c>
      <c r="MB28" s="119">
        <v>0</v>
      </c>
      <c r="MC28" s="119">
        <v>0</v>
      </c>
      <c r="MD28" s="120">
        <v>0</v>
      </c>
      <c r="ME28" s="121">
        <v>0</v>
      </c>
      <c r="MF28" s="142">
        <v>0</v>
      </c>
      <c r="MG28" s="119">
        <v>0</v>
      </c>
      <c r="MH28" s="120">
        <v>0</v>
      </c>
      <c r="MI28" s="145"/>
      <c r="MJ28" s="119">
        <v>494057</v>
      </c>
      <c r="MK28" s="119">
        <v>274475</v>
      </c>
      <c r="ML28" s="119">
        <v>770683</v>
      </c>
      <c r="MM28" s="119">
        <v>1328776</v>
      </c>
      <c r="MN28" s="119">
        <v>619846</v>
      </c>
      <c r="MO28" s="120">
        <v>3487837</v>
      </c>
      <c r="MP28" s="143">
        <v>3487837</v>
      </c>
      <c r="MQ28" s="142">
        <v>0</v>
      </c>
      <c r="MR28" s="119">
        <v>0</v>
      </c>
      <c r="MS28" s="120">
        <v>0</v>
      </c>
      <c r="MT28" s="145"/>
      <c r="MU28" s="119">
        <v>225962</v>
      </c>
      <c r="MV28" s="119">
        <v>0</v>
      </c>
      <c r="MW28" s="119">
        <v>477647</v>
      </c>
      <c r="MX28" s="119">
        <v>779981</v>
      </c>
      <c r="MY28" s="119">
        <v>0</v>
      </c>
      <c r="MZ28" s="120">
        <v>1483590</v>
      </c>
      <c r="NA28" s="143">
        <v>1483590</v>
      </c>
      <c r="NB28" s="142">
        <v>0</v>
      </c>
      <c r="NC28" s="119">
        <v>0</v>
      </c>
      <c r="ND28" s="120">
        <v>0</v>
      </c>
      <c r="NE28" s="145"/>
      <c r="NF28" s="119">
        <v>268095</v>
      </c>
      <c r="NG28" s="119">
        <v>274475</v>
      </c>
      <c r="NH28" s="119">
        <v>293036</v>
      </c>
      <c r="NI28" s="119">
        <v>548795</v>
      </c>
      <c r="NJ28" s="119">
        <v>619846</v>
      </c>
      <c r="NK28" s="120">
        <v>2004247</v>
      </c>
      <c r="NL28" s="320">
        <v>2004247</v>
      </c>
      <c r="NM28" s="142">
        <v>0</v>
      </c>
      <c r="NN28" s="119">
        <v>0</v>
      </c>
      <c r="NO28" s="120">
        <v>0</v>
      </c>
      <c r="NP28" s="145"/>
      <c r="NQ28" s="119">
        <v>0</v>
      </c>
      <c r="NR28" s="119">
        <v>0</v>
      </c>
      <c r="NS28" s="119">
        <v>0</v>
      </c>
      <c r="NT28" s="119">
        <v>0</v>
      </c>
      <c r="NU28" s="119">
        <v>0</v>
      </c>
      <c r="NV28" s="120">
        <v>0</v>
      </c>
      <c r="NW28" s="121">
        <v>0</v>
      </c>
      <c r="NX28" s="142">
        <v>0</v>
      </c>
      <c r="NY28" s="119">
        <v>0</v>
      </c>
      <c r="NZ28" s="120">
        <v>0</v>
      </c>
      <c r="OA28" s="145"/>
      <c r="OB28" s="119">
        <v>0</v>
      </c>
      <c r="OC28" s="119">
        <v>0</v>
      </c>
      <c r="OD28" s="119">
        <v>0</v>
      </c>
      <c r="OE28" s="119">
        <v>0</v>
      </c>
      <c r="OF28" s="119">
        <v>0</v>
      </c>
      <c r="OG28" s="120">
        <v>0</v>
      </c>
      <c r="OH28" s="121">
        <v>0</v>
      </c>
      <c r="OI28" s="142">
        <v>205600</v>
      </c>
      <c r="OJ28" s="119">
        <v>198485</v>
      </c>
      <c r="OK28" s="141">
        <v>404085</v>
      </c>
      <c r="OL28" s="118">
        <v>0</v>
      </c>
      <c r="OM28" s="119">
        <v>4517543</v>
      </c>
      <c r="ON28" s="119">
        <v>3119660</v>
      </c>
      <c r="OO28" s="119">
        <v>3437454</v>
      </c>
      <c r="OP28" s="119">
        <v>4476077</v>
      </c>
      <c r="OQ28" s="119">
        <v>2700954</v>
      </c>
      <c r="OR28" s="120">
        <v>18251688</v>
      </c>
      <c r="OS28" s="143">
        <v>18655773</v>
      </c>
    </row>
    <row r="29" spans="2:409" ht="21" customHeight="1" x14ac:dyDescent="0.2">
      <c r="B29" s="126" t="s">
        <v>24</v>
      </c>
      <c r="C29" s="110">
        <v>357049</v>
      </c>
      <c r="D29" s="114">
        <v>253051</v>
      </c>
      <c r="E29" s="113">
        <v>610100</v>
      </c>
      <c r="F29" s="109">
        <v>0</v>
      </c>
      <c r="G29" s="114">
        <v>2163537</v>
      </c>
      <c r="H29" s="114">
        <v>2652609</v>
      </c>
      <c r="I29" s="114">
        <v>2282264</v>
      </c>
      <c r="J29" s="114">
        <v>1044797</v>
      </c>
      <c r="K29" s="114">
        <v>2097337</v>
      </c>
      <c r="L29" s="173">
        <v>10240544</v>
      </c>
      <c r="M29" s="116">
        <v>10850644</v>
      </c>
      <c r="N29" s="110">
        <v>61944</v>
      </c>
      <c r="O29" s="114">
        <v>82540</v>
      </c>
      <c r="P29" s="113">
        <v>144484</v>
      </c>
      <c r="Q29" s="110">
        <v>0</v>
      </c>
      <c r="R29" s="114">
        <v>829183</v>
      </c>
      <c r="S29" s="114">
        <v>940940</v>
      </c>
      <c r="T29" s="114">
        <v>815067</v>
      </c>
      <c r="U29" s="114">
        <v>352959</v>
      </c>
      <c r="V29" s="114">
        <v>1288519</v>
      </c>
      <c r="W29" s="113">
        <v>4226668</v>
      </c>
      <c r="X29" s="116">
        <v>4371152</v>
      </c>
      <c r="Y29" s="110">
        <v>0</v>
      </c>
      <c r="Z29" s="114">
        <v>0</v>
      </c>
      <c r="AA29" s="113">
        <v>0</v>
      </c>
      <c r="AB29" s="110">
        <v>0</v>
      </c>
      <c r="AC29" s="114">
        <v>353403</v>
      </c>
      <c r="AD29" s="114">
        <v>332055</v>
      </c>
      <c r="AE29" s="114">
        <v>368903</v>
      </c>
      <c r="AF29" s="114">
        <v>162747</v>
      </c>
      <c r="AG29" s="114">
        <v>831344</v>
      </c>
      <c r="AH29" s="113">
        <v>2048452</v>
      </c>
      <c r="AI29" s="116">
        <v>2048452</v>
      </c>
      <c r="AJ29" s="110">
        <v>0</v>
      </c>
      <c r="AK29" s="114">
        <v>0</v>
      </c>
      <c r="AL29" s="113">
        <v>0</v>
      </c>
      <c r="AM29" s="110">
        <v>0</v>
      </c>
      <c r="AN29" s="114">
        <v>0</v>
      </c>
      <c r="AO29" s="114">
        <v>86436</v>
      </c>
      <c r="AP29" s="114">
        <v>0</v>
      </c>
      <c r="AQ29" s="114">
        <v>48292</v>
      </c>
      <c r="AR29" s="114">
        <v>107070</v>
      </c>
      <c r="AS29" s="113">
        <v>241798</v>
      </c>
      <c r="AT29" s="116">
        <v>241798</v>
      </c>
      <c r="AU29" s="110">
        <v>40272</v>
      </c>
      <c r="AV29" s="114">
        <v>61612</v>
      </c>
      <c r="AW29" s="113">
        <v>101884</v>
      </c>
      <c r="AX29" s="110">
        <v>0</v>
      </c>
      <c r="AY29" s="114">
        <v>332696</v>
      </c>
      <c r="AZ29" s="114">
        <v>242464</v>
      </c>
      <c r="BA29" s="114">
        <v>305600</v>
      </c>
      <c r="BB29" s="114">
        <v>30539</v>
      </c>
      <c r="BC29" s="114">
        <v>225385</v>
      </c>
      <c r="BD29" s="113">
        <v>1136684</v>
      </c>
      <c r="BE29" s="116">
        <v>1238568</v>
      </c>
      <c r="BF29" s="110">
        <v>0</v>
      </c>
      <c r="BG29" s="114">
        <v>0</v>
      </c>
      <c r="BH29" s="112">
        <v>0</v>
      </c>
      <c r="BI29" s="111">
        <v>0</v>
      </c>
      <c r="BJ29" s="114">
        <v>35868</v>
      </c>
      <c r="BK29" s="114">
        <v>80257</v>
      </c>
      <c r="BL29" s="114">
        <v>12372</v>
      </c>
      <c r="BM29" s="114">
        <v>71253</v>
      </c>
      <c r="BN29" s="114">
        <v>0</v>
      </c>
      <c r="BO29" s="113">
        <v>199750</v>
      </c>
      <c r="BP29" s="116">
        <v>199750</v>
      </c>
      <c r="BQ29" s="110">
        <v>21672</v>
      </c>
      <c r="BR29" s="114">
        <v>20928</v>
      </c>
      <c r="BS29" s="113">
        <v>42600</v>
      </c>
      <c r="BT29" s="110">
        <v>0</v>
      </c>
      <c r="BU29" s="114">
        <v>107216</v>
      </c>
      <c r="BV29" s="114">
        <v>199728</v>
      </c>
      <c r="BW29" s="114">
        <v>128192</v>
      </c>
      <c r="BX29" s="114">
        <v>40128</v>
      </c>
      <c r="BY29" s="114">
        <v>124720</v>
      </c>
      <c r="BZ29" s="113">
        <v>599984</v>
      </c>
      <c r="CA29" s="116">
        <v>642584</v>
      </c>
      <c r="CB29" s="110">
        <v>102654</v>
      </c>
      <c r="CC29" s="114">
        <v>74094</v>
      </c>
      <c r="CD29" s="113">
        <v>176748</v>
      </c>
      <c r="CE29" s="110">
        <v>0</v>
      </c>
      <c r="CF29" s="114">
        <v>585917</v>
      </c>
      <c r="CG29" s="114">
        <v>813605</v>
      </c>
      <c r="CH29" s="114">
        <v>545407</v>
      </c>
      <c r="CI29" s="114">
        <v>0</v>
      </c>
      <c r="CJ29" s="114">
        <v>54110</v>
      </c>
      <c r="CK29" s="113">
        <v>1999039</v>
      </c>
      <c r="CL29" s="116">
        <v>2175787</v>
      </c>
      <c r="CM29" s="110">
        <v>0</v>
      </c>
      <c r="CN29" s="114">
        <v>0</v>
      </c>
      <c r="CO29" s="113">
        <v>0</v>
      </c>
      <c r="CP29" s="111">
        <v>0</v>
      </c>
      <c r="CQ29" s="114">
        <v>548681</v>
      </c>
      <c r="CR29" s="114">
        <v>578923</v>
      </c>
      <c r="CS29" s="114">
        <v>382630</v>
      </c>
      <c r="CT29" s="114">
        <v>0</v>
      </c>
      <c r="CU29" s="114">
        <v>54110</v>
      </c>
      <c r="CV29" s="113">
        <v>1564344</v>
      </c>
      <c r="CW29" s="116">
        <v>1564344</v>
      </c>
      <c r="CX29" s="110">
        <v>102654</v>
      </c>
      <c r="CY29" s="114">
        <v>74094</v>
      </c>
      <c r="CZ29" s="113">
        <v>176748</v>
      </c>
      <c r="DA29" s="110">
        <v>0</v>
      </c>
      <c r="DB29" s="114">
        <v>37236</v>
      </c>
      <c r="DC29" s="114">
        <v>234682</v>
      </c>
      <c r="DD29" s="114">
        <v>162777</v>
      </c>
      <c r="DE29" s="114">
        <v>0</v>
      </c>
      <c r="DF29" s="114">
        <v>0</v>
      </c>
      <c r="DG29" s="113">
        <v>434695</v>
      </c>
      <c r="DH29" s="116">
        <v>611443</v>
      </c>
      <c r="DI29" s="110">
        <v>0</v>
      </c>
      <c r="DJ29" s="114">
        <v>0</v>
      </c>
      <c r="DK29" s="112">
        <v>0</v>
      </c>
      <c r="DL29" s="111">
        <v>0</v>
      </c>
      <c r="DM29" s="114">
        <v>114900</v>
      </c>
      <c r="DN29" s="114">
        <v>20087</v>
      </c>
      <c r="DO29" s="114">
        <v>35386</v>
      </c>
      <c r="DP29" s="114">
        <v>0</v>
      </c>
      <c r="DQ29" s="114">
        <v>54525</v>
      </c>
      <c r="DR29" s="113">
        <v>224898</v>
      </c>
      <c r="DS29" s="116">
        <v>224898</v>
      </c>
      <c r="DT29" s="110">
        <v>0</v>
      </c>
      <c r="DU29" s="114">
        <v>0</v>
      </c>
      <c r="DV29" s="113">
        <v>0</v>
      </c>
      <c r="DW29" s="110">
        <v>0</v>
      </c>
      <c r="DX29" s="114">
        <v>114900</v>
      </c>
      <c r="DY29" s="114">
        <v>20087</v>
      </c>
      <c r="DZ29" s="114">
        <v>35386</v>
      </c>
      <c r="EA29" s="114">
        <v>0</v>
      </c>
      <c r="EB29" s="114">
        <v>54525</v>
      </c>
      <c r="EC29" s="113">
        <v>224898</v>
      </c>
      <c r="ED29" s="116">
        <v>224898</v>
      </c>
      <c r="EE29" s="110">
        <v>0</v>
      </c>
      <c r="EF29" s="112">
        <v>0</v>
      </c>
      <c r="EG29" s="113">
        <v>0</v>
      </c>
      <c r="EH29" s="110">
        <v>0</v>
      </c>
      <c r="EI29" s="114">
        <v>0</v>
      </c>
      <c r="EJ29" s="114">
        <v>0</v>
      </c>
      <c r="EK29" s="114">
        <v>0</v>
      </c>
      <c r="EL29" s="114">
        <v>0</v>
      </c>
      <c r="EM29" s="114">
        <v>0</v>
      </c>
      <c r="EN29" s="112">
        <v>0</v>
      </c>
      <c r="EO29" s="116">
        <v>0</v>
      </c>
      <c r="EP29" s="110">
        <v>0</v>
      </c>
      <c r="EQ29" s="114">
        <v>0</v>
      </c>
      <c r="ER29" s="112">
        <v>0</v>
      </c>
      <c r="ES29" s="111">
        <v>0</v>
      </c>
      <c r="ET29" s="114">
        <v>0</v>
      </c>
      <c r="EU29" s="114">
        <v>0</v>
      </c>
      <c r="EV29" s="114">
        <v>0</v>
      </c>
      <c r="EW29" s="114">
        <v>0</v>
      </c>
      <c r="EX29" s="114">
        <v>0</v>
      </c>
      <c r="EY29" s="113">
        <v>0</v>
      </c>
      <c r="EZ29" s="116">
        <v>0</v>
      </c>
      <c r="FA29" s="110">
        <v>0</v>
      </c>
      <c r="FB29" s="114">
        <v>0</v>
      </c>
      <c r="FC29" s="112">
        <v>0</v>
      </c>
      <c r="FD29" s="347"/>
      <c r="FE29" s="114">
        <v>0</v>
      </c>
      <c r="FF29" s="114">
        <v>0</v>
      </c>
      <c r="FG29" s="114">
        <v>0</v>
      </c>
      <c r="FH29" s="114">
        <v>0</v>
      </c>
      <c r="FI29" s="114">
        <v>0</v>
      </c>
      <c r="FJ29" s="113">
        <v>0</v>
      </c>
      <c r="FK29" s="116">
        <v>0</v>
      </c>
      <c r="FL29" s="110">
        <v>30720</v>
      </c>
      <c r="FM29" s="114">
        <v>8400</v>
      </c>
      <c r="FN29" s="113">
        <v>39120</v>
      </c>
      <c r="FO29" s="110">
        <v>0</v>
      </c>
      <c r="FP29" s="114">
        <v>124144</v>
      </c>
      <c r="FQ29" s="114">
        <v>180736</v>
      </c>
      <c r="FR29" s="114">
        <v>169696</v>
      </c>
      <c r="FS29" s="114">
        <v>51440</v>
      </c>
      <c r="FT29" s="114">
        <v>232800</v>
      </c>
      <c r="FU29" s="113">
        <v>758816</v>
      </c>
      <c r="FV29" s="116">
        <v>797936</v>
      </c>
      <c r="FW29" s="115">
        <v>30720</v>
      </c>
      <c r="FX29" s="114">
        <v>8400</v>
      </c>
      <c r="FY29" s="112">
        <v>39120</v>
      </c>
      <c r="FZ29" s="111">
        <v>0</v>
      </c>
      <c r="GA29" s="114">
        <v>64304</v>
      </c>
      <c r="GB29" s="114">
        <v>180736</v>
      </c>
      <c r="GC29" s="114">
        <v>169696</v>
      </c>
      <c r="GD29" s="114">
        <v>51440</v>
      </c>
      <c r="GE29" s="114">
        <v>120800</v>
      </c>
      <c r="GF29" s="113">
        <v>586976</v>
      </c>
      <c r="GG29" s="318">
        <v>626096</v>
      </c>
      <c r="GH29" s="115">
        <v>0</v>
      </c>
      <c r="GI29" s="114">
        <v>0</v>
      </c>
      <c r="GJ29" s="112">
        <v>0</v>
      </c>
      <c r="GK29" s="111">
        <v>0</v>
      </c>
      <c r="GL29" s="114">
        <v>42240</v>
      </c>
      <c r="GM29" s="114">
        <v>0</v>
      </c>
      <c r="GN29" s="114">
        <v>0</v>
      </c>
      <c r="GO29" s="114">
        <v>0</v>
      </c>
      <c r="GP29" s="114">
        <v>0</v>
      </c>
      <c r="GQ29" s="113">
        <v>42240</v>
      </c>
      <c r="GR29" s="116">
        <v>42240</v>
      </c>
      <c r="GS29" s="110">
        <v>0</v>
      </c>
      <c r="GT29" s="114">
        <v>0</v>
      </c>
      <c r="GU29" s="113">
        <v>0</v>
      </c>
      <c r="GV29" s="110">
        <v>0</v>
      </c>
      <c r="GW29" s="114">
        <v>17600</v>
      </c>
      <c r="GX29" s="114">
        <v>0</v>
      </c>
      <c r="GY29" s="114">
        <v>0</v>
      </c>
      <c r="GZ29" s="114">
        <v>0</v>
      </c>
      <c r="HA29" s="114">
        <v>112000</v>
      </c>
      <c r="HB29" s="112">
        <v>129600</v>
      </c>
      <c r="HC29" s="116">
        <v>129600</v>
      </c>
      <c r="HD29" s="110">
        <v>161731</v>
      </c>
      <c r="HE29" s="114">
        <v>88017</v>
      </c>
      <c r="HF29" s="112">
        <v>249748</v>
      </c>
      <c r="HG29" s="111">
        <v>0</v>
      </c>
      <c r="HH29" s="114">
        <v>509393</v>
      </c>
      <c r="HI29" s="114">
        <v>697241</v>
      </c>
      <c r="HJ29" s="114">
        <v>716708</v>
      </c>
      <c r="HK29" s="114">
        <v>640398</v>
      </c>
      <c r="HL29" s="114">
        <v>467383</v>
      </c>
      <c r="HM29" s="113">
        <v>3031123</v>
      </c>
      <c r="HN29" s="109">
        <v>3280871</v>
      </c>
      <c r="HO29" s="328"/>
      <c r="HP29" s="329"/>
      <c r="HQ29" s="330"/>
      <c r="HR29" s="331"/>
      <c r="HS29" s="329"/>
      <c r="HT29" s="329"/>
      <c r="HU29" s="329"/>
      <c r="HV29" s="329"/>
      <c r="HW29" s="329"/>
      <c r="HX29" s="332"/>
      <c r="HY29" s="333"/>
      <c r="HZ29" s="131">
        <v>0</v>
      </c>
      <c r="IA29" s="132">
        <v>0</v>
      </c>
      <c r="IB29" s="133">
        <v>0</v>
      </c>
      <c r="IC29" s="146">
        <v>0</v>
      </c>
      <c r="ID29" s="132">
        <v>108310</v>
      </c>
      <c r="IE29" s="147">
        <v>169337</v>
      </c>
      <c r="IF29" s="133">
        <v>1077496</v>
      </c>
      <c r="IG29" s="132">
        <v>0</v>
      </c>
      <c r="IH29" s="133">
        <v>251656</v>
      </c>
      <c r="II29" s="148">
        <v>1606799</v>
      </c>
      <c r="IJ29" s="139">
        <v>1606799</v>
      </c>
      <c r="IK29" s="232">
        <v>0</v>
      </c>
      <c r="IL29" s="236">
        <v>0</v>
      </c>
      <c r="IM29" s="237">
        <v>0</v>
      </c>
      <c r="IN29" s="140"/>
      <c r="IO29" s="119">
        <v>0</v>
      </c>
      <c r="IP29" s="119">
        <v>0</v>
      </c>
      <c r="IQ29" s="119">
        <v>158825</v>
      </c>
      <c r="IR29" s="119">
        <v>0</v>
      </c>
      <c r="IS29" s="119">
        <v>0</v>
      </c>
      <c r="IT29" s="141">
        <v>158825</v>
      </c>
      <c r="IU29" s="320">
        <v>158825</v>
      </c>
      <c r="IV29" s="142">
        <v>0</v>
      </c>
      <c r="IW29" s="119">
        <v>0</v>
      </c>
      <c r="IX29" s="120">
        <v>0</v>
      </c>
      <c r="IY29" s="144"/>
      <c r="IZ29" s="119">
        <v>0</v>
      </c>
      <c r="JA29" s="119">
        <v>0</v>
      </c>
      <c r="JB29" s="119">
        <v>0</v>
      </c>
      <c r="JC29" s="119">
        <v>0</v>
      </c>
      <c r="JD29" s="119">
        <v>0</v>
      </c>
      <c r="JE29" s="120">
        <v>0</v>
      </c>
      <c r="JF29" s="121">
        <v>0</v>
      </c>
      <c r="JG29" s="142">
        <v>0</v>
      </c>
      <c r="JH29" s="119">
        <v>0</v>
      </c>
      <c r="JI29" s="141">
        <v>0</v>
      </c>
      <c r="JJ29" s="118">
        <v>0</v>
      </c>
      <c r="JK29" s="119">
        <v>108310</v>
      </c>
      <c r="JL29" s="119">
        <v>0</v>
      </c>
      <c r="JM29" s="119">
        <v>308467</v>
      </c>
      <c r="JN29" s="119">
        <v>0</v>
      </c>
      <c r="JO29" s="119">
        <v>0</v>
      </c>
      <c r="JP29" s="120">
        <v>416777</v>
      </c>
      <c r="JQ29" s="320">
        <v>416777</v>
      </c>
      <c r="JR29" s="142">
        <v>0</v>
      </c>
      <c r="JS29" s="119">
        <v>0</v>
      </c>
      <c r="JT29" s="141">
        <v>0</v>
      </c>
      <c r="JU29" s="118">
        <v>0</v>
      </c>
      <c r="JV29" s="119">
        <v>0</v>
      </c>
      <c r="JW29" s="119">
        <v>0</v>
      </c>
      <c r="JX29" s="119">
        <v>126364</v>
      </c>
      <c r="JY29" s="119">
        <v>0</v>
      </c>
      <c r="JZ29" s="119">
        <v>0</v>
      </c>
      <c r="KA29" s="120">
        <v>126364</v>
      </c>
      <c r="KB29" s="320">
        <v>126364</v>
      </c>
      <c r="KC29" s="234">
        <v>0</v>
      </c>
      <c r="KD29" s="230">
        <v>0</v>
      </c>
      <c r="KE29" s="120">
        <v>0</v>
      </c>
      <c r="KF29" s="118">
        <v>0</v>
      </c>
      <c r="KG29" s="119">
        <v>0</v>
      </c>
      <c r="KH29" s="119">
        <v>169337</v>
      </c>
      <c r="KI29" s="119">
        <v>0</v>
      </c>
      <c r="KJ29" s="119">
        <v>0</v>
      </c>
      <c r="KK29" s="119">
        <v>0</v>
      </c>
      <c r="KL29" s="120">
        <v>169337</v>
      </c>
      <c r="KM29" s="143">
        <v>169337</v>
      </c>
      <c r="KN29" s="232">
        <v>0</v>
      </c>
      <c r="KO29" s="236">
        <v>0</v>
      </c>
      <c r="KP29" s="237">
        <v>0</v>
      </c>
      <c r="KQ29" s="140"/>
      <c r="KR29" s="119">
        <v>0</v>
      </c>
      <c r="KS29" s="119">
        <v>0</v>
      </c>
      <c r="KT29" s="119">
        <v>483840</v>
      </c>
      <c r="KU29" s="119">
        <v>0</v>
      </c>
      <c r="KV29" s="119">
        <v>251656</v>
      </c>
      <c r="KW29" s="120">
        <v>735496</v>
      </c>
      <c r="KX29" s="320">
        <v>735496</v>
      </c>
      <c r="KY29" s="142">
        <v>0</v>
      </c>
      <c r="KZ29" s="119">
        <v>0</v>
      </c>
      <c r="LA29" s="120">
        <v>0</v>
      </c>
      <c r="LB29" s="145"/>
      <c r="LC29" s="119">
        <v>0</v>
      </c>
      <c r="LD29" s="119">
        <v>0</v>
      </c>
      <c r="LE29" s="119">
        <v>0</v>
      </c>
      <c r="LF29" s="119">
        <v>0</v>
      </c>
      <c r="LG29" s="119">
        <v>0</v>
      </c>
      <c r="LH29" s="120">
        <v>0</v>
      </c>
      <c r="LI29" s="121">
        <v>0</v>
      </c>
      <c r="LJ29" s="142">
        <v>0</v>
      </c>
      <c r="LK29" s="119">
        <v>0</v>
      </c>
      <c r="LL29" s="120">
        <v>0</v>
      </c>
      <c r="LM29" s="145"/>
      <c r="LN29" s="119">
        <v>0</v>
      </c>
      <c r="LO29" s="119">
        <v>0</v>
      </c>
      <c r="LP29" s="119">
        <v>0</v>
      </c>
      <c r="LQ29" s="119">
        <v>0</v>
      </c>
      <c r="LR29" s="119">
        <v>0</v>
      </c>
      <c r="LS29" s="120">
        <v>0</v>
      </c>
      <c r="LT29" s="320">
        <v>0</v>
      </c>
      <c r="LU29" s="142">
        <v>0</v>
      </c>
      <c r="LV29" s="119">
        <v>0</v>
      </c>
      <c r="LW29" s="120">
        <v>0</v>
      </c>
      <c r="LX29" s="145"/>
      <c r="LY29" s="119">
        <v>0</v>
      </c>
      <c r="LZ29" s="119">
        <v>0</v>
      </c>
      <c r="MA29" s="119">
        <v>0</v>
      </c>
      <c r="MB29" s="119">
        <v>0</v>
      </c>
      <c r="MC29" s="119">
        <v>0</v>
      </c>
      <c r="MD29" s="120">
        <v>0</v>
      </c>
      <c r="ME29" s="121">
        <v>0</v>
      </c>
      <c r="MF29" s="142">
        <v>0</v>
      </c>
      <c r="MG29" s="119">
        <v>0</v>
      </c>
      <c r="MH29" s="120">
        <v>0</v>
      </c>
      <c r="MI29" s="145"/>
      <c r="MJ29" s="119">
        <v>0</v>
      </c>
      <c r="MK29" s="119">
        <v>251234</v>
      </c>
      <c r="ML29" s="119">
        <v>1157883</v>
      </c>
      <c r="MM29" s="119">
        <v>1769562</v>
      </c>
      <c r="MN29" s="119">
        <v>550938</v>
      </c>
      <c r="MO29" s="120">
        <v>3729617</v>
      </c>
      <c r="MP29" s="143">
        <v>3729617</v>
      </c>
      <c r="MQ29" s="142">
        <v>0</v>
      </c>
      <c r="MR29" s="119">
        <v>0</v>
      </c>
      <c r="MS29" s="120">
        <v>0</v>
      </c>
      <c r="MT29" s="145"/>
      <c r="MU29" s="119">
        <v>0</v>
      </c>
      <c r="MV29" s="119">
        <v>0</v>
      </c>
      <c r="MW29" s="119">
        <v>0</v>
      </c>
      <c r="MX29" s="119">
        <v>915361</v>
      </c>
      <c r="MY29" s="119">
        <v>550938</v>
      </c>
      <c r="MZ29" s="120">
        <v>1466299</v>
      </c>
      <c r="NA29" s="143">
        <v>1466299</v>
      </c>
      <c r="NB29" s="142">
        <v>0</v>
      </c>
      <c r="NC29" s="119">
        <v>0</v>
      </c>
      <c r="ND29" s="120">
        <v>0</v>
      </c>
      <c r="NE29" s="145"/>
      <c r="NF29" s="119">
        <v>0</v>
      </c>
      <c r="NG29" s="119">
        <v>251234</v>
      </c>
      <c r="NH29" s="119">
        <v>1157883</v>
      </c>
      <c r="NI29" s="119">
        <v>854201</v>
      </c>
      <c r="NJ29" s="119">
        <v>0</v>
      </c>
      <c r="NK29" s="120">
        <v>2263318</v>
      </c>
      <c r="NL29" s="320">
        <v>2263318</v>
      </c>
      <c r="NM29" s="142">
        <v>0</v>
      </c>
      <c r="NN29" s="119">
        <v>0</v>
      </c>
      <c r="NO29" s="120">
        <v>0</v>
      </c>
      <c r="NP29" s="145"/>
      <c r="NQ29" s="119">
        <v>0</v>
      </c>
      <c r="NR29" s="119">
        <v>0</v>
      </c>
      <c r="NS29" s="119">
        <v>0</v>
      </c>
      <c r="NT29" s="119">
        <v>0</v>
      </c>
      <c r="NU29" s="119">
        <v>0</v>
      </c>
      <c r="NV29" s="120">
        <v>0</v>
      </c>
      <c r="NW29" s="121">
        <v>0</v>
      </c>
      <c r="NX29" s="142">
        <v>0</v>
      </c>
      <c r="NY29" s="119">
        <v>0</v>
      </c>
      <c r="NZ29" s="120">
        <v>0</v>
      </c>
      <c r="OA29" s="145"/>
      <c r="OB29" s="119">
        <v>0</v>
      </c>
      <c r="OC29" s="119">
        <v>0</v>
      </c>
      <c r="OD29" s="119">
        <v>0</v>
      </c>
      <c r="OE29" s="119">
        <v>0</v>
      </c>
      <c r="OF29" s="119">
        <v>0</v>
      </c>
      <c r="OG29" s="120">
        <v>0</v>
      </c>
      <c r="OH29" s="121">
        <v>0</v>
      </c>
      <c r="OI29" s="142">
        <v>357049</v>
      </c>
      <c r="OJ29" s="119">
        <v>253051</v>
      </c>
      <c r="OK29" s="141">
        <v>610100</v>
      </c>
      <c r="OL29" s="118">
        <v>0</v>
      </c>
      <c r="OM29" s="119">
        <v>2271847</v>
      </c>
      <c r="ON29" s="119">
        <v>3073180</v>
      </c>
      <c r="OO29" s="119">
        <v>4517643</v>
      </c>
      <c r="OP29" s="119">
        <v>2814359</v>
      </c>
      <c r="OQ29" s="119">
        <v>2899931</v>
      </c>
      <c r="OR29" s="120">
        <v>15576960</v>
      </c>
      <c r="OS29" s="143">
        <v>16187060</v>
      </c>
    </row>
    <row r="30" spans="2:409" ht="21" customHeight="1" x14ac:dyDescent="0.2">
      <c r="B30" s="126" t="s">
        <v>25</v>
      </c>
      <c r="C30" s="110">
        <v>198173</v>
      </c>
      <c r="D30" s="114">
        <v>283061</v>
      </c>
      <c r="E30" s="113">
        <v>481234</v>
      </c>
      <c r="F30" s="109">
        <v>0</v>
      </c>
      <c r="G30" s="114">
        <v>1354140</v>
      </c>
      <c r="H30" s="114">
        <v>765938</v>
      </c>
      <c r="I30" s="114">
        <v>1239445</v>
      </c>
      <c r="J30" s="114">
        <v>1419490</v>
      </c>
      <c r="K30" s="114">
        <v>549654</v>
      </c>
      <c r="L30" s="173">
        <v>5328667</v>
      </c>
      <c r="M30" s="116">
        <v>5809901</v>
      </c>
      <c r="N30" s="110">
        <v>24190</v>
      </c>
      <c r="O30" s="114">
        <v>99939</v>
      </c>
      <c r="P30" s="113">
        <v>124129</v>
      </c>
      <c r="Q30" s="110">
        <v>0</v>
      </c>
      <c r="R30" s="114">
        <v>343695</v>
      </c>
      <c r="S30" s="114">
        <v>212615</v>
      </c>
      <c r="T30" s="114">
        <v>642954</v>
      </c>
      <c r="U30" s="114">
        <v>128094</v>
      </c>
      <c r="V30" s="114">
        <v>50790</v>
      </c>
      <c r="W30" s="113">
        <v>1378148</v>
      </c>
      <c r="X30" s="116">
        <v>1502277</v>
      </c>
      <c r="Y30" s="110">
        <v>0</v>
      </c>
      <c r="Z30" s="114">
        <v>0</v>
      </c>
      <c r="AA30" s="113">
        <v>0</v>
      </c>
      <c r="AB30" s="110">
        <v>0</v>
      </c>
      <c r="AC30" s="114">
        <v>215196</v>
      </c>
      <c r="AD30" s="114">
        <v>101348</v>
      </c>
      <c r="AE30" s="114">
        <v>421116</v>
      </c>
      <c r="AF30" s="114">
        <v>0</v>
      </c>
      <c r="AG30" s="114">
        <v>41190</v>
      </c>
      <c r="AH30" s="113">
        <v>778850</v>
      </c>
      <c r="AI30" s="116">
        <v>778850</v>
      </c>
      <c r="AJ30" s="110">
        <v>0</v>
      </c>
      <c r="AK30" s="114">
        <v>0</v>
      </c>
      <c r="AL30" s="113">
        <v>0</v>
      </c>
      <c r="AM30" s="110">
        <v>0</v>
      </c>
      <c r="AN30" s="114">
        <v>0</v>
      </c>
      <c r="AO30" s="114">
        <v>0</v>
      </c>
      <c r="AP30" s="114">
        <v>35854</v>
      </c>
      <c r="AQ30" s="114">
        <v>0</v>
      </c>
      <c r="AR30" s="114">
        <v>0</v>
      </c>
      <c r="AS30" s="113">
        <v>35854</v>
      </c>
      <c r="AT30" s="116">
        <v>35854</v>
      </c>
      <c r="AU30" s="110">
        <v>24190</v>
      </c>
      <c r="AV30" s="114">
        <v>25061</v>
      </c>
      <c r="AW30" s="113">
        <v>49251</v>
      </c>
      <c r="AX30" s="110">
        <v>0</v>
      </c>
      <c r="AY30" s="114">
        <v>82139</v>
      </c>
      <c r="AZ30" s="114">
        <v>94747</v>
      </c>
      <c r="BA30" s="114">
        <v>108889</v>
      </c>
      <c r="BB30" s="114">
        <v>99318</v>
      </c>
      <c r="BC30" s="114">
        <v>0</v>
      </c>
      <c r="BD30" s="113">
        <v>385093</v>
      </c>
      <c r="BE30" s="116">
        <v>434344</v>
      </c>
      <c r="BF30" s="110">
        <v>0</v>
      </c>
      <c r="BG30" s="114">
        <v>62302</v>
      </c>
      <c r="BH30" s="112">
        <v>62302</v>
      </c>
      <c r="BI30" s="111">
        <v>0</v>
      </c>
      <c r="BJ30" s="114">
        <v>0</v>
      </c>
      <c r="BK30" s="114">
        <v>0</v>
      </c>
      <c r="BL30" s="114">
        <v>43415</v>
      </c>
      <c r="BM30" s="114">
        <v>0</v>
      </c>
      <c r="BN30" s="114">
        <v>0</v>
      </c>
      <c r="BO30" s="113">
        <v>43415</v>
      </c>
      <c r="BP30" s="116">
        <v>105717</v>
      </c>
      <c r="BQ30" s="110">
        <v>0</v>
      </c>
      <c r="BR30" s="114">
        <v>12576</v>
      </c>
      <c r="BS30" s="113">
        <v>12576</v>
      </c>
      <c r="BT30" s="110">
        <v>0</v>
      </c>
      <c r="BU30" s="114">
        <v>46360</v>
      </c>
      <c r="BV30" s="114">
        <v>16520</v>
      </c>
      <c r="BW30" s="114">
        <v>33680</v>
      </c>
      <c r="BX30" s="114">
        <v>28776</v>
      </c>
      <c r="BY30" s="114">
        <v>9600</v>
      </c>
      <c r="BZ30" s="113">
        <v>134936</v>
      </c>
      <c r="CA30" s="116">
        <v>147512</v>
      </c>
      <c r="CB30" s="110">
        <v>78319</v>
      </c>
      <c r="CC30" s="114">
        <v>36431</v>
      </c>
      <c r="CD30" s="113">
        <v>114750</v>
      </c>
      <c r="CE30" s="110">
        <v>0</v>
      </c>
      <c r="CF30" s="114">
        <v>515289</v>
      </c>
      <c r="CG30" s="114">
        <v>436171</v>
      </c>
      <c r="CH30" s="114">
        <v>290402</v>
      </c>
      <c r="CI30" s="114">
        <v>500996</v>
      </c>
      <c r="CJ30" s="114">
        <v>102089</v>
      </c>
      <c r="CK30" s="113">
        <v>1844947</v>
      </c>
      <c r="CL30" s="116">
        <v>1959697</v>
      </c>
      <c r="CM30" s="110">
        <v>0</v>
      </c>
      <c r="CN30" s="114">
        <v>0</v>
      </c>
      <c r="CO30" s="113">
        <v>0</v>
      </c>
      <c r="CP30" s="111">
        <v>0</v>
      </c>
      <c r="CQ30" s="114">
        <v>428341</v>
      </c>
      <c r="CR30" s="114">
        <v>118492</v>
      </c>
      <c r="CS30" s="114">
        <v>89777</v>
      </c>
      <c r="CT30" s="114">
        <v>439816</v>
      </c>
      <c r="CU30" s="114">
        <v>0</v>
      </c>
      <c r="CV30" s="113">
        <v>1076426</v>
      </c>
      <c r="CW30" s="116">
        <v>1076426</v>
      </c>
      <c r="CX30" s="110">
        <v>78319</v>
      </c>
      <c r="CY30" s="114">
        <v>36431</v>
      </c>
      <c r="CZ30" s="113">
        <v>114750</v>
      </c>
      <c r="DA30" s="110">
        <v>0</v>
      </c>
      <c r="DB30" s="114">
        <v>86948</v>
      </c>
      <c r="DC30" s="114">
        <v>317679</v>
      </c>
      <c r="DD30" s="114">
        <v>200625</v>
      </c>
      <c r="DE30" s="114">
        <v>61180</v>
      </c>
      <c r="DF30" s="114">
        <v>102089</v>
      </c>
      <c r="DG30" s="113">
        <v>768521</v>
      </c>
      <c r="DH30" s="116">
        <v>883271</v>
      </c>
      <c r="DI30" s="110">
        <v>0</v>
      </c>
      <c r="DJ30" s="114">
        <v>0</v>
      </c>
      <c r="DK30" s="112">
        <v>0</v>
      </c>
      <c r="DL30" s="111">
        <v>0</v>
      </c>
      <c r="DM30" s="114">
        <v>18128</v>
      </c>
      <c r="DN30" s="114">
        <v>0</v>
      </c>
      <c r="DO30" s="114">
        <v>0</v>
      </c>
      <c r="DP30" s="114">
        <v>163423</v>
      </c>
      <c r="DQ30" s="114">
        <v>138800</v>
      </c>
      <c r="DR30" s="113">
        <v>320351</v>
      </c>
      <c r="DS30" s="116">
        <v>320351</v>
      </c>
      <c r="DT30" s="110">
        <v>0</v>
      </c>
      <c r="DU30" s="114">
        <v>0</v>
      </c>
      <c r="DV30" s="113">
        <v>0</v>
      </c>
      <c r="DW30" s="110">
        <v>0</v>
      </c>
      <c r="DX30" s="114">
        <v>18128</v>
      </c>
      <c r="DY30" s="114">
        <v>0</v>
      </c>
      <c r="DZ30" s="114">
        <v>0</v>
      </c>
      <c r="EA30" s="114">
        <v>163423</v>
      </c>
      <c r="EB30" s="114">
        <v>0</v>
      </c>
      <c r="EC30" s="113">
        <v>181551</v>
      </c>
      <c r="ED30" s="116">
        <v>181551</v>
      </c>
      <c r="EE30" s="110">
        <v>0</v>
      </c>
      <c r="EF30" s="112">
        <v>0</v>
      </c>
      <c r="EG30" s="113">
        <v>0</v>
      </c>
      <c r="EH30" s="110">
        <v>0</v>
      </c>
      <c r="EI30" s="114">
        <v>0</v>
      </c>
      <c r="EJ30" s="114">
        <v>0</v>
      </c>
      <c r="EK30" s="114">
        <v>0</v>
      </c>
      <c r="EL30" s="114">
        <v>0</v>
      </c>
      <c r="EM30" s="114">
        <v>138800</v>
      </c>
      <c r="EN30" s="112">
        <v>138800</v>
      </c>
      <c r="EO30" s="116">
        <v>138800</v>
      </c>
      <c r="EP30" s="110">
        <v>0</v>
      </c>
      <c r="EQ30" s="114">
        <v>0</v>
      </c>
      <c r="ER30" s="112">
        <v>0</v>
      </c>
      <c r="ES30" s="111">
        <v>0</v>
      </c>
      <c r="ET30" s="114">
        <v>0</v>
      </c>
      <c r="EU30" s="114">
        <v>0</v>
      </c>
      <c r="EV30" s="114">
        <v>0</v>
      </c>
      <c r="EW30" s="114">
        <v>0</v>
      </c>
      <c r="EX30" s="114">
        <v>0</v>
      </c>
      <c r="EY30" s="113">
        <v>0</v>
      </c>
      <c r="EZ30" s="116">
        <v>0</v>
      </c>
      <c r="FA30" s="110">
        <v>0</v>
      </c>
      <c r="FB30" s="114">
        <v>0</v>
      </c>
      <c r="FC30" s="112">
        <v>0</v>
      </c>
      <c r="FD30" s="347"/>
      <c r="FE30" s="114">
        <v>0</v>
      </c>
      <c r="FF30" s="114">
        <v>0</v>
      </c>
      <c r="FG30" s="114">
        <v>0</v>
      </c>
      <c r="FH30" s="114">
        <v>0</v>
      </c>
      <c r="FI30" s="114">
        <v>0</v>
      </c>
      <c r="FJ30" s="113">
        <v>0</v>
      </c>
      <c r="FK30" s="116">
        <v>0</v>
      </c>
      <c r="FL30" s="110">
        <v>95664</v>
      </c>
      <c r="FM30" s="114">
        <v>54840</v>
      </c>
      <c r="FN30" s="113">
        <v>150504</v>
      </c>
      <c r="FO30" s="110">
        <v>0</v>
      </c>
      <c r="FP30" s="114">
        <v>14192</v>
      </c>
      <c r="FQ30" s="114">
        <v>117152</v>
      </c>
      <c r="FR30" s="114">
        <v>110976</v>
      </c>
      <c r="FS30" s="114">
        <v>186800</v>
      </c>
      <c r="FT30" s="114">
        <v>24464</v>
      </c>
      <c r="FU30" s="113">
        <v>453584</v>
      </c>
      <c r="FV30" s="116">
        <v>604088</v>
      </c>
      <c r="FW30" s="115">
        <v>5504</v>
      </c>
      <c r="FX30" s="114">
        <v>54840</v>
      </c>
      <c r="FY30" s="112">
        <v>60344</v>
      </c>
      <c r="FZ30" s="111">
        <v>0</v>
      </c>
      <c r="GA30" s="114">
        <v>14192</v>
      </c>
      <c r="GB30" s="114">
        <v>117152</v>
      </c>
      <c r="GC30" s="114">
        <v>110976</v>
      </c>
      <c r="GD30" s="114">
        <v>96400</v>
      </c>
      <c r="GE30" s="114">
        <v>24464</v>
      </c>
      <c r="GF30" s="113">
        <v>363184</v>
      </c>
      <c r="GG30" s="318">
        <v>423528</v>
      </c>
      <c r="GH30" s="115">
        <v>23760</v>
      </c>
      <c r="GI30" s="114">
        <v>0</v>
      </c>
      <c r="GJ30" s="112">
        <v>23760</v>
      </c>
      <c r="GK30" s="111">
        <v>0</v>
      </c>
      <c r="GL30" s="114">
        <v>0</v>
      </c>
      <c r="GM30" s="114">
        <v>0</v>
      </c>
      <c r="GN30" s="114">
        <v>0</v>
      </c>
      <c r="GO30" s="114">
        <v>0</v>
      </c>
      <c r="GP30" s="114">
        <v>0</v>
      </c>
      <c r="GQ30" s="113">
        <v>0</v>
      </c>
      <c r="GR30" s="116">
        <v>23760</v>
      </c>
      <c r="GS30" s="110">
        <v>66400</v>
      </c>
      <c r="GT30" s="114">
        <v>0</v>
      </c>
      <c r="GU30" s="113">
        <v>66400</v>
      </c>
      <c r="GV30" s="110">
        <v>0</v>
      </c>
      <c r="GW30" s="114">
        <v>0</v>
      </c>
      <c r="GX30" s="114">
        <v>0</v>
      </c>
      <c r="GY30" s="114">
        <v>0</v>
      </c>
      <c r="GZ30" s="114">
        <v>90400</v>
      </c>
      <c r="HA30" s="114">
        <v>0</v>
      </c>
      <c r="HB30" s="112">
        <v>90400</v>
      </c>
      <c r="HC30" s="116">
        <v>156800</v>
      </c>
      <c r="HD30" s="110">
        <v>0</v>
      </c>
      <c r="HE30" s="114">
        <v>91851</v>
      </c>
      <c r="HF30" s="112">
        <v>91851</v>
      </c>
      <c r="HG30" s="111">
        <v>0</v>
      </c>
      <c r="HH30" s="114">
        <v>462836</v>
      </c>
      <c r="HI30" s="114">
        <v>0</v>
      </c>
      <c r="HJ30" s="114">
        <v>195113</v>
      </c>
      <c r="HK30" s="114">
        <v>440177</v>
      </c>
      <c r="HL30" s="114">
        <v>233511</v>
      </c>
      <c r="HM30" s="113">
        <v>1331637</v>
      </c>
      <c r="HN30" s="109">
        <v>1423488</v>
      </c>
      <c r="HO30" s="328"/>
      <c r="HP30" s="329"/>
      <c r="HQ30" s="330"/>
      <c r="HR30" s="331"/>
      <c r="HS30" s="329"/>
      <c r="HT30" s="329"/>
      <c r="HU30" s="329"/>
      <c r="HV30" s="329"/>
      <c r="HW30" s="329"/>
      <c r="HX30" s="332"/>
      <c r="HY30" s="333"/>
      <c r="HZ30" s="150">
        <v>41280</v>
      </c>
      <c r="IA30" s="135">
        <v>0</v>
      </c>
      <c r="IB30" s="150">
        <v>41280</v>
      </c>
      <c r="IC30" s="134">
        <v>0</v>
      </c>
      <c r="ID30" s="135">
        <v>192126</v>
      </c>
      <c r="IE30" s="136">
        <v>48186</v>
      </c>
      <c r="IF30" s="137">
        <v>0</v>
      </c>
      <c r="IG30" s="135">
        <v>0</v>
      </c>
      <c r="IH30" s="137">
        <v>0</v>
      </c>
      <c r="II30" s="138">
        <v>240312</v>
      </c>
      <c r="IJ30" s="150">
        <v>281592</v>
      </c>
      <c r="IK30" s="232">
        <v>0</v>
      </c>
      <c r="IL30" s="236">
        <v>0</v>
      </c>
      <c r="IM30" s="237">
        <v>0</v>
      </c>
      <c r="IN30" s="140"/>
      <c r="IO30" s="119">
        <v>0</v>
      </c>
      <c r="IP30" s="119">
        <v>0</v>
      </c>
      <c r="IQ30" s="119">
        <v>0</v>
      </c>
      <c r="IR30" s="119">
        <v>0</v>
      </c>
      <c r="IS30" s="119">
        <v>0</v>
      </c>
      <c r="IT30" s="141">
        <v>0</v>
      </c>
      <c r="IU30" s="320">
        <v>0</v>
      </c>
      <c r="IV30" s="142">
        <v>0</v>
      </c>
      <c r="IW30" s="119">
        <v>0</v>
      </c>
      <c r="IX30" s="120">
        <v>0</v>
      </c>
      <c r="IY30" s="144"/>
      <c r="IZ30" s="119">
        <v>0</v>
      </c>
      <c r="JA30" s="119">
        <v>0</v>
      </c>
      <c r="JB30" s="119">
        <v>0</v>
      </c>
      <c r="JC30" s="119">
        <v>0</v>
      </c>
      <c r="JD30" s="119">
        <v>0</v>
      </c>
      <c r="JE30" s="120">
        <v>0</v>
      </c>
      <c r="JF30" s="121">
        <v>0</v>
      </c>
      <c r="JG30" s="142">
        <v>0</v>
      </c>
      <c r="JH30" s="119">
        <v>0</v>
      </c>
      <c r="JI30" s="141">
        <v>0</v>
      </c>
      <c r="JJ30" s="118">
        <v>0</v>
      </c>
      <c r="JK30" s="119">
        <v>192126</v>
      </c>
      <c r="JL30" s="119">
        <v>48186</v>
      </c>
      <c r="JM30" s="119">
        <v>0</v>
      </c>
      <c r="JN30" s="119">
        <v>0</v>
      </c>
      <c r="JO30" s="119">
        <v>0</v>
      </c>
      <c r="JP30" s="120">
        <v>240312</v>
      </c>
      <c r="JQ30" s="320">
        <v>240312</v>
      </c>
      <c r="JR30" s="142">
        <v>0</v>
      </c>
      <c r="JS30" s="119">
        <v>0</v>
      </c>
      <c r="JT30" s="141">
        <v>0</v>
      </c>
      <c r="JU30" s="118">
        <v>0</v>
      </c>
      <c r="JV30" s="119">
        <v>0</v>
      </c>
      <c r="JW30" s="119">
        <v>0</v>
      </c>
      <c r="JX30" s="119">
        <v>0</v>
      </c>
      <c r="JY30" s="119">
        <v>0</v>
      </c>
      <c r="JZ30" s="119">
        <v>0</v>
      </c>
      <c r="KA30" s="120">
        <v>0</v>
      </c>
      <c r="KB30" s="320">
        <v>0</v>
      </c>
      <c r="KC30" s="234">
        <v>41280</v>
      </c>
      <c r="KD30" s="230">
        <v>0</v>
      </c>
      <c r="KE30" s="120">
        <v>41280</v>
      </c>
      <c r="KF30" s="118">
        <v>0</v>
      </c>
      <c r="KG30" s="119">
        <v>0</v>
      </c>
      <c r="KH30" s="119">
        <v>0</v>
      </c>
      <c r="KI30" s="119">
        <v>0</v>
      </c>
      <c r="KJ30" s="119">
        <v>0</v>
      </c>
      <c r="KK30" s="119">
        <v>0</v>
      </c>
      <c r="KL30" s="120">
        <v>0</v>
      </c>
      <c r="KM30" s="143">
        <v>41280</v>
      </c>
      <c r="KN30" s="232">
        <v>0</v>
      </c>
      <c r="KO30" s="236">
        <v>0</v>
      </c>
      <c r="KP30" s="237">
        <v>0</v>
      </c>
      <c r="KQ30" s="140"/>
      <c r="KR30" s="119">
        <v>0</v>
      </c>
      <c r="KS30" s="119">
        <v>0</v>
      </c>
      <c r="KT30" s="119">
        <v>0</v>
      </c>
      <c r="KU30" s="119">
        <v>0</v>
      </c>
      <c r="KV30" s="119">
        <v>0</v>
      </c>
      <c r="KW30" s="120">
        <v>0</v>
      </c>
      <c r="KX30" s="320">
        <v>0</v>
      </c>
      <c r="KY30" s="142">
        <v>0</v>
      </c>
      <c r="KZ30" s="119">
        <v>0</v>
      </c>
      <c r="LA30" s="120">
        <v>0</v>
      </c>
      <c r="LB30" s="145"/>
      <c r="LC30" s="119">
        <v>0</v>
      </c>
      <c r="LD30" s="119">
        <v>0</v>
      </c>
      <c r="LE30" s="119">
        <v>0</v>
      </c>
      <c r="LF30" s="119">
        <v>0</v>
      </c>
      <c r="LG30" s="119">
        <v>0</v>
      </c>
      <c r="LH30" s="120">
        <v>0</v>
      </c>
      <c r="LI30" s="121">
        <v>0</v>
      </c>
      <c r="LJ30" s="142">
        <v>0</v>
      </c>
      <c r="LK30" s="119">
        <v>0</v>
      </c>
      <c r="LL30" s="120">
        <v>0</v>
      </c>
      <c r="LM30" s="145"/>
      <c r="LN30" s="119">
        <v>0</v>
      </c>
      <c r="LO30" s="119">
        <v>0</v>
      </c>
      <c r="LP30" s="119">
        <v>0</v>
      </c>
      <c r="LQ30" s="119">
        <v>0</v>
      </c>
      <c r="LR30" s="119">
        <v>0</v>
      </c>
      <c r="LS30" s="120">
        <v>0</v>
      </c>
      <c r="LT30" s="320">
        <v>0</v>
      </c>
      <c r="LU30" s="142">
        <v>0</v>
      </c>
      <c r="LV30" s="119">
        <v>0</v>
      </c>
      <c r="LW30" s="120">
        <v>0</v>
      </c>
      <c r="LX30" s="145"/>
      <c r="LY30" s="119">
        <v>0</v>
      </c>
      <c r="LZ30" s="119">
        <v>0</v>
      </c>
      <c r="MA30" s="119">
        <v>0</v>
      </c>
      <c r="MB30" s="119">
        <v>0</v>
      </c>
      <c r="MC30" s="119">
        <v>0</v>
      </c>
      <c r="MD30" s="120">
        <v>0</v>
      </c>
      <c r="ME30" s="121">
        <v>0</v>
      </c>
      <c r="MF30" s="142">
        <v>0</v>
      </c>
      <c r="MG30" s="119">
        <v>0</v>
      </c>
      <c r="MH30" s="120">
        <v>0</v>
      </c>
      <c r="MI30" s="145"/>
      <c r="MJ30" s="119">
        <v>270470</v>
      </c>
      <c r="MK30" s="119">
        <v>208531</v>
      </c>
      <c r="ML30" s="119">
        <v>1216419</v>
      </c>
      <c r="MM30" s="119">
        <v>859269</v>
      </c>
      <c r="MN30" s="119">
        <v>1203884</v>
      </c>
      <c r="MO30" s="120">
        <v>3758573</v>
      </c>
      <c r="MP30" s="143">
        <v>3758573</v>
      </c>
      <c r="MQ30" s="142">
        <v>0</v>
      </c>
      <c r="MR30" s="119">
        <v>0</v>
      </c>
      <c r="MS30" s="120">
        <v>0</v>
      </c>
      <c r="MT30" s="145"/>
      <c r="MU30" s="119">
        <v>0</v>
      </c>
      <c r="MV30" s="119">
        <v>208531</v>
      </c>
      <c r="MW30" s="119">
        <v>1216419</v>
      </c>
      <c r="MX30" s="119">
        <v>520742</v>
      </c>
      <c r="MY30" s="119">
        <v>265429</v>
      </c>
      <c r="MZ30" s="120">
        <v>2211121</v>
      </c>
      <c r="NA30" s="143">
        <v>2211121</v>
      </c>
      <c r="NB30" s="142">
        <v>0</v>
      </c>
      <c r="NC30" s="119">
        <v>0</v>
      </c>
      <c r="ND30" s="120">
        <v>0</v>
      </c>
      <c r="NE30" s="145"/>
      <c r="NF30" s="119">
        <v>270470</v>
      </c>
      <c r="NG30" s="119">
        <v>0</v>
      </c>
      <c r="NH30" s="119">
        <v>0</v>
      </c>
      <c r="NI30" s="119">
        <v>338527</v>
      </c>
      <c r="NJ30" s="119">
        <v>938455</v>
      </c>
      <c r="NK30" s="120">
        <v>1547452</v>
      </c>
      <c r="NL30" s="320">
        <v>1547452</v>
      </c>
      <c r="NM30" s="142">
        <v>0</v>
      </c>
      <c r="NN30" s="119">
        <v>0</v>
      </c>
      <c r="NO30" s="120">
        <v>0</v>
      </c>
      <c r="NP30" s="145"/>
      <c r="NQ30" s="119">
        <v>0</v>
      </c>
      <c r="NR30" s="119">
        <v>0</v>
      </c>
      <c r="NS30" s="119">
        <v>0</v>
      </c>
      <c r="NT30" s="119">
        <v>0</v>
      </c>
      <c r="NU30" s="119">
        <v>0</v>
      </c>
      <c r="NV30" s="120">
        <v>0</v>
      </c>
      <c r="NW30" s="121">
        <v>0</v>
      </c>
      <c r="NX30" s="142">
        <v>0</v>
      </c>
      <c r="NY30" s="119">
        <v>0</v>
      </c>
      <c r="NZ30" s="120">
        <v>0</v>
      </c>
      <c r="OA30" s="145"/>
      <c r="OB30" s="119">
        <v>0</v>
      </c>
      <c r="OC30" s="119">
        <v>0</v>
      </c>
      <c r="OD30" s="119">
        <v>0</v>
      </c>
      <c r="OE30" s="119">
        <v>0</v>
      </c>
      <c r="OF30" s="119">
        <v>0</v>
      </c>
      <c r="OG30" s="120">
        <v>0</v>
      </c>
      <c r="OH30" s="121">
        <v>0</v>
      </c>
      <c r="OI30" s="142">
        <v>239453</v>
      </c>
      <c r="OJ30" s="119">
        <v>283061</v>
      </c>
      <c r="OK30" s="141">
        <v>522514</v>
      </c>
      <c r="OL30" s="118">
        <v>0</v>
      </c>
      <c r="OM30" s="119">
        <v>1816736</v>
      </c>
      <c r="ON30" s="119">
        <v>1022655</v>
      </c>
      <c r="OO30" s="119">
        <v>2455864</v>
      </c>
      <c r="OP30" s="119">
        <v>2278759</v>
      </c>
      <c r="OQ30" s="119">
        <v>1753538</v>
      </c>
      <c r="OR30" s="120">
        <v>9327552</v>
      </c>
      <c r="OS30" s="143">
        <v>9850066</v>
      </c>
    </row>
    <row r="31" spans="2:409" ht="21" customHeight="1" x14ac:dyDescent="0.2">
      <c r="B31" s="126" t="s">
        <v>26</v>
      </c>
      <c r="C31" s="110">
        <v>109822</v>
      </c>
      <c r="D31" s="114">
        <v>16224</v>
      </c>
      <c r="E31" s="113">
        <v>126046</v>
      </c>
      <c r="F31" s="109">
        <v>0</v>
      </c>
      <c r="G31" s="114">
        <v>1181216</v>
      </c>
      <c r="H31" s="114">
        <v>2241505</v>
      </c>
      <c r="I31" s="114">
        <v>1730206</v>
      </c>
      <c r="J31" s="114">
        <v>402523</v>
      </c>
      <c r="K31" s="114">
        <v>680766</v>
      </c>
      <c r="L31" s="173">
        <v>6236216</v>
      </c>
      <c r="M31" s="116">
        <v>6362262</v>
      </c>
      <c r="N31" s="110">
        <v>0</v>
      </c>
      <c r="O31" s="114">
        <v>0</v>
      </c>
      <c r="P31" s="113">
        <v>0</v>
      </c>
      <c r="Q31" s="110">
        <v>0</v>
      </c>
      <c r="R31" s="114">
        <v>342381</v>
      </c>
      <c r="S31" s="114">
        <v>571000</v>
      </c>
      <c r="T31" s="114">
        <v>909656</v>
      </c>
      <c r="U31" s="114">
        <v>217650</v>
      </c>
      <c r="V31" s="114">
        <v>210168</v>
      </c>
      <c r="W31" s="113">
        <v>2250855</v>
      </c>
      <c r="X31" s="116">
        <v>2250855</v>
      </c>
      <c r="Y31" s="110">
        <v>0</v>
      </c>
      <c r="Z31" s="114">
        <v>0</v>
      </c>
      <c r="AA31" s="113">
        <v>0</v>
      </c>
      <c r="AB31" s="110">
        <v>0</v>
      </c>
      <c r="AC31" s="114">
        <v>217752</v>
      </c>
      <c r="AD31" s="114">
        <v>362327</v>
      </c>
      <c r="AE31" s="114">
        <v>664786</v>
      </c>
      <c r="AF31" s="114">
        <v>38120</v>
      </c>
      <c r="AG31" s="114">
        <v>0</v>
      </c>
      <c r="AH31" s="113">
        <v>1282985</v>
      </c>
      <c r="AI31" s="116">
        <v>1282985</v>
      </c>
      <c r="AJ31" s="110">
        <v>0</v>
      </c>
      <c r="AK31" s="114">
        <v>0</v>
      </c>
      <c r="AL31" s="113">
        <v>0</v>
      </c>
      <c r="AM31" s="110">
        <v>0</v>
      </c>
      <c r="AN31" s="114">
        <v>0</v>
      </c>
      <c r="AO31" s="114">
        <v>0</v>
      </c>
      <c r="AP31" s="114">
        <v>23608</v>
      </c>
      <c r="AQ31" s="114">
        <v>105228</v>
      </c>
      <c r="AR31" s="114">
        <v>70140</v>
      </c>
      <c r="AS31" s="113">
        <v>198976</v>
      </c>
      <c r="AT31" s="116">
        <v>198976</v>
      </c>
      <c r="AU31" s="110">
        <v>0</v>
      </c>
      <c r="AV31" s="114">
        <v>0</v>
      </c>
      <c r="AW31" s="113">
        <v>0</v>
      </c>
      <c r="AX31" s="110">
        <v>0</v>
      </c>
      <c r="AY31" s="114">
        <v>93061</v>
      </c>
      <c r="AZ31" s="114">
        <v>125857</v>
      </c>
      <c r="BA31" s="114">
        <v>101222</v>
      </c>
      <c r="BB31" s="114">
        <v>63678</v>
      </c>
      <c r="BC31" s="114">
        <v>128740</v>
      </c>
      <c r="BD31" s="113">
        <v>512558</v>
      </c>
      <c r="BE31" s="116">
        <v>512558</v>
      </c>
      <c r="BF31" s="110">
        <v>0</v>
      </c>
      <c r="BG31" s="114">
        <v>0</v>
      </c>
      <c r="BH31" s="112">
        <v>0</v>
      </c>
      <c r="BI31" s="111">
        <v>0</v>
      </c>
      <c r="BJ31" s="114">
        <v>0</v>
      </c>
      <c r="BK31" s="114">
        <v>0</v>
      </c>
      <c r="BL31" s="114">
        <v>44208</v>
      </c>
      <c r="BM31" s="114">
        <v>0</v>
      </c>
      <c r="BN31" s="114">
        <v>0</v>
      </c>
      <c r="BO31" s="113">
        <v>44208</v>
      </c>
      <c r="BP31" s="116">
        <v>44208</v>
      </c>
      <c r="BQ31" s="110">
        <v>0</v>
      </c>
      <c r="BR31" s="114">
        <v>0</v>
      </c>
      <c r="BS31" s="113">
        <v>0</v>
      </c>
      <c r="BT31" s="110">
        <v>0</v>
      </c>
      <c r="BU31" s="114">
        <v>31568</v>
      </c>
      <c r="BV31" s="114">
        <v>82816</v>
      </c>
      <c r="BW31" s="114">
        <v>75832</v>
      </c>
      <c r="BX31" s="114">
        <v>10624</v>
      </c>
      <c r="BY31" s="114">
        <v>11288</v>
      </c>
      <c r="BZ31" s="113">
        <v>212128</v>
      </c>
      <c r="CA31" s="116">
        <v>212128</v>
      </c>
      <c r="CB31" s="110">
        <v>20742</v>
      </c>
      <c r="CC31" s="114">
        <v>0</v>
      </c>
      <c r="CD31" s="113">
        <v>20742</v>
      </c>
      <c r="CE31" s="110">
        <v>0</v>
      </c>
      <c r="CF31" s="114">
        <v>396491</v>
      </c>
      <c r="CG31" s="114">
        <v>848735</v>
      </c>
      <c r="CH31" s="114">
        <v>598206</v>
      </c>
      <c r="CI31" s="114">
        <v>10776</v>
      </c>
      <c r="CJ31" s="114">
        <v>327861</v>
      </c>
      <c r="CK31" s="113">
        <v>2182069</v>
      </c>
      <c r="CL31" s="116">
        <v>2202811</v>
      </c>
      <c r="CM31" s="110">
        <v>0</v>
      </c>
      <c r="CN31" s="114">
        <v>0</v>
      </c>
      <c r="CO31" s="113">
        <v>0</v>
      </c>
      <c r="CP31" s="111">
        <v>0</v>
      </c>
      <c r="CQ31" s="114">
        <v>334826</v>
      </c>
      <c r="CR31" s="114">
        <v>609326</v>
      </c>
      <c r="CS31" s="114">
        <v>365024</v>
      </c>
      <c r="CT31" s="114">
        <v>0</v>
      </c>
      <c r="CU31" s="114">
        <v>327861</v>
      </c>
      <c r="CV31" s="113">
        <v>1637037</v>
      </c>
      <c r="CW31" s="116">
        <v>1637037</v>
      </c>
      <c r="CX31" s="110">
        <v>20742</v>
      </c>
      <c r="CY31" s="114">
        <v>0</v>
      </c>
      <c r="CZ31" s="113">
        <v>20742</v>
      </c>
      <c r="DA31" s="110">
        <v>0</v>
      </c>
      <c r="DB31" s="114">
        <v>61665</v>
      </c>
      <c r="DC31" s="114">
        <v>239409</v>
      </c>
      <c r="DD31" s="114">
        <v>233182</v>
      </c>
      <c r="DE31" s="114">
        <v>10776</v>
      </c>
      <c r="DF31" s="114">
        <v>0</v>
      </c>
      <c r="DG31" s="113">
        <v>545032</v>
      </c>
      <c r="DH31" s="116">
        <v>565774</v>
      </c>
      <c r="DI31" s="110">
        <v>0</v>
      </c>
      <c r="DJ31" s="114">
        <v>0</v>
      </c>
      <c r="DK31" s="112">
        <v>0</v>
      </c>
      <c r="DL31" s="111">
        <v>0</v>
      </c>
      <c r="DM31" s="114">
        <v>50116</v>
      </c>
      <c r="DN31" s="114">
        <v>296433</v>
      </c>
      <c r="DO31" s="114">
        <v>35296</v>
      </c>
      <c r="DP31" s="114">
        <v>128177</v>
      </c>
      <c r="DQ31" s="114">
        <v>80753</v>
      </c>
      <c r="DR31" s="113">
        <v>590775</v>
      </c>
      <c r="DS31" s="116">
        <v>590775</v>
      </c>
      <c r="DT31" s="110">
        <v>0</v>
      </c>
      <c r="DU31" s="114">
        <v>0</v>
      </c>
      <c r="DV31" s="113">
        <v>0</v>
      </c>
      <c r="DW31" s="110">
        <v>0</v>
      </c>
      <c r="DX31" s="114">
        <v>50116</v>
      </c>
      <c r="DY31" s="114">
        <v>274390</v>
      </c>
      <c r="DZ31" s="114">
        <v>17246</v>
      </c>
      <c r="EA31" s="114">
        <v>0</v>
      </c>
      <c r="EB31" s="114">
        <v>80753</v>
      </c>
      <c r="EC31" s="113">
        <v>422505</v>
      </c>
      <c r="ED31" s="116">
        <v>422505</v>
      </c>
      <c r="EE31" s="110">
        <v>0</v>
      </c>
      <c r="EF31" s="112">
        <v>0</v>
      </c>
      <c r="EG31" s="113">
        <v>0</v>
      </c>
      <c r="EH31" s="110">
        <v>0</v>
      </c>
      <c r="EI31" s="114">
        <v>0</v>
      </c>
      <c r="EJ31" s="114">
        <v>22043</v>
      </c>
      <c r="EK31" s="114">
        <v>18050</v>
      </c>
      <c r="EL31" s="114">
        <v>128177</v>
      </c>
      <c r="EM31" s="114">
        <v>0</v>
      </c>
      <c r="EN31" s="112">
        <v>168270</v>
      </c>
      <c r="EO31" s="116">
        <v>168270</v>
      </c>
      <c r="EP31" s="110">
        <v>0</v>
      </c>
      <c r="EQ31" s="114">
        <v>0</v>
      </c>
      <c r="ER31" s="112">
        <v>0</v>
      </c>
      <c r="ES31" s="111">
        <v>0</v>
      </c>
      <c r="ET31" s="114">
        <v>0</v>
      </c>
      <c r="EU31" s="114">
        <v>0</v>
      </c>
      <c r="EV31" s="114">
        <v>0</v>
      </c>
      <c r="EW31" s="114">
        <v>0</v>
      </c>
      <c r="EX31" s="114">
        <v>0</v>
      </c>
      <c r="EY31" s="113">
        <v>0</v>
      </c>
      <c r="EZ31" s="116">
        <v>0</v>
      </c>
      <c r="FA31" s="110">
        <v>0</v>
      </c>
      <c r="FB31" s="114">
        <v>0</v>
      </c>
      <c r="FC31" s="112">
        <v>0</v>
      </c>
      <c r="FD31" s="347"/>
      <c r="FE31" s="114">
        <v>0</v>
      </c>
      <c r="FF31" s="114">
        <v>0</v>
      </c>
      <c r="FG31" s="114">
        <v>0</v>
      </c>
      <c r="FH31" s="114">
        <v>0</v>
      </c>
      <c r="FI31" s="114">
        <v>0</v>
      </c>
      <c r="FJ31" s="113">
        <v>0</v>
      </c>
      <c r="FK31" s="116">
        <v>0</v>
      </c>
      <c r="FL31" s="110">
        <v>89080</v>
      </c>
      <c r="FM31" s="114">
        <v>16224</v>
      </c>
      <c r="FN31" s="113">
        <v>105304</v>
      </c>
      <c r="FO31" s="110">
        <v>0</v>
      </c>
      <c r="FP31" s="114">
        <v>70960</v>
      </c>
      <c r="FQ31" s="114">
        <v>172712</v>
      </c>
      <c r="FR31" s="114">
        <v>187048</v>
      </c>
      <c r="FS31" s="114">
        <v>45920</v>
      </c>
      <c r="FT31" s="114">
        <v>61984</v>
      </c>
      <c r="FU31" s="113">
        <v>538624</v>
      </c>
      <c r="FV31" s="116">
        <v>643928</v>
      </c>
      <c r="FW31" s="115">
        <v>9080</v>
      </c>
      <c r="FX31" s="114">
        <v>16224</v>
      </c>
      <c r="FY31" s="112">
        <v>25304</v>
      </c>
      <c r="FZ31" s="111">
        <v>0</v>
      </c>
      <c r="GA31" s="114">
        <v>70960</v>
      </c>
      <c r="GB31" s="114">
        <v>149112</v>
      </c>
      <c r="GC31" s="114">
        <v>187048</v>
      </c>
      <c r="GD31" s="114">
        <v>45920</v>
      </c>
      <c r="GE31" s="114">
        <v>61984</v>
      </c>
      <c r="GF31" s="113">
        <v>515024</v>
      </c>
      <c r="GG31" s="318">
        <v>540328</v>
      </c>
      <c r="GH31" s="115">
        <v>80000</v>
      </c>
      <c r="GI31" s="114">
        <v>0</v>
      </c>
      <c r="GJ31" s="112">
        <v>80000</v>
      </c>
      <c r="GK31" s="111">
        <v>0</v>
      </c>
      <c r="GL31" s="114">
        <v>0</v>
      </c>
      <c r="GM31" s="114">
        <v>0</v>
      </c>
      <c r="GN31" s="114">
        <v>0</v>
      </c>
      <c r="GO31" s="114">
        <v>0</v>
      </c>
      <c r="GP31" s="114">
        <v>0</v>
      </c>
      <c r="GQ31" s="113">
        <v>0</v>
      </c>
      <c r="GR31" s="116">
        <v>80000</v>
      </c>
      <c r="GS31" s="110">
        <v>0</v>
      </c>
      <c r="GT31" s="114">
        <v>0</v>
      </c>
      <c r="GU31" s="113">
        <v>0</v>
      </c>
      <c r="GV31" s="110">
        <v>0</v>
      </c>
      <c r="GW31" s="114">
        <v>0</v>
      </c>
      <c r="GX31" s="114">
        <v>23600</v>
      </c>
      <c r="GY31" s="114">
        <v>0</v>
      </c>
      <c r="GZ31" s="114">
        <v>0</v>
      </c>
      <c r="HA31" s="114">
        <v>0</v>
      </c>
      <c r="HB31" s="112">
        <v>23600</v>
      </c>
      <c r="HC31" s="116">
        <v>23600</v>
      </c>
      <c r="HD31" s="110">
        <v>0</v>
      </c>
      <c r="HE31" s="114">
        <v>0</v>
      </c>
      <c r="HF31" s="112">
        <v>0</v>
      </c>
      <c r="HG31" s="111">
        <v>0</v>
      </c>
      <c r="HH31" s="114">
        <v>321268</v>
      </c>
      <c r="HI31" s="114">
        <v>352625</v>
      </c>
      <c r="HJ31" s="114">
        <v>0</v>
      </c>
      <c r="HK31" s="114">
        <v>0</v>
      </c>
      <c r="HL31" s="114">
        <v>0</v>
      </c>
      <c r="HM31" s="113">
        <v>673893</v>
      </c>
      <c r="HN31" s="109">
        <v>673893</v>
      </c>
      <c r="HO31" s="328"/>
      <c r="HP31" s="329"/>
      <c r="HQ31" s="330"/>
      <c r="HR31" s="331"/>
      <c r="HS31" s="329"/>
      <c r="HT31" s="329"/>
      <c r="HU31" s="329"/>
      <c r="HV31" s="329"/>
      <c r="HW31" s="329"/>
      <c r="HX31" s="332"/>
      <c r="HY31" s="333"/>
      <c r="HZ31" s="131">
        <v>0</v>
      </c>
      <c r="IA31" s="132">
        <v>0</v>
      </c>
      <c r="IB31" s="133">
        <v>0</v>
      </c>
      <c r="IC31" s="146">
        <v>0</v>
      </c>
      <c r="ID31" s="132">
        <v>129154</v>
      </c>
      <c r="IE31" s="147">
        <v>283433</v>
      </c>
      <c r="IF31" s="133">
        <v>288684</v>
      </c>
      <c r="IG31" s="132">
        <v>255566</v>
      </c>
      <c r="IH31" s="133">
        <v>0</v>
      </c>
      <c r="II31" s="148">
        <v>956837</v>
      </c>
      <c r="IJ31" s="139">
        <v>956837</v>
      </c>
      <c r="IK31" s="232">
        <v>0</v>
      </c>
      <c r="IL31" s="236">
        <v>0</v>
      </c>
      <c r="IM31" s="237">
        <v>0</v>
      </c>
      <c r="IN31" s="140"/>
      <c r="IO31" s="119">
        <v>0</v>
      </c>
      <c r="IP31" s="119">
        <v>0</v>
      </c>
      <c r="IQ31" s="119">
        <v>0</v>
      </c>
      <c r="IR31" s="119">
        <v>0</v>
      </c>
      <c r="IS31" s="119">
        <v>0</v>
      </c>
      <c r="IT31" s="141">
        <v>0</v>
      </c>
      <c r="IU31" s="320">
        <v>0</v>
      </c>
      <c r="IV31" s="142">
        <v>0</v>
      </c>
      <c r="IW31" s="119">
        <v>0</v>
      </c>
      <c r="IX31" s="120">
        <v>0</v>
      </c>
      <c r="IY31" s="144"/>
      <c r="IZ31" s="119">
        <v>0</v>
      </c>
      <c r="JA31" s="119">
        <v>0</v>
      </c>
      <c r="JB31" s="119">
        <v>0</v>
      </c>
      <c r="JC31" s="119">
        <v>0</v>
      </c>
      <c r="JD31" s="119">
        <v>0</v>
      </c>
      <c r="JE31" s="120">
        <v>0</v>
      </c>
      <c r="JF31" s="121">
        <v>0</v>
      </c>
      <c r="JG31" s="142">
        <v>0</v>
      </c>
      <c r="JH31" s="119">
        <v>0</v>
      </c>
      <c r="JI31" s="141">
        <v>0</v>
      </c>
      <c r="JJ31" s="118">
        <v>0</v>
      </c>
      <c r="JK31" s="119">
        <v>129154</v>
      </c>
      <c r="JL31" s="119">
        <v>156061</v>
      </c>
      <c r="JM31" s="119">
        <v>31130</v>
      </c>
      <c r="JN31" s="119">
        <v>0</v>
      </c>
      <c r="JO31" s="119">
        <v>0</v>
      </c>
      <c r="JP31" s="120">
        <v>316345</v>
      </c>
      <c r="JQ31" s="320">
        <v>316345</v>
      </c>
      <c r="JR31" s="142">
        <v>0</v>
      </c>
      <c r="JS31" s="119">
        <v>0</v>
      </c>
      <c r="JT31" s="141">
        <v>0</v>
      </c>
      <c r="JU31" s="118">
        <v>0</v>
      </c>
      <c r="JV31" s="119">
        <v>0</v>
      </c>
      <c r="JW31" s="119">
        <v>127372</v>
      </c>
      <c r="JX31" s="119">
        <v>0</v>
      </c>
      <c r="JY31" s="119">
        <v>0</v>
      </c>
      <c r="JZ31" s="119">
        <v>0</v>
      </c>
      <c r="KA31" s="120">
        <v>127372</v>
      </c>
      <c r="KB31" s="320">
        <v>127372</v>
      </c>
      <c r="KC31" s="234">
        <v>0</v>
      </c>
      <c r="KD31" s="230">
        <v>0</v>
      </c>
      <c r="KE31" s="120">
        <v>0</v>
      </c>
      <c r="KF31" s="118">
        <v>0</v>
      </c>
      <c r="KG31" s="119">
        <v>0</v>
      </c>
      <c r="KH31" s="119">
        <v>0</v>
      </c>
      <c r="KI31" s="119">
        <v>0</v>
      </c>
      <c r="KJ31" s="119">
        <v>0</v>
      </c>
      <c r="KK31" s="119">
        <v>0</v>
      </c>
      <c r="KL31" s="120">
        <v>0</v>
      </c>
      <c r="KM31" s="143">
        <v>0</v>
      </c>
      <c r="KN31" s="232">
        <v>0</v>
      </c>
      <c r="KO31" s="236">
        <v>0</v>
      </c>
      <c r="KP31" s="237">
        <v>0</v>
      </c>
      <c r="KQ31" s="140"/>
      <c r="KR31" s="119">
        <v>0</v>
      </c>
      <c r="KS31" s="119">
        <v>0</v>
      </c>
      <c r="KT31" s="119">
        <v>257554</v>
      </c>
      <c r="KU31" s="119">
        <v>255566</v>
      </c>
      <c r="KV31" s="119">
        <v>0</v>
      </c>
      <c r="KW31" s="120">
        <v>513120</v>
      </c>
      <c r="KX31" s="320">
        <v>513120</v>
      </c>
      <c r="KY31" s="142">
        <v>0</v>
      </c>
      <c r="KZ31" s="119">
        <v>0</v>
      </c>
      <c r="LA31" s="120">
        <v>0</v>
      </c>
      <c r="LB31" s="145"/>
      <c r="LC31" s="119">
        <v>0</v>
      </c>
      <c r="LD31" s="119">
        <v>0</v>
      </c>
      <c r="LE31" s="119">
        <v>0</v>
      </c>
      <c r="LF31" s="119">
        <v>0</v>
      </c>
      <c r="LG31" s="119">
        <v>0</v>
      </c>
      <c r="LH31" s="120">
        <v>0</v>
      </c>
      <c r="LI31" s="121">
        <v>0</v>
      </c>
      <c r="LJ31" s="142">
        <v>0</v>
      </c>
      <c r="LK31" s="119">
        <v>0</v>
      </c>
      <c r="LL31" s="120">
        <v>0</v>
      </c>
      <c r="LM31" s="145"/>
      <c r="LN31" s="119">
        <v>0</v>
      </c>
      <c r="LO31" s="119">
        <v>0</v>
      </c>
      <c r="LP31" s="119">
        <v>0</v>
      </c>
      <c r="LQ31" s="119">
        <v>0</v>
      </c>
      <c r="LR31" s="119">
        <v>0</v>
      </c>
      <c r="LS31" s="120">
        <v>0</v>
      </c>
      <c r="LT31" s="320">
        <v>0</v>
      </c>
      <c r="LU31" s="142">
        <v>0</v>
      </c>
      <c r="LV31" s="119">
        <v>0</v>
      </c>
      <c r="LW31" s="120">
        <v>0</v>
      </c>
      <c r="LX31" s="145"/>
      <c r="LY31" s="119">
        <v>0</v>
      </c>
      <c r="LZ31" s="119">
        <v>0</v>
      </c>
      <c r="MA31" s="119">
        <v>0</v>
      </c>
      <c r="MB31" s="119">
        <v>0</v>
      </c>
      <c r="MC31" s="119">
        <v>0</v>
      </c>
      <c r="MD31" s="120">
        <v>0</v>
      </c>
      <c r="ME31" s="121">
        <v>0</v>
      </c>
      <c r="MF31" s="142">
        <v>0</v>
      </c>
      <c r="MG31" s="119">
        <v>0</v>
      </c>
      <c r="MH31" s="120">
        <v>0</v>
      </c>
      <c r="MI31" s="145"/>
      <c r="MJ31" s="119">
        <v>0</v>
      </c>
      <c r="MK31" s="119">
        <v>229496</v>
      </c>
      <c r="ML31" s="119">
        <v>502764</v>
      </c>
      <c r="MM31" s="119">
        <v>1693776</v>
      </c>
      <c r="MN31" s="119">
        <v>180521</v>
      </c>
      <c r="MO31" s="120">
        <v>2606557</v>
      </c>
      <c r="MP31" s="143">
        <v>2606557</v>
      </c>
      <c r="MQ31" s="142">
        <v>0</v>
      </c>
      <c r="MR31" s="119">
        <v>0</v>
      </c>
      <c r="MS31" s="120">
        <v>0</v>
      </c>
      <c r="MT31" s="145"/>
      <c r="MU31" s="119">
        <v>0</v>
      </c>
      <c r="MV31" s="119">
        <v>0</v>
      </c>
      <c r="MW31" s="119">
        <v>237816</v>
      </c>
      <c r="MX31" s="119">
        <v>812388</v>
      </c>
      <c r="MY31" s="119">
        <v>0</v>
      </c>
      <c r="MZ31" s="120">
        <v>1050204</v>
      </c>
      <c r="NA31" s="143">
        <v>1050204</v>
      </c>
      <c r="NB31" s="142">
        <v>0</v>
      </c>
      <c r="NC31" s="119">
        <v>0</v>
      </c>
      <c r="ND31" s="120">
        <v>0</v>
      </c>
      <c r="NE31" s="145"/>
      <c r="NF31" s="119">
        <v>0</v>
      </c>
      <c r="NG31" s="119">
        <v>229496</v>
      </c>
      <c r="NH31" s="119">
        <v>264948</v>
      </c>
      <c r="NI31" s="119">
        <v>881388</v>
      </c>
      <c r="NJ31" s="119">
        <v>180521</v>
      </c>
      <c r="NK31" s="120">
        <v>1556353</v>
      </c>
      <c r="NL31" s="320">
        <v>1556353</v>
      </c>
      <c r="NM31" s="142">
        <v>0</v>
      </c>
      <c r="NN31" s="119">
        <v>0</v>
      </c>
      <c r="NO31" s="120">
        <v>0</v>
      </c>
      <c r="NP31" s="145"/>
      <c r="NQ31" s="119">
        <v>0</v>
      </c>
      <c r="NR31" s="119">
        <v>0</v>
      </c>
      <c r="NS31" s="119">
        <v>0</v>
      </c>
      <c r="NT31" s="119">
        <v>0</v>
      </c>
      <c r="NU31" s="119">
        <v>0</v>
      </c>
      <c r="NV31" s="120">
        <v>0</v>
      </c>
      <c r="NW31" s="121">
        <v>0</v>
      </c>
      <c r="NX31" s="142">
        <v>0</v>
      </c>
      <c r="NY31" s="119">
        <v>0</v>
      </c>
      <c r="NZ31" s="120">
        <v>0</v>
      </c>
      <c r="OA31" s="145"/>
      <c r="OB31" s="119">
        <v>0</v>
      </c>
      <c r="OC31" s="119">
        <v>0</v>
      </c>
      <c r="OD31" s="119">
        <v>0</v>
      </c>
      <c r="OE31" s="119">
        <v>0</v>
      </c>
      <c r="OF31" s="119">
        <v>0</v>
      </c>
      <c r="OG31" s="120">
        <v>0</v>
      </c>
      <c r="OH31" s="121">
        <v>0</v>
      </c>
      <c r="OI31" s="142">
        <v>109822</v>
      </c>
      <c r="OJ31" s="119">
        <v>16224</v>
      </c>
      <c r="OK31" s="141">
        <v>126046</v>
      </c>
      <c r="OL31" s="118">
        <v>0</v>
      </c>
      <c r="OM31" s="119">
        <v>1310370</v>
      </c>
      <c r="ON31" s="119">
        <v>2754434</v>
      </c>
      <c r="OO31" s="119">
        <v>2521654</v>
      </c>
      <c r="OP31" s="119">
        <v>2351865</v>
      </c>
      <c r="OQ31" s="119">
        <v>861287</v>
      </c>
      <c r="OR31" s="120">
        <v>9799610</v>
      </c>
      <c r="OS31" s="143">
        <v>9925656</v>
      </c>
    </row>
    <row r="32" spans="2:409" ht="21" customHeight="1" x14ac:dyDescent="0.2">
      <c r="B32" s="126" t="s">
        <v>27</v>
      </c>
      <c r="C32" s="110">
        <v>81556</v>
      </c>
      <c r="D32" s="114">
        <v>312026</v>
      </c>
      <c r="E32" s="113">
        <v>393582</v>
      </c>
      <c r="F32" s="109">
        <v>0</v>
      </c>
      <c r="G32" s="114">
        <v>958591</v>
      </c>
      <c r="H32" s="114">
        <v>1677643</v>
      </c>
      <c r="I32" s="114">
        <v>1626114</v>
      </c>
      <c r="J32" s="114">
        <v>1609940</v>
      </c>
      <c r="K32" s="114">
        <v>941623</v>
      </c>
      <c r="L32" s="173">
        <v>6813911</v>
      </c>
      <c r="M32" s="116">
        <v>7207493</v>
      </c>
      <c r="N32" s="110">
        <v>26347</v>
      </c>
      <c r="O32" s="114">
        <v>103457</v>
      </c>
      <c r="P32" s="113">
        <v>129804</v>
      </c>
      <c r="Q32" s="110">
        <v>0</v>
      </c>
      <c r="R32" s="114">
        <v>169983</v>
      </c>
      <c r="S32" s="114">
        <v>423347</v>
      </c>
      <c r="T32" s="114">
        <v>611906</v>
      </c>
      <c r="U32" s="114">
        <v>820939</v>
      </c>
      <c r="V32" s="114">
        <v>588435</v>
      </c>
      <c r="W32" s="113">
        <v>2614610</v>
      </c>
      <c r="X32" s="116">
        <v>2744414</v>
      </c>
      <c r="Y32" s="110">
        <v>0</v>
      </c>
      <c r="Z32" s="114">
        <v>0</v>
      </c>
      <c r="AA32" s="113">
        <v>0</v>
      </c>
      <c r="AB32" s="110">
        <v>0</v>
      </c>
      <c r="AC32" s="114">
        <v>31976</v>
      </c>
      <c r="AD32" s="114">
        <v>153507</v>
      </c>
      <c r="AE32" s="114">
        <v>381158</v>
      </c>
      <c r="AF32" s="114">
        <v>558672</v>
      </c>
      <c r="AG32" s="114">
        <v>235544</v>
      </c>
      <c r="AH32" s="113">
        <v>1360857</v>
      </c>
      <c r="AI32" s="116">
        <v>1360857</v>
      </c>
      <c r="AJ32" s="110">
        <v>0</v>
      </c>
      <c r="AK32" s="114">
        <v>0</v>
      </c>
      <c r="AL32" s="113">
        <v>0</v>
      </c>
      <c r="AM32" s="110">
        <v>0</v>
      </c>
      <c r="AN32" s="114">
        <v>0</v>
      </c>
      <c r="AO32" s="114">
        <v>47356</v>
      </c>
      <c r="AP32" s="114">
        <v>0</v>
      </c>
      <c r="AQ32" s="114">
        <v>34160</v>
      </c>
      <c r="AR32" s="114">
        <v>92895</v>
      </c>
      <c r="AS32" s="113">
        <v>174411</v>
      </c>
      <c r="AT32" s="116">
        <v>174411</v>
      </c>
      <c r="AU32" s="110">
        <v>13187</v>
      </c>
      <c r="AV32" s="114">
        <v>89425</v>
      </c>
      <c r="AW32" s="113">
        <v>102612</v>
      </c>
      <c r="AX32" s="110">
        <v>0</v>
      </c>
      <c r="AY32" s="114">
        <v>111319</v>
      </c>
      <c r="AZ32" s="114">
        <v>130672</v>
      </c>
      <c r="BA32" s="114">
        <v>155812</v>
      </c>
      <c r="BB32" s="114">
        <v>146019</v>
      </c>
      <c r="BC32" s="114">
        <v>211356</v>
      </c>
      <c r="BD32" s="113">
        <v>755178</v>
      </c>
      <c r="BE32" s="116">
        <v>857790</v>
      </c>
      <c r="BF32" s="110">
        <v>0</v>
      </c>
      <c r="BG32" s="114">
        <v>0</v>
      </c>
      <c r="BH32" s="112">
        <v>0</v>
      </c>
      <c r="BI32" s="111">
        <v>0</v>
      </c>
      <c r="BJ32" s="114">
        <v>0</v>
      </c>
      <c r="BK32" s="114">
        <v>23700</v>
      </c>
      <c r="BL32" s="114">
        <v>0</v>
      </c>
      <c r="BM32" s="114">
        <v>0</v>
      </c>
      <c r="BN32" s="114">
        <v>0</v>
      </c>
      <c r="BO32" s="113">
        <v>23700</v>
      </c>
      <c r="BP32" s="116">
        <v>23700</v>
      </c>
      <c r="BQ32" s="110">
        <v>13160</v>
      </c>
      <c r="BR32" s="114">
        <v>14032</v>
      </c>
      <c r="BS32" s="113">
        <v>27192</v>
      </c>
      <c r="BT32" s="110">
        <v>0</v>
      </c>
      <c r="BU32" s="114">
        <v>26688</v>
      </c>
      <c r="BV32" s="114">
        <v>68112</v>
      </c>
      <c r="BW32" s="114">
        <v>74936</v>
      </c>
      <c r="BX32" s="114">
        <v>82088</v>
      </c>
      <c r="BY32" s="114">
        <v>48640</v>
      </c>
      <c r="BZ32" s="113">
        <v>300464</v>
      </c>
      <c r="CA32" s="116">
        <v>327656</v>
      </c>
      <c r="CB32" s="110">
        <v>0</v>
      </c>
      <c r="CC32" s="114">
        <v>77969</v>
      </c>
      <c r="CD32" s="113">
        <v>77969</v>
      </c>
      <c r="CE32" s="110">
        <v>0</v>
      </c>
      <c r="CF32" s="114">
        <v>501708</v>
      </c>
      <c r="CG32" s="114">
        <v>486055</v>
      </c>
      <c r="CH32" s="114">
        <v>453453</v>
      </c>
      <c r="CI32" s="114">
        <v>261235</v>
      </c>
      <c r="CJ32" s="114">
        <v>0</v>
      </c>
      <c r="CK32" s="113">
        <v>1702451</v>
      </c>
      <c r="CL32" s="116">
        <v>1780420</v>
      </c>
      <c r="CM32" s="110">
        <v>0</v>
      </c>
      <c r="CN32" s="114">
        <v>0</v>
      </c>
      <c r="CO32" s="113">
        <v>0</v>
      </c>
      <c r="CP32" s="111">
        <v>0</v>
      </c>
      <c r="CQ32" s="114">
        <v>460265</v>
      </c>
      <c r="CR32" s="114">
        <v>239618</v>
      </c>
      <c r="CS32" s="114">
        <v>416960</v>
      </c>
      <c r="CT32" s="114">
        <v>261235</v>
      </c>
      <c r="CU32" s="114">
        <v>0</v>
      </c>
      <c r="CV32" s="113">
        <v>1378078</v>
      </c>
      <c r="CW32" s="116">
        <v>1378078</v>
      </c>
      <c r="CX32" s="110">
        <v>0</v>
      </c>
      <c r="CY32" s="114">
        <v>77969</v>
      </c>
      <c r="CZ32" s="113">
        <v>77969</v>
      </c>
      <c r="DA32" s="110">
        <v>0</v>
      </c>
      <c r="DB32" s="114">
        <v>41443</v>
      </c>
      <c r="DC32" s="114">
        <v>246437</v>
      </c>
      <c r="DD32" s="114">
        <v>36493</v>
      </c>
      <c r="DE32" s="114">
        <v>0</v>
      </c>
      <c r="DF32" s="114">
        <v>0</v>
      </c>
      <c r="DG32" s="113">
        <v>324373</v>
      </c>
      <c r="DH32" s="116">
        <v>402342</v>
      </c>
      <c r="DI32" s="110">
        <v>0</v>
      </c>
      <c r="DJ32" s="114">
        <v>0</v>
      </c>
      <c r="DK32" s="112">
        <v>0</v>
      </c>
      <c r="DL32" s="111">
        <v>0</v>
      </c>
      <c r="DM32" s="114">
        <v>21868</v>
      </c>
      <c r="DN32" s="114">
        <v>184262</v>
      </c>
      <c r="DO32" s="114">
        <v>34628</v>
      </c>
      <c r="DP32" s="114">
        <v>0</v>
      </c>
      <c r="DQ32" s="114">
        <v>28254</v>
      </c>
      <c r="DR32" s="113">
        <v>269012</v>
      </c>
      <c r="DS32" s="116">
        <v>269012</v>
      </c>
      <c r="DT32" s="110">
        <v>0</v>
      </c>
      <c r="DU32" s="114">
        <v>0</v>
      </c>
      <c r="DV32" s="113">
        <v>0</v>
      </c>
      <c r="DW32" s="110">
        <v>0</v>
      </c>
      <c r="DX32" s="114">
        <v>21868</v>
      </c>
      <c r="DY32" s="114">
        <v>184262</v>
      </c>
      <c r="DZ32" s="114">
        <v>34628</v>
      </c>
      <c r="EA32" s="114">
        <v>0</v>
      </c>
      <c r="EB32" s="114">
        <v>28254</v>
      </c>
      <c r="EC32" s="113">
        <v>269012</v>
      </c>
      <c r="ED32" s="116">
        <v>269012</v>
      </c>
      <c r="EE32" s="110">
        <v>0</v>
      </c>
      <c r="EF32" s="112">
        <v>0</v>
      </c>
      <c r="EG32" s="113">
        <v>0</v>
      </c>
      <c r="EH32" s="110">
        <v>0</v>
      </c>
      <c r="EI32" s="114">
        <v>0</v>
      </c>
      <c r="EJ32" s="114">
        <v>0</v>
      </c>
      <c r="EK32" s="114">
        <v>0</v>
      </c>
      <c r="EL32" s="114">
        <v>0</v>
      </c>
      <c r="EM32" s="114">
        <v>0</v>
      </c>
      <c r="EN32" s="112">
        <v>0</v>
      </c>
      <c r="EO32" s="116">
        <v>0</v>
      </c>
      <c r="EP32" s="110">
        <v>0</v>
      </c>
      <c r="EQ32" s="114">
        <v>0</v>
      </c>
      <c r="ER32" s="112">
        <v>0</v>
      </c>
      <c r="ES32" s="111">
        <v>0</v>
      </c>
      <c r="ET32" s="114">
        <v>0</v>
      </c>
      <c r="EU32" s="114">
        <v>0</v>
      </c>
      <c r="EV32" s="114">
        <v>0</v>
      </c>
      <c r="EW32" s="114">
        <v>0</v>
      </c>
      <c r="EX32" s="114">
        <v>0</v>
      </c>
      <c r="EY32" s="113">
        <v>0</v>
      </c>
      <c r="EZ32" s="116">
        <v>0</v>
      </c>
      <c r="FA32" s="110">
        <v>0</v>
      </c>
      <c r="FB32" s="114">
        <v>0</v>
      </c>
      <c r="FC32" s="112">
        <v>0</v>
      </c>
      <c r="FD32" s="347"/>
      <c r="FE32" s="114">
        <v>0</v>
      </c>
      <c r="FF32" s="114">
        <v>0</v>
      </c>
      <c r="FG32" s="114">
        <v>0</v>
      </c>
      <c r="FH32" s="114">
        <v>0</v>
      </c>
      <c r="FI32" s="114">
        <v>0</v>
      </c>
      <c r="FJ32" s="113">
        <v>0</v>
      </c>
      <c r="FK32" s="116">
        <v>0</v>
      </c>
      <c r="FL32" s="110">
        <v>2800</v>
      </c>
      <c r="FM32" s="114">
        <v>130600</v>
      </c>
      <c r="FN32" s="113">
        <v>133400</v>
      </c>
      <c r="FO32" s="110">
        <v>0</v>
      </c>
      <c r="FP32" s="114">
        <v>79948</v>
      </c>
      <c r="FQ32" s="114">
        <v>223896</v>
      </c>
      <c r="FR32" s="114">
        <v>135016</v>
      </c>
      <c r="FS32" s="114">
        <v>104240</v>
      </c>
      <c r="FT32" s="114">
        <v>92800</v>
      </c>
      <c r="FU32" s="113">
        <v>635900</v>
      </c>
      <c r="FV32" s="116">
        <v>769300</v>
      </c>
      <c r="FW32" s="115">
        <v>2800</v>
      </c>
      <c r="FX32" s="114">
        <v>58000</v>
      </c>
      <c r="FY32" s="112">
        <v>60800</v>
      </c>
      <c r="FZ32" s="111">
        <v>0</v>
      </c>
      <c r="GA32" s="114">
        <v>21200</v>
      </c>
      <c r="GB32" s="114">
        <v>202776</v>
      </c>
      <c r="GC32" s="114">
        <v>135016</v>
      </c>
      <c r="GD32" s="114">
        <v>104240</v>
      </c>
      <c r="GE32" s="114">
        <v>92800</v>
      </c>
      <c r="GF32" s="113">
        <v>556032</v>
      </c>
      <c r="GG32" s="318">
        <v>616832</v>
      </c>
      <c r="GH32" s="115">
        <v>0</v>
      </c>
      <c r="GI32" s="114">
        <v>0</v>
      </c>
      <c r="GJ32" s="112">
        <v>0</v>
      </c>
      <c r="GK32" s="111">
        <v>0</v>
      </c>
      <c r="GL32" s="114">
        <v>0</v>
      </c>
      <c r="GM32" s="114">
        <v>21120</v>
      </c>
      <c r="GN32" s="114">
        <v>0</v>
      </c>
      <c r="GO32" s="114">
        <v>0</v>
      </c>
      <c r="GP32" s="114">
        <v>0</v>
      </c>
      <c r="GQ32" s="113">
        <v>21120</v>
      </c>
      <c r="GR32" s="116">
        <v>21120</v>
      </c>
      <c r="GS32" s="110">
        <v>0</v>
      </c>
      <c r="GT32" s="114">
        <v>72600</v>
      </c>
      <c r="GU32" s="113">
        <v>72600</v>
      </c>
      <c r="GV32" s="110">
        <v>0</v>
      </c>
      <c r="GW32" s="114">
        <v>58748</v>
      </c>
      <c r="GX32" s="114">
        <v>0</v>
      </c>
      <c r="GY32" s="114">
        <v>0</v>
      </c>
      <c r="GZ32" s="114">
        <v>0</v>
      </c>
      <c r="HA32" s="114">
        <v>0</v>
      </c>
      <c r="HB32" s="112">
        <v>58748</v>
      </c>
      <c r="HC32" s="116">
        <v>131348</v>
      </c>
      <c r="HD32" s="110">
        <v>52409</v>
      </c>
      <c r="HE32" s="114">
        <v>0</v>
      </c>
      <c r="HF32" s="112">
        <v>52409</v>
      </c>
      <c r="HG32" s="111">
        <v>0</v>
      </c>
      <c r="HH32" s="114">
        <v>185084</v>
      </c>
      <c r="HI32" s="114">
        <v>360083</v>
      </c>
      <c r="HJ32" s="114">
        <v>391111</v>
      </c>
      <c r="HK32" s="114">
        <v>423526</v>
      </c>
      <c r="HL32" s="114">
        <v>232134</v>
      </c>
      <c r="HM32" s="113">
        <v>1591938</v>
      </c>
      <c r="HN32" s="109">
        <v>1644347</v>
      </c>
      <c r="HO32" s="328"/>
      <c r="HP32" s="329"/>
      <c r="HQ32" s="330"/>
      <c r="HR32" s="331"/>
      <c r="HS32" s="329"/>
      <c r="HT32" s="329"/>
      <c r="HU32" s="329"/>
      <c r="HV32" s="329"/>
      <c r="HW32" s="329"/>
      <c r="HX32" s="332"/>
      <c r="HY32" s="333"/>
      <c r="HZ32" s="150">
        <v>0</v>
      </c>
      <c r="IA32" s="135">
        <v>0</v>
      </c>
      <c r="IB32" s="150">
        <v>0</v>
      </c>
      <c r="IC32" s="134">
        <v>0</v>
      </c>
      <c r="ID32" s="135">
        <v>165261</v>
      </c>
      <c r="IE32" s="136">
        <v>43056</v>
      </c>
      <c r="IF32" s="137">
        <v>656319</v>
      </c>
      <c r="IG32" s="135">
        <v>497627</v>
      </c>
      <c r="IH32" s="137">
        <v>269681</v>
      </c>
      <c r="II32" s="138">
        <v>1631944</v>
      </c>
      <c r="IJ32" s="150">
        <v>1631944</v>
      </c>
      <c r="IK32" s="232">
        <v>0</v>
      </c>
      <c r="IL32" s="236">
        <v>0</v>
      </c>
      <c r="IM32" s="237">
        <v>0</v>
      </c>
      <c r="IN32" s="140"/>
      <c r="IO32" s="119">
        <v>0</v>
      </c>
      <c r="IP32" s="119">
        <v>0</v>
      </c>
      <c r="IQ32" s="119">
        <v>175496</v>
      </c>
      <c r="IR32" s="119">
        <v>0</v>
      </c>
      <c r="IS32" s="119">
        <v>0</v>
      </c>
      <c r="IT32" s="141">
        <v>175496</v>
      </c>
      <c r="IU32" s="320">
        <v>175496</v>
      </c>
      <c r="IV32" s="142">
        <v>0</v>
      </c>
      <c r="IW32" s="119">
        <v>0</v>
      </c>
      <c r="IX32" s="120">
        <v>0</v>
      </c>
      <c r="IY32" s="144"/>
      <c r="IZ32" s="119">
        <v>0</v>
      </c>
      <c r="JA32" s="119">
        <v>0</v>
      </c>
      <c r="JB32" s="119">
        <v>0</v>
      </c>
      <c r="JC32" s="119">
        <v>0</v>
      </c>
      <c r="JD32" s="119">
        <v>0</v>
      </c>
      <c r="JE32" s="120">
        <v>0</v>
      </c>
      <c r="JF32" s="121">
        <v>0</v>
      </c>
      <c r="JG32" s="142">
        <v>0</v>
      </c>
      <c r="JH32" s="119">
        <v>0</v>
      </c>
      <c r="JI32" s="141">
        <v>0</v>
      </c>
      <c r="JJ32" s="118">
        <v>0</v>
      </c>
      <c r="JK32" s="119">
        <v>18797</v>
      </c>
      <c r="JL32" s="119">
        <v>0</v>
      </c>
      <c r="JM32" s="119">
        <v>0</v>
      </c>
      <c r="JN32" s="119">
        <v>0</v>
      </c>
      <c r="JO32" s="119">
        <v>0</v>
      </c>
      <c r="JP32" s="120">
        <v>18797</v>
      </c>
      <c r="JQ32" s="320">
        <v>18797</v>
      </c>
      <c r="JR32" s="142">
        <v>0</v>
      </c>
      <c r="JS32" s="119">
        <v>0</v>
      </c>
      <c r="JT32" s="141">
        <v>0</v>
      </c>
      <c r="JU32" s="118">
        <v>0</v>
      </c>
      <c r="JV32" s="119">
        <v>146464</v>
      </c>
      <c r="JW32" s="119">
        <v>43056</v>
      </c>
      <c r="JX32" s="119">
        <v>0</v>
      </c>
      <c r="JY32" s="119">
        <v>240656</v>
      </c>
      <c r="JZ32" s="119">
        <v>0</v>
      </c>
      <c r="KA32" s="120">
        <v>430176</v>
      </c>
      <c r="KB32" s="320">
        <v>430176</v>
      </c>
      <c r="KC32" s="234">
        <v>0</v>
      </c>
      <c r="KD32" s="230">
        <v>0</v>
      </c>
      <c r="KE32" s="120">
        <v>0</v>
      </c>
      <c r="KF32" s="118">
        <v>0</v>
      </c>
      <c r="KG32" s="119">
        <v>0</v>
      </c>
      <c r="KH32" s="119">
        <v>0</v>
      </c>
      <c r="KI32" s="119">
        <v>0</v>
      </c>
      <c r="KJ32" s="119">
        <v>0</v>
      </c>
      <c r="KK32" s="119">
        <v>0</v>
      </c>
      <c r="KL32" s="120">
        <v>0</v>
      </c>
      <c r="KM32" s="143">
        <v>0</v>
      </c>
      <c r="KN32" s="232">
        <v>0</v>
      </c>
      <c r="KO32" s="236">
        <v>0</v>
      </c>
      <c r="KP32" s="237">
        <v>0</v>
      </c>
      <c r="KQ32" s="140"/>
      <c r="KR32" s="119">
        <v>0</v>
      </c>
      <c r="KS32" s="119">
        <v>0</v>
      </c>
      <c r="KT32" s="119">
        <v>250858</v>
      </c>
      <c r="KU32" s="119">
        <v>256971</v>
      </c>
      <c r="KV32" s="119">
        <v>0</v>
      </c>
      <c r="KW32" s="120">
        <v>507829</v>
      </c>
      <c r="KX32" s="320">
        <v>507829</v>
      </c>
      <c r="KY32" s="142">
        <v>0</v>
      </c>
      <c r="KZ32" s="119">
        <v>0</v>
      </c>
      <c r="LA32" s="120">
        <v>0</v>
      </c>
      <c r="LB32" s="145"/>
      <c r="LC32" s="119">
        <v>0</v>
      </c>
      <c r="LD32" s="119">
        <v>0</v>
      </c>
      <c r="LE32" s="119">
        <v>0</v>
      </c>
      <c r="LF32" s="119">
        <v>0</v>
      </c>
      <c r="LG32" s="119">
        <v>0</v>
      </c>
      <c r="LH32" s="120">
        <v>0</v>
      </c>
      <c r="LI32" s="121">
        <v>0</v>
      </c>
      <c r="LJ32" s="142">
        <v>0</v>
      </c>
      <c r="LK32" s="119">
        <v>0</v>
      </c>
      <c r="LL32" s="120">
        <v>0</v>
      </c>
      <c r="LM32" s="145"/>
      <c r="LN32" s="119">
        <v>0</v>
      </c>
      <c r="LO32" s="119">
        <v>0</v>
      </c>
      <c r="LP32" s="119">
        <v>229965</v>
      </c>
      <c r="LQ32" s="119">
        <v>0</v>
      </c>
      <c r="LR32" s="119">
        <v>269681</v>
      </c>
      <c r="LS32" s="120">
        <v>499646</v>
      </c>
      <c r="LT32" s="320">
        <v>499646</v>
      </c>
      <c r="LU32" s="142">
        <v>0</v>
      </c>
      <c r="LV32" s="119">
        <v>0</v>
      </c>
      <c r="LW32" s="120">
        <v>0</v>
      </c>
      <c r="LX32" s="145"/>
      <c r="LY32" s="119">
        <v>0</v>
      </c>
      <c r="LZ32" s="119">
        <v>0</v>
      </c>
      <c r="MA32" s="119">
        <v>0</v>
      </c>
      <c r="MB32" s="119">
        <v>0</v>
      </c>
      <c r="MC32" s="119">
        <v>0</v>
      </c>
      <c r="MD32" s="120">
        <v>0</v>
      </c>
      <c r="ME32" s="121">
        <v>0</v>
      </c>
      <c r="MF32" s="142">
        <v>0</v>
      </c>
      <c r="MG32" s="119">
        <v>0</v>
      </c>
      <c r="MH32" s="120">
        <v>0</v>
      </c>
      <c r="MI32" s="145"/>
      <c r="MJ32" s="119">
        <v>0</v>
      </c>
      <c r="MK32" s="119">
        <v>482704</v>
      </c>
      <c r="ML32" s="119">
        <v>1313939</v>
      </c>
      <c r="MM32" s="119">
        <v>806363</v>
      </c>
      <c r="MN32" s="119">
        <v>137797</v>
      </c>
      <c r="MO32" s="120">
        <v>2740803</v>
      </c>
      <c r="MP32" s="143">
        <v>2740803</v>
      </c>
      <c r="MQ32" s="142">
        <v>0</v>
      </c>
      <c r="MR32" s="119">
        <v>0</v>
      </c>
      <c r="MS32" s="120">
        <v>0</v>
      </c>
      <c r="MT32" s="145"/>
      <c r="MU32" s="119">
        <v>0</v>
      </c>
      <c r="MV32" s="119">
        <v>234623</v>
      </c>
      <c r="MW32" s="119">
        <v>207380</v>
      </c>
      <c r="MX32" s="119">
        <v>0</v>
      </c>
      <c r="MY32" s="119">
        <v>123510</v>
      </c>
      <c r="MZ32" s="120">
        <v>565513</v>
      </c>
      <c r="NA32" s="143">
        <v>565513</v>
      </c>
      <c r="NB32" s="142">
        <v>0</v>
      </c>
      <c r="NC32" s="119">
        <v>0</v>
      </c>
      <c r="ND32" s="120">
        <v>0</v>
      </c>
      <c r="NE32" s="145"/>
      <c r="NF32" s="119">
        <v>0</v>
      </c>
      <c r="NG32" s="119">
        <v>248081</v>
      </c>
      <c r="NH32" s="119">
        <v>1106559</v>
      </c>
      <c r="NI32" s="119">
        <v>617734</v>
      </c>
      <c r="NJ32" s="119">
        <v>14287</v>
      </c>
      <c r="NK32" s="120">
        <v>1986661</v>
      </c>
      <c r="NL32" s="320">
        <v>1986661</v>
      </c>
      <c r="NM32" s="142">
        <v>0</v>
      </c>
      <c r="NN32" s="119">
        <v>0</v>
      </c>
      <c r="NO32" s="120">
        <v>0</v>
      </c>
      <c r="NP32" s="145"/>
      <c r="NQ32" s="119">
        <v>0</v>
      </c>
      <c r="NR32" s="119">
        <v>0</v>
      </c>
      <c r="NS32" s="119">
        <v>0</v>
      </c>
      <c r="NT32" s="119">
        <v>0</v>
      </c>
      <c r="NU32" s="119">
        <v>0</v>
      </c>
      <c r="NV32" s="120">
        <v>0</v>
      </c>
      <c r="NW32" s="121">
        <v>0</v>
      </c>
      <c r="NX32" s="142">
        <v>0</v>
      </c>
      <c r="NY32" s="119">
        <v>0</v>
      </c>
      <c r="NZ32" s="120">
        <v>0</v>
      </c>
      <c r="OA32" s="145"/>
      <c r="OB32" s="119">
        <v>0</v>
      </c>
      <c r="OC32" s="119">
        <v>0</v>
      </c>
      <c r="OD32" s="119">
        <v>0</v>
      </c>
      <c r="OE32" s="119">
        <v>188629</v>
      </c>
      <c r="OF32" s="119">
        <v>0</v>
      </c>
      <c r="OG32" s="120">
        <v>188629</v>
      </c>
      <c r="OH32" s="121">
        <v>188629</v>
      </c>
      <c r="OI32" s="142">
        <v>81556</v>
      </c>
      <c r="OJ32" s="119">
        <v>312026</v>
      </c>
      <c r="OK32" s="141">
        <v>393582</v>
      </c>
      <c r="OL32" s="118">
        <v>0</v>
      </c>
      <c r="OM32" s="119">
        <v>1123852</v>
      </c>
      <c r="ON32" s="119">
        <v>2203403</v>
      </c>
      <c r="OO32" s="119">
        <v>3596372</v>
      </c>
      <c r="OP32" s="119">
        <v>2913930</v>
      </c>
      <c r="OQ32" s="119">
        <v>1349101</v>
      </c>
      <c r="OR32" s="120">
        <v>11186658</v>
      </c>
      <c r="OS32" s="143">
        <v>11580240</v>
      </c>
    </row>
    <row r="33" spans="2:409" ht="21" customHeight="1" x14ac:dyDescent="0.2">
      <c r="B33" s="126" t="s">
        <v>28</v>
      </c>
      <c r="C33" s="110">
        <v>0</v>
      </c>
      <c r="D33" s="114">
        <v>44407</v>
      </c>
      <c r="E33" s="113">
        <v>44407</v>
      </c>
      <c r="F33" s="109">
        <v>0</v>
      </c>
      <c r="G33" s="114">
        <v>278529</v>
      </c>
      <c r="H33" s="114">
        <v>107010</v>
      </c>
      <c r="I33" s="114">
        <v>357049</v>
      </c>
      <c r="J33" s="114">
        <v>563043</v>
      </c>
      <c r="K33" s="114">
        <v>365606</v>
      </c>
      <c r="L33" s="173">
        <v>1671237</v>
      </c>
      <c r="M33" s="116">
        <v>1715644</v>
      </c>
      <c r="N33" s="110">
        <v>0</v>
      </c>
      <c r="O33" s="114">
        <v>0</v>
      </c>
      <c r="P33" s="113">
        <v>0</v>
      </c>
      <c r="Q33" s="110">
        <v>0</v>
      </c>
      <c r="R33" s="114">
        <v>10016</v>
      </c>
      <c r="S33" s="114">
        <v>66834</v>
      </c>
      <c r="T33" s="114">
        <v>275108</v>
      </c>
      <c r="U33" s="114">
        <v>563043</v>
      </c>
      <c r="V33" s="114">
        <v>144150</v>
      </c>
      <c r="W33" s="113">
        <v>1059151</v>
      </c>
      <c r="X33" s="116">
        <v>1059151</v>
      </c>
      <c r="Y33" s="110">
        <v>0</v>
      </c>
      <c r="Z33" s="114">
        <v>0</v>
      </c>
      <c r="AA33" s="113">
        <v>0</v>
      </c>
      <c r="AB33" s="110">
        <v>0</v>
      </c>
      <c r="AC33" s="114">
        <v>0</v>
      </c>
      <c r="AD33" s="114">
        <v>0</v>
      </c>
      <c r="AE33" s="114">
        <v>0</v>
      </c>
      <c r="AF33" s="114">
        <v>218720</v>
      </c>
      <c r="AG33" s="114">
        <v>0</v>
      </c>
      <c r="AH33" s="113">
        <v>218720</v>
      </c>
      <c r="AI33" s="116">
        <v>218720</v>
      </c>
      <c r="AJ33" s="110">
        <v>0</v>
      </c>
      <c r="AK33" s="114">
        <v>0</v>
      </c>
      <c r="AL33" s="113">
        <v>0</v>
      </c>
      <c r="AM33" s="110">
        <v>0</v>
      </c>
      <c r="AN33" s="114">
        <v>0</v>
      </c>
      <c r="AO33" s="114">
        <v>0</v>
      </c>
      <c r="AP33" s="114">
        <v>0</v>
      </c>
      <c r="AQ33" s="114">
        <v>0</v>
      </c>
      <c r="AR33" s="114">
        <v>12664</v>
      </c>
      <c r="AS33" s="113">
        <v>12664</v>
      </c>
      <c r="AT33" s="116">
        <v>12664</v>
      </c>
      <c r="AU33" s="110">
        <v>0</v>
      </c>
      <c r="AV33" s="114">
        <v>0</v>
      </c>
      <c r="AW33" s="113">
        <v>0</v>
      </c>
      <c r="AX33" s="110">
        <v>0</v>
      </c>
      <c r="AY33" s="114">
        <v>0</v>
      </c>
      <c r="AZ33" s="114">
        <v>66834</v>
      </c>
      <c r="BA33" s="114">
        <v>275108</v>
      </c>
      <c r="BB33" s="114">
        <v>339555</v>
      </c>
      <c r="BC33" s="114">
        <v>118286</v>
      </c>
      <c r="BD33" s="113">
        <v>799783</v>
      </c>
      <c r="BE33" s="116">
        <v>799783</v>
      </c>
      <c r="BF33" s="110">
        <v>0</v>
      </c>
      <c r="BG33" s="114">
        <v>0</v>
      </c>
      <c r="BH33" s="112">
        <v>0</v>
      </c>
      <c r="BI33" s="111">
        <v>0</v>
      </c>
      <c r="BJ33" s="114">
        <v>0</v>
      </c>
      <c r="BK33" s="114">
        <v>0</v>
      </c>
      <c r="BL33" s="114">
        <v>0</v>
      </c>
      <c r="BM33" s="114">
        <v>0</v>
      </c>
      <c r="BN33" s="114">
        <v>0</v>
      </c>
      <c r="BO33" s="113">
        <v>0</v>
      </c>
      <c r="BP33" s="116">
        <v>0</v>
      </c>
      <c r="BQ33" s="110">
        <v>0</v>
      </c>
      <c r="BR33" s="114">
        <v>0</v>
      </c>
      <c r="BS33" s="113">
        <v>0</v>
      </c>
      <c r="BT33" s="110">
        <v>0</v>
      </c>
      <c r="BU33" s="114">
        <v>10016</v>
      </c>
      <c r="BV33" s="114">
        <v>0</v>
      </c>
      <c r="BW33" s="114">
        <v>0</v>
      </c>
      <c r="BX33" s="114">
        <v>4768</v>
      </c>
      <c r="BY33" s="114">
        <v>13200</v>
      </c>
      <c r="BZ33" s="113">
        <v>27984</v>
      </c>
      <c r="CA33" s="116">
        <v>27984</v>
      </c>
      <c r="CB33" s="110">
        <v>0</v>
      </c>
      <c r="CC33" s="114">
        <v>38807</v>
      </c>
      <c r="CD33" s="113">
        <v>38807</v>
      </c>
      <c r="CE33" s="110">
        <v>0</v>
      </c>
      <c r="CF33" s="114">
        <v>105592</v>
      </c>
      <c r="CG33" s="114">
        <v>0</v>
      </c>
      <c r="CH33" s="114">
        <v>59541</v>
      </c>
      <c r="CI33" s="114">
        <v>0</v>
      </c>
      <c r="CJ33" s="114">
        <v>0</v>
      </c>
      <c r="CK33" s="113">
        <v>165133</v>
      </c>
      <c r="CL33" s="116">
        <v>203940</v>
      </c>
      <c r="CM33" s="110">
        <v>0</v>
      </c>
      <c r="CN33" s="114">
        <v>0</v>
      </c>
      <c r="CO33" s="113">
        <v>0</v>
      </c>
      <c r="CP33" s="111">
        <v>0</v>
      </c>
      <c r="CQ33" s="114">
        <v>105592</v>
      </c>
      <c r="CR33" s="114">
        <v>0</v>
      </c>
      <c r="CS33" s="114">
        <v>0</v>
      </c>
      <c r="CT33" s="114">
        <v>0</v>
      </c>
      <c r="CU33" s="114">
        <v>0</v>
      </c>
      <c r="CV33" s="113">
        <v>105592</v>
      </c>
      <c r="CW33" s="116">
        <v>105592</v>
      </c>
      <c r="CX33" s="110">
        <v>0</v>
      </c>
      <c r="CY33" s="114">
        <v>38807</v>
      </c>
      <c r="CZ33" s="113">
        <v>38807</v>
      </c>
      <c r="DA33" s="110">
        <v>0</v>
      </c>
      <c r="DB33" s="114">
        <v>0</v>
      </c>
      <c r="DC33" s="114">
        <v>0</v>
      </c>
      <c r="DD33" s="114">
        <v>59541</v>
      </c>
      <c r="DE33" s="114">
        <v>0</v>
      </c>
      <c r="DF33" s="114">
        <v>0</v>
      </c>
      <c r="DG33" s="113">
        <v>59541</v>
      </c>
      <c r="DH33" s="116">
        <v>98348</v>
      </c>
      <c r="DI33" s="110">
        <v>0</v>
      </c>
      <c r="DJ33" s="114">
        <v>0</v>
      </c>
      <c r="DK33" s="112">
        <v>0</v>
      </c>
      <c r="DL33" s="111">
        <v>0</v>
      </c>
      <c r="DM33" s="114">
        <v>0</v>
      </c>
      <c r="DN33" s="114">
        <v>0</v>
      </c>
      <c r="DO33" s="114">
        <v>0</v>
      </c>
      <c r="DP33" s="114">
        <v>0</v>
      </c>
      <c r="DQ33" s="114">
        <v>193856</v>
      </c>
      <c r="DR33" s="113">
        <v>193856</v>
      </c>
      <c r="DS33" s="116">
        <v>193856</v>
      </c>
      <c r="DT33" s="110">
        <v>0</v>
      </c>
      <c r="DU33" s="114">
        <v>0</v>
      </c>
      <c r="DV33" s="113">
        <v>0</v>
      </c>
      <c r="DW33" s="110">
        <v>0</v>
      </c>
      <c r="DX33" s="114">
        <v>0</v>
      </c>
      <c r="DY33" s="114">
        <v>0</v>
      </c>
      <c r="DZ33" s="114">
        <v>0</v>
      </c>
      <c r="EA33" s="114">
        <v>0</v>
      </c>
      <c r="EB33" s="114">
        <v>193856</v>
      </c>
      <c r="EC33" s="113">
        <v>193856</v>
      </c>
      <c r="ED33" s="116">
        <v>193856</v>
      </c>
      <c r="EE33" s="110">
        <v>0</v>
      </c>
      <c r="EF33" s="112">
        <v>0</v>
      </c>
      <c r="EG33" s="113">
        <v>0</v>
      </c>
      <c r="EH33" s="110">
        <v>0</v>
      </c>
      <c r="EI33" s="114">
        <v>0</v>
      </c>
      <c r="EJ33" s="114">
        <v>0</v>
      </c>
      <c r="EK33" s="114">
        <v>0</v>
      </c>
      <c r="EL33" s="114">
        <v>0</v>
      </c>
      <c r="EM33" s="114">
        <v>0</v>
      </c>
      <c r="EN33" s="112">
        <v>0</v>
      </c>
      <c r="EO33" s="116">
        <v>0</v>
      </c>
      <c r="EP33" s="110">
        <v>0</v>
      </c>
      <c r="EQ33" s="114">
        <v>0</v>
      </c>
      <c r="ER33" s="112">
        <v>0</v>
      </c>
      <c r="ES33" s="111">
        <v>0</v>
      </c>
      <c r="ET33" s="114">
        <v>0</v>
      </c>
      <c r="EU33" s="114">
        <v>0</v>
      </c>
      <c r="EV33" s="114">
        <v>0</v>
      </c>
      <c r="EW33" s="114">
        <v>0</v>
      </c>
      <c r="EX33" s="114">
        <v>0</v>
      </c>
      <c r="EY33" s="113">
        <v>0</v>
      </c>
      <c r="EZ33" s="116">
        <v>0</v>
      </c>
      <c r="FA33" s="110">
        <v>0</v>
      </c>
      <c r="FB33" s="114">
        <v>0</v>
      </c>
      <c r="FC33" s="112">
        <v>0</v>
      </c>
      <c r="FD33" s="347"/>
      <c r="FE33" s="114">
        <v>0</v>
      </c>
      <c r="FF33" s="114">
        <v>0</v>
      </c>
      <c r="FG33" s="114">
        <v>0</v>
      </c>
      <c r="FH33" s="114">
        <v>0</v>
      </c>
      <c r="FI33" s="114">
        <v>0</v>
      </c>
      <c r="FJ33" s="113">
        <v>0</v>
      </c>
      <c r="FK33" s="116">
        <v>0</v>
      </c>
      <c r="FL33" s="110">
        <v>0</v>
      </c>
      <c r="FM33" s="114">
        <v>5600</v>
      </c>
      <c r="FN33" s="113">
        <v>5600</v>
      </c>
      <c r="FO33" s="110">
        <v>0</v>
      </c>
      <c r="FP33" s="114">
        <v>7040</v>
      </c>
      <c r="FQ33" s="114">
        <v>40176</v>
      </c>
      <c r="FR33" s="114">
        <v>22400</v>
      </c>
      <c r="FS33" s="114">
        <v>0</v>
      </c>
      <c r="FT33" s="114">
        <v>27600</v>
      </c>
      <c r="FU33" s="113">
        <v>97216</v>
      </c>
      <c r="FV33" s="116">
        <v>102816</v>
      </c>
      <c r="FW33" s="115">
        <v>0</v>
      </c>
      <c r="FX33" s="114">
        <v>5600</v>
      </c>
      <c r="FY33" s="112">
        <v>5600</v>
      </c>
      <c r="FZ33" s="111">
        <v>0</v>
      </c>
      <c r="GA33" s="114">
        <v>7040</v>
      </c>
      <c r="GB33" s="114">
        <v>40176</v>
      </c>
      <c r="GC33" s="114">
        <v>22400</v>
      </c>
      <c r="GD33" s="114">
        <v>0</v>
      </c>
      <c r="GE33" s="114">
        <v>27600</v>
      </c>
      <c r="GF33" s="113">
        <v>97216</v>
      </c>
      <c r="GG33" s="318">
        <v>102816</v>
      </c>
      <c r="GH33" s="115">
        <v>0</v>
      </c>
      <c r="GI33" s="114">
        <v>0</v>
      </c>
      <c r="GJ33" s="112">
        <v>0</v>
      </c>
      <c r="GK33" s="111">
        <v>0</v>
      </c>
      <c r="GL33" s="114">
        <v>0</v>
      </c>
      <c r="GM33" s="114">
        <v>0</v>
      </c>
      <c r="GN33" s="114">
        <v>0</v>
      </c>
      <c r="GO33" s="114">
        <v>0</v>
      </c>
      <c r="GP33" s="114">
        <v>0</v>
      </c>
      <c r="GQ33" s="113">
        <v>0</v>
      </c>
      <c r="GR33" s="116">
        <v>0</v>
      </c>
      <c r="GS33" s="110">
        <v>0</v>
      </c>
      <c r="GT33" s="114">
        <v>0</v>
      </c>
      <c r="GU33" s="113">
        <v>0</v>
      </c>
      <c r="GV33" s="110">
        <v>0</v>
      </c>
      <c r="GW33" s="114">
        <v>0</v>
      </c>
      <c r="GX33" s="114">
        <v>0</v>
      </c>
      <c r="GY33" s="114">
        <v>0</v>
      </c>
      <c r="GZ33" s="114">
        <v>0</v>
      </c>
      <c r="HA33" s="114">
        <v>0</v>
      </c>
      <c r="HB33" s="112">
        <v>0</v>
      </c>
      <c r="HC33" s="116">
        <v>0</v>
      </c>
      <c r="HD33" s="110">
        <v>0</v>
      </c>
      <c r="HE33" s="114">
        <v>0</v>
      </c>
      <c r="HF33" s="112">
        <v>0</v>
      </c>
      <c r="HG33" s="111">
        <v>0</v>
      </c>
      <c r="HH33" s="114">
        <v>155881</v>
      </c>
      <c r="HI33" s="114">
        <v>0</v>
      </c>
      <c r="HJ33" s="114">
        <v>0</v>
      </c>
      <c r="HK33" s="114">
        <v>0</v>
      </c>
      <c r="HL33" s="114">
        <v>0</v>
      </c>
      <c r="HM33" s="113">
        <v>155881</v>
      </c>
      <c r="HN33" s="109">
        <v>155881</v>
      </c>
      <c r="HO33" s="328"/>
      <c r="HP33" s="329"/>
      <c r="HQ33" s="330"/>
      <c r="HR33" s="331"/>
      <c r="HS33" s="329"/>
      <c r="HT33" s="329"/>
      <c r="HU33" s="329"/>
      <c r="HV33" s="329"/>
      <c r="HW33" s="329"/>
      <c r="HX33" s="332"/>
      <c r="HY33" s="333"/>
      <c r="HZ33" s="131">
        <v>0</v>
      </c>
      <c r="IA33" s="132">
        <v>0</v>
      </c>
      <c r="IB33" s="133">
        <v>0</v>
      </c>
      <c r="IC33" s="146">
        <v>0</v>
      </c>
      <c r="ID33" s="132">
        <v>109776</v>
      </c>
      <c r="IE33" s="147">
        <v>36576</v>
      </c>
      <c r="IF33" s="133">
        <v>36208</v>
      </c>
      <c r="IG33" s="132">
        <v>0</v>
      </c>
      <c r="IH33" s="133">
        <v>364736</v>
      </c>
      <c r="II33" s="148">
        <v>547296</v>
      </c>
      <c r="IJ33" s="139">
        <v>547296</v>
      </c>
      <c r="IK33" s="232">
        <v>0</v>
      </c>
      <c r="IL33" s="236">
        <v>0</v>
      </c>
      <c r="IM33" s="237">
        <v>0</v>
      </c>
      <c r="IN33" s="140"/>
      <c r="IO33" s="119">
        <v>0</v>
      </c>
      <c r="IP33" s="119">
        <v>0</v>
      </c>
      <c r="IQ33" s="119">
        <v>0</v>
      </c>
      <c r="IR33" s="119">
        <v>0</v>
      </c>
      <c r="IS33" s="119">
        <v>0</v>
      </c>
      <c r="IT33" s="141">
        <v>0</v>
      </c>
      <c r="IU33" s="320">
        <v>0</v>
      </c>
      <c r="IV33" s="142">
        <v>0</v>
      </c>
      <c r="IW33" s="119">
        <v>0</v>
      </c>
      <c r="IX33" s="120">
        <v>0</v>
      </c>
      <c r="IY33" s="144"/>
      <c r="IZ33" s="119">
        <v>0</v>
      </c>
      <c r="JA33" s="119">
        <v>0</v>
      </c>
      <c r="JB33" s="119">
        <v>0</v>
      </c>
      <c r="JC33" s="119">
        <v>0</v>
      </c>
      <c r="JD33" s="119">
        <v>0</v>
      </c>
      <c r="JE33" s="120">
        <v>0</v>
      </c>
      <c r="JF33" s="121">
        <v>0</v>
      </c>
      <c r="JG33" s="142">
        <v>0</v>
      </c>
      <c r="JH33" s="119">
        <v>0</v>
      </c>
      <c r="JI33" s="141">
        <v>0</v>
      </c>
      <c r="JJ33" s="118">
        <v>0</v>
      </c>
      <c r="JK33" s="119">
        <v>109776</v>
      </c>
      <c r="JL33" s="119">
        <v>36576</v>
      </c>
      <c r="JM33" s="119">
        <v>36208</v>
      </c>
      <c r="JN33" s="119">
        <v>0</v>
      </c>
      <c r="JO33" s="119">
        <v>7520</v>
      </c>
      <c r="JP33" s="120">
        <v>190080</v>
      </c>
      <c r="JQ33" s="320">
        <v>190080</v>
      </c>
      <c r="JR33" s="142">
        <v>0</v>
      </c>
      <c r="JS33" s="119">
        <v>0</v>
      </c>
      <c r="JT33" s="141">
        <v>0</v>
      </c>
      <c r="JU33" s="118">
        <v>0</v>
      </c>
      <c r="JV33" s="119">
        <v>0</v>
      </c>
      <c r="JW33" s="119">
        <v>0</v>
      </c>
      <c r="JX33" s="119">
        <v>0</v>
      </c>
      <c r="JY33" s="119">
        <v>0</v>
      </c>
      <c r="JZ33" s="119">
        <v>0</v>
      </c>
      <c r="KA33" s="120">
        <v>0</v>
      </c>
      <c r="KB33" s="320">
        <v>0</v>
      </c>
      <c r="KC33" s="234">
        <v>0</v>
      </c>
      <c r="KD33" s="230">
        <v>0</v>
      </c>
      <c r="KE33" s="120">
        <v>0</v>
      </c>
      <c r="KF33" s="118">
        <v>0</v>
      </c>
      <c r="KG33" s="119">
        <v>0</v>
      </c>
      <c r="KH33" s="119">
        <v>0</v>
      </c>
      <c r="KI33" s="119">
        <v>0</v>
      </c>
      <c r="KJ33" s="119">
        <v>0</v>
      </c>
      <c r="KK33" s="119">
        <v>0</v>
      </c>
      <c r="KL33" s="120">
        <v>0</v>
      </c>
      <c r="KM33" s="143">
        <v>0</v>
      </c>
      <c r="KN33" s="232">
        <v>0</v>
      </c>
      <c r="KO33" s="236">
        <v>0</v>
      </c>
      <c r="KP33" s="237">
        <v>0</v>
      </c>
      <c r="KQ33" s="140"/>
      <c r="KR33" s="119">
        <v>0</v>
      </c>
      <c r="KS33" s="119">
        <v>0</v>
      </c>
      <c r="KT33" s="119">
        <v>0</v>
      </c>
      <c r="KU33" s="119">
        <v>0</v>
      </c>
      <c r="KV33" s="119">
        <v>357216</v>
      </c>
      <c r="KW33" s="120">
        <v>357216</v>
      </c>
      <c r="KX33" s="320">
        <v>357216</v>
      </c>
      <c r="KY33" s="142">
        <v>0</v>
      </c>
      <c r="KZ33" s="119">
        <v>0</v>
      </c>
      <c r="LA33" s="120">
        <v>0</v>
      </c>
      <c r="LB33" s="145"/>
      <c r="LC33" s="119">
        <v>0</v>
      </c>
      <c r="LD33" s="119">
        <v>0</v>
      </c>
      <c r="LE33" s="119">
        <v>0</v>
      </c>
      <c r="LF33" s="119">
        <v>0</v>
      </c>
      <c r="LG33" s="119">
        <v>0</v>
      </c>
      <c r="LH33" s="120">
        <v>0</v>
      </c>
      <c r="LI33" s="121">
        <v>0</v>
      </c>
      <c r="LJ33" s="142">
        <v>0</v>
      </c>
      <c r="LK33" s="119">
        <v>0</v>
      </c>
      <c r="LL33" s="120">
        <v>0</v>
      </c>
      <c r="LM33" s="145"/>
      <c r="LN33" s="119">
        <v>0</v>
      </c>
      <c r="LO33" s="119">
        <v>0</v>
      </c>
      <c r="LP33" s="119">
        <v>0</v>
      </c>
      <c r="LQ33" s="119">
        <v>0</v>
      </c>
      <c r="LR33" s="119">
        <v>0</v>
      </c>
      <c r="LS33" s="120">
        <v>0</v>
      </c>
      <c r="LT33" s="320">
        <v>0</v>
      </c>
      <c r="LU33" s="142">
        <v>0</v>
      </c>
      <c r="LV33" s="119">
        <v>0</v>
      </c>
      <c r="LW33" s="120">
        <v>0</v>
      </c>
      <c r="LX33" s="145"/>
      <c r="LY33" s="119">
        <v>0</v>
      </c>
      <c r="LZ33" s="119">
        <v>0</v>
      </c>
      <c r="MA33" s="119">
        <v>0</v>
      </c>
      <c r="MB33" s="119">
        <v>0</v>
      </c>
      <c r="MC33" s="119">
        <v>0</v>
      </c>
      <c r="MD33" s="120">
        <v>0</v>
      </c>
      <c r="ME33" s="121">
        <v>0</v>
      </c>
      <c r="MF33" s="142">
        <v>0</v>
      </c>
      <c r="MG33" s="119">
        <v>0</v>
      </c>
      <c r="MH33" s="120">
        <v>0</v>
      </c>
      <c r="MI33" s="145"/>
      <c r="MJ33" s="119">
        <v>0</v>
      </c>
      <c r="MK33" s="119">
        <v>217504</v>
      </c>
      <c r="ML33" s="119">
        <v>0</v>
      </c>
      <c r="MM33" s="119">
        <v>1133232</v>
      </c>
      <c r="MN33" s="119">
        <v>0</v>
      </c>
      <c r="MO33" s="120">
        <v>1350736</v>
      </c>
      <c r="MP33" s="143">
        <v>1350736</v>
      </c>
      <c r="MQ33" s="142">
        <v>0</v>
      </c>
      <c r="MR33" s="119">
        <v>0</v>
      </c>
      <c r="MS33" s="120">
        <v>0</v>
      </c>
      <c r="MT33" s="145"/>
      <c r="MU33" s="119">
        <v>0</v>
      </c>
      <c r="MV33" s="119">
        <v>0</v>
      </c>
      <c r="MW33" s="119">
        <v>0</v>
      </c>
      <c r="MX33" s="119">
        <v>214488</v>
      </c>
      <c r="MY33" s="119">
        <v>0</v>
      </c>
      <c r="MZ33" s="120">
        <v>214488</v>
      </c>
      <c r="NA33" s="143">
        <v>214488</v>
      </c>
      <c r="NB33" s="142">
        <v>0</v>
      </c>
      <c r="NC33" s="119">
        <v>0</v>
      </c>
      <c r="ND33" s="120">
        <v>0</v>
      </c>
      <c r="NE33" s="145"/>
      <c r="NF33" s="119">
        <v>0</v>
      </c>
      <c r="NG33" s="119">
        <v>217504</v>
      </c>
      <c r="NH33" s="119">
        <v>0</v>
      </c>
      <c r="NI33" s="119">
        <v>918744</v>
      </c>
      <c r="NJ33" s="119">
        <v>0</v>
      </c>
      <c r="NK33" s="120">
        <v>1136248</v>
      </c>
      <c r="NL33" s="320">
        <v>1136248</v>
      </c>
      <c r="NM33" s="142">
        <v>0</v>
      </c>
      <c r="NN33" s="119">
        <v>0</v>
      </c>
      <c r="NO33" s="120">
        <v>0</v>
      </c>
      <c r="NP33" s="145"/>
      <c r="NQ33" s="119">
        <v>0</v>
      </c>
      <c r="NR33" s="119">
        <v>0</v>
      </c>
      <c r="NS33" s="119">
        <v>0</v>
      </c>
      <c r="NT33" s="119">
        <v>0</v>
      </c>
      <c r="NU33" s="119">
        <v>0</v>
      </c>
      <c r="NV33" s="120">
        <v>0</v>
      </c>
      <c r="NW33" s="121">
        <v>0</v>
      </c>
      <c r="NX33" s="142">
        <v>0</v>
      </c>
      <c r="NY33" s="119">
        <v>0</v>
      </c>
      <c r="NZ33" s="120">
        <v>0</v>
      </c>
      <c r="OA33" s="145"/>
      <c r="OB33" s="119">
        <v>0</v>
      </c>
      <c r="OC33" s="119">
        <v>0</v>
      </c>
      <c r="OD33" s="119">
        <v>0</v>
      </c>
      <c r="OE33" s="119">
        <v>0</v>
      </c>
      <c r="OF33" s="119">
        <v>0</v>
      </c>
      <c r="OG33" s="120">
        <v>0</v>
      </c>
      <c r="OH33" s="121">
        <v>0</v>
      </c>
      <c r="OI33" s="142">
        <v>0</v>
      </c>
      <c r="OJ33" s="119">
        <v>44407</v>
      </c>
      <c r="OK33" s="141">
        <v>44407</v>
      </c>
      <c r="OL33" s="118">
        <v>0</v>
      </c>
      <c r="OM33" s="119">
        <v>388305</v>
      </c>
      <c r="ON33" s="119">
        <v>361090</v>
      </c>
      <c r="OO33" s="119">
        <v>393257</v>
      </c>
      <c r="OP33" s="119">
        <v>1696275</v>
      </c>
      <c r="OQ33" s="119">
        <v>730342</v>
      </c>
      <c r="OR33" s="120">
        <v>3569269</v>
      </c>
      <c r="OS33" s="143">
        <v>3613676</v>
      </c>
    </row>
    <row r="34" spans="2:409" ht="21" customHeight="1" x14ac:dyDescent="0.2">
      <c r="B34" s="126" t="s">
        <v>29</v>
      </c>
      <c r="C34" s="110">
        <v>65736</v>
      </c>
      <c r="D34" s="114">
        <v>14688</v>
      </c>
      <c r="E34" s="113">
        <v>80424</v>
      </c>
      <c r="F34" s="109">
        <v>0</v>
      </c>
      <c r="G34" s="114">
        <v>478286</v>
      </c>
      <c r="H34" s="114">
        <v>988442</v>
      </c>
      <c r="I34" s="114">
        <v>179586</v>
      </c>
      <c r="J34" s="114">
        <v>337872</v>
      </c>
      <c r="K34" s="114">
        <v>473322</v>
      </c>
      <c r="L34" s="173">
        <v>2457508</v>
      </c>
      <c r="M34" s="116">
        <v>2537932</v>
      </c>
      <c r="N34" s="110">
        <v>0</v>
      </c>
      <c r="O34" s="114">
        <v>14688</v>
      </c>
      <c r="P34" s="113">
        <v>14688</v>
      </c>
      <c r="Q34" s="110">
        <v>0</v>
      </c>
      <c r="R34" s="114">
        <v>234294</v>
      </c>
      <c r="S34" s="114">
        <v>83104</v>
      </c>
      <c r="T34" s="114">
        <v>8256</v>
      </c>
      <c r="U34" s="114">
        <v>2072</v>
      </c>
      <c r="V34" s="114">
        <v>78096</v>
      </c>
      <c r="W34" s="113">
        <v>405822</v>
      </c>
      <c r="X34" s="116">
        <v>420510</v>
      </c>
      <c r="Y34" s="110">
        <v>0</v>
      </c>
      <c r="Z34" s="114">
        <v>0</v>
      </c>
      <c r="AA34" s="113">
        <v>0</v>
      </c>
      <c r="AB34" s="110">
        <v>0</v>
      </c>
      <c r="AC34" s="114">
        <v>165462</v>
      </c>
      <c r="AD34" s="114">
        <v>0</v>
      </c>
      <c r="AE34" s="114">
        <v>0</v>
      </c>
      <c r="AF34" s="114">
        <v>0</v>
      </c>
      <c r="AG34" s="114">
        <v>0</v>
      </c>
      <c r="AH34" s="113">
        <v>165462</v>
      </c>
      <c r="AI34" s="116">
        <v>165462</v>
      </c>
      <c r="AJ34" s="110">
        <v>0</v>
      </c>
      <c r="AK34" s="114">
        <v>0</v>
      </c>
      <c r="AL34" s="113">
        <v>0</v>
      </c>
      <c r="AM34" s="110">
        <v>0</v>
      </c>
      <c r="AN34" s="114">
        <v>0</v>
      </c>
      <c r="AO34" s="114">
        <v>0</v>
      </c>
      <c r="AP34" s="114">
        <v>0</v>
      </c>
      <c r="AQ34" s="114">
        <v>0</v>
      </c>
      <c r="AR34" s="114">
        <v>65552</v>
      </c>
      <c r="AS34" s="113">
        <v>65552</v>
      </c>
      <c r="AT34" s="116">
        <v>65552</v>
      </c>
      <c r="AU34" s="110">
        <v>0</v>
      </c>
      <c r="AV34" s="114">
        <v>14688</v>
      </c>
      <c r="AW34" s="113">
        <v>14688</v>
      </c>
      <c r="AX34" s="110">
        <v>0</v>
      </c>
      <c r="AY34" s="114">
        <v>0</v>
      </c>
      <c r="AZ34" s="114">
        <v>30272</v>
      </c>
      <c r="BA34" s="114">
        <v>0</v>
      </c>
      <c r="BB34" s="114">
        <v>0</v>
      </c>
      <c r="BC34" s="114">
        <v>0</v>
      </c>
      <c r="BD34" s="113">
        <v>30272</v>
      </c>
      <c r="BE34" s="116">
        <v>44960</v>
      </c>
      <c r="BF34" s="110">
        <v>0</v>
      </c>
      <c r="BG34" s="114">
        <v>0</v>
      </c>
      <c r="BH34" s="112">
        <v>0</v>
      </c>
      <c r="BI34" s="111">
        <v>0</v>
      </c>
      <c r="BJ34" s="114">
        <v>68832</v>
      </c>
      <c r="BK34" s="114">
        <v>0</v>
      </c>
      <c r="BL34" s="114">
        <v>0</v>
      </c>
      <c r="BM34" s="114">
        <v>0</v>
      </c>
      <c r="BN34" s="114">
        <v>0</v>
      </c>
      <c r="BO34" s="113">
        <v>68832</v>
      </c>
      <c r="BP34" s="116">
        <v>68832</v>
      </c>
      <c r="BQ34" s="110">
        <v>0</v>
      </c>
      <c r="BR34" s="114">
        <v>0</v>
      </c>
      <c r="BS34" s="113">
        <v>0</v>
      </c>
      <c r="BT34" s="110">
        <v>0</v>
      </c>
      <c r="BU34" s="114">
        <v>0</v>
      </c>
      <c r="BV34" s="114">
        <v>52832</v>
      </c>
      <c r="BW34" s="114">
        <v>8256</v>
      </c>
      <c r="BX34" s="114">
        <v>2072</v>
      </c>
      <c r="BY34" s="114">
        <v>12544</v>
      </c>
      <c r="BZ34" s="113">
        <v>75704</v>
      </c>
      <c r="CA34" s="116">
        <v>75704</v>
      </c>
      <c r="CB34" s="110">
        <v>0</v>
      </c>
      <c r="CC34" s="114">
        <v>0</v>
      </c>
      <c r="CD34" s="113">
        <v>0</v>
      </c>
      <c r="CE34" s="110">
        <v>0</v>
      </c>
      <c r="CF34" s="114">
        <v>240192</v>
      </c>
      <c r="CG34" s="114">
        <v>449891</v>
      </c>
      <c r="CH34" s="114">
        <v>134570</v>
      </c>
      <c r="CI34" s="114">
        <v>83893</v>
      </c>
      <c r="CJ34" s="114">
        <v>0</v>
      </c>
      <c r="CK34" s="113">
        <v>908546</v>
      </c>
      <c r="CL34" s="116">
        <v>908546</v>
      </c>
      <c r="CM34" s="110">
        <v>0</v>
      </c>
      <c r="CN34" s="114">
        <v>0</v>
      </c>
      <c r="CO34" s="113">
        <v>0</v>
      </c>
      <c r="CP34" s="111">
        <v>0</v>
      </c>
      <c r="CQ34" s="114">
        <v>240192</v>
      </c>
      <c r="CR34" s="114">
        <v>449891</v>
      </c>
      <c r="CS34" s="114">
        <v>104752</v>
      </c>
      <c r="CT34" s="114">
        <v>83893</v>
      </c>
      <c r="CU34" s="114">
        <v>0</v>
      </c>
      <c r="CV34" s="113">
        <v>878728</v>
      </c>
      <c r="CW34" s="116">
        <v>878728</v>
      </c>
      <c r="CX34" s="110">
        <v>0</v>
      </c>
      <c r="CY34" s="114">
        <v>0</v>
      </c>
      <c r="CZ34" s="113">
        <v>0</v>
      </c>
      <c r="DA34" s="110">
        <v>0</v>
      </c>
      <c r="DB34" s="114">
        <v>0</v>
      </c>
      <c r="DC34" s="114">
        <v>0</v>
      </c>
      <c r="DD34" s="114">
        <v>29818</v>
      </c>
      <c r="DE34" s="114">
        <v>0</v>
      </c>
      <c r="DF34" s="114">
        <v>0</v>
      </c>
      <c r="DG34" s="113">
        <v>29818</v>
      </c>
      <c r="DH34" s="116">
        <v>29818</v>
      </c>
      <c r="DI34" s="110">
        <v>0</v>
      </c>
      <c r="DJ34" s="114">
        <v>0</v>
      </c>
      <c r="DK34" s="112">
        <v>0</v>
      </c>
      <c r="DL34" s="111">
        <v>0</v>
      </c>
      <c r="DM34" s="114">
        <v>0</v>
      </c>
      <c r="DN34" s="114">
        <v>59062</v>
      </c>
      <c r="DO34" s="114">
        <v>0</v>
      </c>
      <c r="DP34" s="114">
        <v>0</v>
      </c>
      <c r="DQ34" s="114">
        <v>115170</v>
      </c>
      <c r="DR34" s="113">
        <v>174232</v>
      </c>
      <c r="DS34" s="116">
        <v>174232</v>
      </c>
      <c r="DT34" s="110">
        <v>0</v>
      </c>
      <c r="DU34" s="114">
        <v>0</v>
      </c>
      <c r="DV34" s="113">
        <v>0</v>
      </c>
      <c r="DW34" s="110">
        <v>0</v>
      </c>
      <c r="DX34" s="114">
        <v>0</v>
      </c>
      <c r="DY34" s="114">
        <v>59062</v>
      </c>
      <c r="DZ34" s="114">
        <v>0</v>
      </c>
      <c r="EA34" s="114">
        <v>0</v>
      </c>
      <c r="EB34" s="114">
        <v>72456</v>
      </c>
      <c r="EC34" s="113">
        <v>131518</v>
      </c>
      <c r="ED34" s="116">
        <v>131518</v>
      </c>
      <c r="EE34" s="110">
        <v>0</v>
      </c>
      <c r="EF34" s="112">
        <v>0</v>
      </c>
      <c r="EG34" s="113">
        <v>0</v>
      </c>
      <c r="EH34" s="110">
        <v>0</v>
      </c>
      <c r="EI34" s="114">
        <v>0</v>
      </c>
      <c r="EJ34" s="114">
        <v>0</v>
      </c>
      <c r="EK34" s="114">
        <v>0</v>
      </c>
      <c r="EL34" s="114">
        <v>0</v>
      </c>
      <c r="EM34" s="114">
        <v>42714</v>
      </c>
      <c r="EN34" s="112">
        <v>42714</v>
      </c>
      <c r="EO34" s="116">
        <v>42714</v>
      </c>
      <c r="EP34" s="110">
        <v>0</v>
      </c>
      <c r="EQ34" s="114">
        <v>0</v>
      </c>
      <c r="ER34" s="112">
        <v>0</v>
      </c>
      <c r="ES34" s="111">
        <v>0</v>
      </c>
      <c r="ET34" s="114">
        <v>0</v>
      </c>
      <c r="EU34" s="114">
        <v>0</v>
      </c>
      <c r="EV34" s="114">
        <v>0</v>
      </c>
      <c r="EW34" s="114">
        <v>0</v>
      </c>
      <c r="EX34" s="114">
        <v>0</v>
      </c>
      <c r="EY34" s="113">
        <v>0</v>
      </c>
      <c r="EZ34" s="116">
        <v>0</v>
      </c>
      <c r="FA34" s="110">
        <v>0</v>
      </c>
      <c r="FB34" s="114">
        <v>0</v>
      </c>
      <c r="FC34" s="112">
        <v>0</v>
      </c>
      <c r="FD34" s="347"/>
      <c r="FE34" s="114">
        <v>0</v>
      </c>
      <c r="FF34" s="114">
        <v>0</v>
      </c>
      <c r="FG34" s="114">
        <v>0</v>
      </c>
      <c r="FH34" s="114">
        <v>0</v>
      </c>
      <c r="FI34" s="114">
        <v>0</v>
      </c>
      <c r="FJ34" s="113">
        <v>0</v>
      </c>
      <c r="FK34" s="116">
        <v>0</v>
      </c>
      <c r="FL34" s="110">
        <v>13680</v>
      </c>
      <c r="FM34" s="114">
        <v>0</v>
      </c>
      <c r="FN34" s="113">
        <v>13680</v>
      </c>
      <c r="FO34" s="110">
        <v>0</v>
      </c>
      <c r="FP34" s="114">
        <v>3800</v>
      </c>
      <c r="FQ34" s="114">
        <v>39776</v>
      </c>
      <c r="FR34" s="114">
        <v>36760</v>
      </c>
      <c r="FS34" s="114">
        <v>35200</v>
      </c>
      <c r="FT34" s="114">
        <v>52640</v>
      </c>
      <c r="FU34" s="113">
        <v>168176</v>
      </c>
      <c r="FV34" s="116">
        <v>181856</v>
      </c>
      <c r="FW34" s="115">
        <v>13680</v>
      </c>
      <c r="FX34" s="114">
        <v>0</v>
      </c>
      <c r="FY34" s="112">
        <v>13680</v>
      </c>
      <c r="FZ34" s="111">
        <v>0</v>
      </c>
      <c r="GA34" s="114">
        <v>3800</v>
      </c>
      <c r="GB34" s="114">
        <v>39776</v>
      </c>
      <c r="GC34" s="114">
        <v>36760</v>
      </c>
      <c r="GD34" s="114">
        <v>35200</v>
      </c>
      <c r="GE34" s="114">
        <v>52640</v>
      </c>
      <c r="GF34" s="113">
        <v>168176</v>
      </c>
      <c r="GG34" s="318">
        <v>181856</v>
      </c>
      <c r="GH34" s="115">
        <v>0</v>
      </c>
      <c r="GI34" s="114">
        <v>0</v>
      </c>
      <c r="GJ34" s="112">
        <v>0</v>
      </c>
      <c r="GK34" s="111">
        <v>0</v>
      </c>
      <c r="GL34" s="114">
        <v>0</v>
      </c>
      <c r="GM34" s="114">
        <v>0</v>
      </c>
      <c r="GN34" s="114">
        <v>0</v>
      </c>
      <c r="GO34" s="114">
        <v>0</v>
      </c>
      <c r="GP34" s="114">
        <v>0</v>
      </c>
      <c r="GQ34" s="113">
        <v>0</v>
      </c>
      <c r="GR34" s="116">
        <v>0</v>
      </c>
      <c r="GS34" s="110">
        <v>0</v>
      </c>
      <c r="GT34" s="114">
        <v>0</v>
      </c>
      <c r="GU34" s="113">
        <v>0</v>
      </c>
      <c r="GV34" s="110">
        <v>0</v>
      </c>
      <c r="GW34" s="114">
        <v>0</v>
      </c>
      <c r="GX34" s="114">
        <v>0</v>
      </c>
      <c r="GY34" s="114">
        <v>0</v>
      </c>
      <c r="GZ34" s="114">
        <v>0</v>
      </c>
      <c r="HA34" s="114">
        <v>0</v>
      </c>
      <c r="HB34" s="112">
        <v>0</v>
      </c>
      <c r="HC34" s="116">
        <v>0</v>
      </c>
      <c r="HD34" s="110">
        <v>52056</v>
      </c>
      <c r="HE34" s="114">
        <v>0</v>
      </c>
      <c r="HF34" s="112">
        <v>52056</v>
      </c>
      <c r="HG34" s="111">
        <v>0</v>
      </c>
      <c r="HH34" s="114">
        <v>0</v>
      </c>
      <c r="HI34" s="114">
        <v>356609</v>
      </c>
      <c r="HJ34" s="114">
        <v>0</v>
      </c>
      <c r="HK34" s="114">
        <v>216707</v>
      </c>
      <c r="HL34" s="114">
        <v>227416</v>
      </c>
      <c r="HM34" s="113">
        <v>800732</v>
      </c>
      <c r="HN34" s="109">
        <v>852788</v>
      </c>
      <c r="HO34" s="328"/>
      <c r="HP34" s="329"/>
      <c r="HQ34" s="330"/>
      <c r="HR34" s="331"/>
      <c r="HS34" s="329"/>
      <c r="HT34" s="329"/>
      <c r="HU34" s="329"/>
      <c r="HV34" s="329"/>
      <c r="HW34" s="329"/>
      <c r="HX34" s="332"/>
      <c r="HY34" s="333"/>
      <c r="HZ34" s="150">
        <v>0</v>
      </c>
      <c r="IA34" s="135">
        <v>0</v>
      </c>
      <c r="IB34" s="150">
        <v>0</v>
      </c>
      <c r="IC34" s="134">
        <v>0</v>
      </c>
      <c r="ID34" s="135">
        <v>353520</v>
      </c>
      <c r="IE34" s="136">
        <v>0</v>
      </c>
      <c r="IF34" s="137">
        <v>0</v>
      </c>
      <c r="IG34" s="135">
        <v>0</v>
      </c>
      <c r="IH34" s="137">
        <v>0</v>
      </c>
      <c r="II34" s="138">
        <v>353520</v>
      </c>
      <c r="IJ34" s="150">
        <v>353520</v>
      </c>
      <c r="IK34" s="232">
        <v>0</v>
      </c>
      <c r="IL34" s="236">
        <v>0</v>
      </c>
      <c r="IM34" s="237">
        <v>0</v>
      </c>
      <c r="IN34" s="140"/>
      <c r="IO34" s="119">
        <v>0</v>
      </c>
      <c r="IP34" s="119">
        <v>0</v>
      </c>
      <c r="IQ34" s="119">
        <v>0</v>
      </c>
      <c r="IR34" s="119">
        <v>0</v>
      </c>
      <c r="IS34" s="119">
        <v>0</v>
      </c>
      <c r="IT34" s="141">
        <v>0</v>
      </c>
      <c r="IU34" s="320">
        <v>0</v>
      </c>
      <c r="IV34" s="142">
        <v>0</v>
      </c>
      <c r="IW34" s="119">
        <v>0</v>
      </c>
      <c r="IX34" s="120">
        <v>0</v>
      </c>
      <c r="IY34" s="144"/>
      <c r="IZ34" s="119">
        <v>0</v>
      </c>
      <c r="JA34" s="119">
        <v>0</v>
      </c>
      <c r="JB34" s="119">
        <v>0</v>
      </c>
      <c r="JC34" s="119">
        <v>0</v>
      </c>
      <c r="JD34" s="119">
        <v>0</v>
      </c>
      <c r="JE34" s="120">
        <v>0</v>
      </c>
      <c r="JF34" s="121">
        <v>0</v>
      </c>
      <c r="JG34" s="142">
        <v>0</v>
      </c>
      <c r="JH34" s="119">
        <v>0</v>
      </c>
      <c r="JI34" s="141">
        <v>0</v>
      </c>
      <c r="JJ34" s="118">
        <v>0</v>
      </c>
      <c r="JK34" s="119">
        <v>153008</v>
      </c>
      <c r="JL34" s="119">
        <v>0</v>
      </c>
      <c r="JM34" s="119">
        <v>0</v>
      </c>
      <c r="JN34" s="119">
        <v>0</v>
      </c>
      <c r="JO34" s="119">
        <v>0</v>
      </c>
      <c r="JP34" s="120">
        <v>153008</v>
      </c>
      <c r="JQ34" s="320">
        <v>153008</v>
      </c>
      <c r="JR34" s="142">
        <v>0</v>
      </c>
      <c r="JS34" s="119">
        <v>0</v>
      </c>
      <c r="JT34" s="141">
        <v>0</v>
      </c>
      <c r="JU34" s="118">
        <v>0</v>
      </c>
      <c r="JV34" s="119">
        <v>0</v>
      </c>
      <c r="JW34" s="119">
        <v>0</v>
      </c>
      <c r="JX34" s="119">
        <v>0</v>
      </c>
      <c r="JY34" s="119">
        <v>0</v>
      </c>
      <c r="JZ34" s="119">
        <v>0</v>
      </c>
      <c r="KA34" s="120">
        <v>0</v>
      </c>
      <c r="KB34" s="320">
        <v>0</v>
      </c>
      <c r="KC34" s="234">
        <v>0</v>
      </c>
      <c r="KD34" s="230">
        <v>0</v>
      </c>
      <c r="KE34" s="120">
        <v>0</v>
      </c>
      <c r="KF34" s="118">
        <v>0</v>
      </c>
      <c r="KG34" s="119">
        <v>0</v>
      </c>
      <c r="KH34" s="119">
        <v>0</v>
      </c>
      <c r="KI34" s="119">
        <v>0</v>
      </c>
      <c r="KJ34" s="119">
        <v>0</v>
      </c>
      <c r="KK34" s="119">
        <v>0</v>
      </c>
      <c r="KL34" s="120">
        <v>0</v>
      </c>
      <c r="KM34" s="143">
        <v>0</v>
      </c>
      <c r="KN34" s="232">
        <v>0</v>
      </c>
      <c r="KO34" s="236">
        <v>0</v>
      </c>
      <c r="KP34" s="237">
        <v>0</v>
      </c>
      <c r="KQ34" s="140"/>
      <c r="KR34" s="119">
        <v>0</v>
      </c>
      <c r="KS34" s="119">
        <v>0</v>
      </c>
      <c r="KT34" s="119">
        <v>0</v>
      </c>
      <c r="KU34" s="119">
        <v>0</v>
      </c>
      <c r="KV34" s="119">
        <v>0</v>
      </c>
      <c r="KW34" s="120">
        <v>0</v>
      </c>
      <c r="KX34" s="320">
        <v>0</v>
      </c>
      <c r="KY34" s="142">
        <v>0</v>
      </c>
      <c r="KZ34" s="119">
        <v>0</v>
      </c>
      <c r="LA34" s="120">
        <v>0</v>
      </c>
      <c r="LB34" s="145"/>
      <c r="LC34" s="119">
        <v>0</v>
      </c>
      <c r="LD34" s="119">
        <v>0</v>
      </c>
      <c r="LE34" s="119">
        <v>0</v>
      </c>
      <c r="LF34" s="119">
        <v>0</v>
      </c>
      <c r="LG34" s="119">
        <v>0</v>
      </c>
      <c r="LH34" s="120">
        <v>0</v>
      </c>
      <c r="LI34" s="121">
        <v>0</v>
      </c>
      <c r="LJ34" s="142">
        <v>0</v>
      </c>
      <c r="LK34" s="119">
        <v>0</v>
      </c>
      <c r="LL34" s="120">
        <v>0</v>
      </c>
      <c r="LM34" s="145"/>
      <c r="LN34" s="119">
        <v>200512</v>
      </c>
      <c r="LO34" s="119">
        <v>0</v>
      </c>
      <c r="LP34" s="119">
        <v>0</v>
      </c>
      <c r="LQ34" s="119">
        <v>0</v>
      </c>
      <c r="LR34" s="119">
        <v>0</v>
      </c>
      <c r="LS34" s="120">
        <v>200512</v>
      </c>
      <c r="LT34" s="320">
        <v>200512</v>
      </c>
      <c r="LU34" s="142">
        <v>0</v>
      </c>
      <c r="LV34" s="119">
        <v>0</v>
      </c>
      <c r="LW34" s="120">
        <v>0</v>
      </c>
      <c r="LX34" s="145"/>
      <c r="LY34" s="119">
        <v>0</v>
      </c>
      <c r="LZ34" s="119">
        <v>0</v>
      </c>
      <c r="MA34" s="119">
        <v>0</v>
      </c>
      <c r="MB34" s="119">
        <v>0</v>
      </c>
      <c r="MC34" s="119">
        <v>0</v>
      </c>
      <c r="MD34" s="120">
        <v>0</v>
      </c>
      <c r="ME34" s="121">
        <v>0</v>
      </c>
      <c r="MF34" s="142">
        <v>0</v>
      </c>
      <c r="MG34" s="119">
        <v>0</v>
      </c>
      <c r="MH34" s="120">
        <v>0</v>
      </c>
      <c r="MI34" s="145"/>
      <c r="MJ34" s="119">
        <v>0</v>
      </c>
      <c r="MK34" s="119">
        <v>0</v>
      </c>
      <c r="ML34" s="119">
        <v>-23814</v>
      </c>
      <c r="MM34" s="119">
        <v>0</v>
      </c>
      <c r="MN34" s="119">
        <v>171448</v>
      </c>
      <c r="MO34" s="120">
        <v>147634</v>
      </c>
      <c r="MP34" s="143">
        <v>147634</v>
      </c>
      <c r="MQ34" s="142">
        <v>0</v>
      </c>
      <c r="MR34" s="119">
        <v>0</v>
      </c>
      <c r="MS34" s="120">
        <v>0</v>
      </c>
      <c r="MT34" s="145"/>
      <c r="MU34" s="119">
        <v>0</v>
      </c>
      <c r="MV34" s="119">
        <v>0</v>
      </c>
      <c r="MW34" s="119">
        <v>-23814</v>
      </c>
      <c r="MX34" s="119">
        <v>0</v>
      </c>
      <c r="MY34" s="119">
        <v>171448</v>
      </c>
      <c r="MZ34" s="120">
        <v>147634</v>
      </c>
      <c r="NA34" s="143">
        <v>147634</v>
      </c>
      <c r="NB34" s="142">
        <v>0</v>
      </c>
      <c r="NC34" s="119">
        <v>0</v>
      </c>
      <c r="ND34" s="120">
        <v>0</v>
      </c>
      <c r="NE34" s="145"/>
      <c r="NF34" s="119">
        <v>0</v>
      </c>
      <c r="NG34" s="119">
        <v>0</v>
      </c>
      <c r="NH34" s="119">
        <v>0</v>
      </c>
      <c r="NI34" s="119">
        <v>0</v>
      </c>
      <c r="NJ34" s="119">
        <v>0</v>
      </c>
      <c r="NK34" s="120">
        <v>0</v>
      </c>
      <c r="NL34" s="320">
        <v>0</v>
      </c>
      <c r="NM34" s="142">
        <v>0</v>
      </c>
      <c r="NN34" s="119">
        <v>0</v>
      </c>
      <c r="NO34" s="120">
        <v>0</v>
      </c>
      <c r="NP34" s="145"/>
      <c r="NQ34" s="119">
        <v>0</v>
      </c>
      <c r="NR34" s="119">
        <v>0</v>
      </c>
      <c r="NS34" s="119">
        <v>0</v>
      </c>
      <c r="NT34" s="119">
        <v>0</v>
      </c>
      <c r="NU34" s="119">
        <v>0</v>
      </c>
      <c r="NV34" s="120">
        <v>0</v>
      </c>
      <c r="NW34" s="121">
        <v>0</v>
      </c>
      <c r="NX34" s="142">
        <v>0</v>
      </c>
      <c r="NY34" s="119">
        <v>0</v>
      </c>
      <c r="NZ34" s="120">
        <v>0</v>
      </c>
      <c r="OA34" s="145"/>
      <c r="OB34" s="119">
        <v>0</v>
      </c>
      <c r="OC34" s="119">
        <v>0</v>
      </c>
      <c r="OD34" s="119">
        <v>0</v>
      </c>
      <c r="OE34" s="119">
        <v>0</v>
      </c>
      <c r="OF34" s="119">
        <v>0</v>
      </c>
      <c r="OG34" s="120">
        <v>0</v>
      </c>
      <c r="OH34" s="121">
        <v>0</v>
      </c>
      <c r="OI34" s="142">
        <v>65736</v>
      </c>
      <c r="OJ34" s="119">
        <v>14688</v>
      </c>
      <c r="OK34" s="141">
        <v>80424</v>
      </c>
      <c r="OL34" s="118">
        <v>0</v>
      </c>
      <c r="OM34" s="119">
        <v>831806</v>
      </c>
      <c r="ON34" s="119">
        <v>988442</v>
      </c>
      <c r="OO34" s="119">
        <v>155772</v>
      </c>
      <c r="OP34" s="119">
        <v>337872</v>
      </c>
      <c r="OQ34" s="119">
        <v>644770</v>
      </c>
      <c r="OR34" s="120">
        <v>2958662</v>
      </c>
      <c r="OS34" s="143">
        <v>3039086</v>
      </c>
    </row>
    <row r="35" spans="2:409" ht="21" customHeight="1" x14ac:dyDescent="0.2">
      <c r="B35" s="126" t="s">
        <v>30</v>
      </c>
      <c r="C35" s="110">
        <v>21056</v>
      </c>
      <c r="D35" s="114">
        <v>67712</v>
      </c>
      <c r="E35" s="174">
        <v>88768</v>
      </c>
      <c r="F35" s="175">
        <v>0</v>
      </c>
      <c r="G35" s="176">
        <v>358320</v>
      </c>
      <c r="H35" s="176">
        <v>30040</v>
      </c>
      <c r="I35" s="176">
        <v>258167</v>
      </c>
      <c r="J35" s="176">
        <v>334296</v>
      </c>
      <c r="K35" s="176">
        <v>0</v>
      </c>
      <c r="L35" s="177">
        <v>980823</v>
      </c>
      <c r="M35" s="116">
        <v>1069591</v>
      </c>
      <c r="N35" s="110">
        <v>0</v>
      </c>
      <c r="O35" s="114">
        <v>62112</v>
      </c>
      <c r="P35" s="113">
        <v>62112</v>
      </c>
      <c r="Q35" s="110">
        <v>0</v>
      </c>
      <c r="R35" s="114">
        <v>176554</v>
      </c>
      <c r="S35" s="114">
        <v>23640</v>
      </c>
      <c r="T35" s="114">
        <v>60856</v>
      </c>
      <c r="U35" s="114">
        <v>105168</v>
      </c>
      <c r="V35" s="114">
        <v>0</v>
      </c>
      <c r="W35" s="113">
        <v>366218</v>
      </c>
      <c r="X35" s="116">
        <v>428330</v>
      </c>
      <c r="Y35" s="110">
        <v>0</v>
      </c>
      <c r="Z35" s="114">
        <v>0</v>
      </c>
      <c r="AA35" s="113">
        <v>0</v>
      </c>
      <c r="AB35" s="110">
        <v>0</v>
      </c>
      <c r="AC35" s="114">
        <v>166082</v>
      </c>
      <c r="AD35" s="114">
        <v>21352</v>
      </c>
      <c r="AE35" s="114">
        <v>25400</v>
      </c>
      <c r="AF35" s="114">
        <v>38496</v>
      </c>
      <c r="AG35" s="114">
        <v>0</v>
      </c>
      <c r="AH35" s="113">
        <v>251330</v>
      </c>
      <c r="AI35" s="116">
        <v>251330</v>
      </c>
      <c r="AJ35" s="110">
        <v>0</v>
      </c>
      <c r="AK35" s="114">
        <v>0</v>
      </c>
      <c r="AL35" s="113">
        <v>0</v>
      </c>
      <c r="AM35" s="110">
        <v>0</v>
      </c>
      <c r="AN35" s="114">
        <v>0</v>
      </c>
      <c r="AO35" s="114">
        <v>0</v>
      </c>
      <c r="AP35" s="114">
        <v>0</v>
      </c>
      <c r="AQ35" s="114">
        <v>0</v>
      </c>
      <c r="AR35" s="114">
        <v>0</v>
      </c>
      <c r="AS35" s="113">
        <v>0</v>
      </c>
      <c r="AT35" s="116">
        <v>0</v>
      </c>
      <c r="AU35" s="110">
        <v>0</v>
      </c>
      <c r="AV35" s="114">
        <v>62112</v>
      </c>
      <c r="AW35" s="113">
        <v>62112</v>
      </c>
      <c r="AX35" s="110">
        <v>0</v>
      </c>
      <c r="AY35" s="114">
        <v>0</v>
      </c>
      <c r="AZ35" s="114">
        <v>0</v>
      </c>
      <c r="BA35" s="114">
        <v>35456</v>
      </c>
      <c r="BB35" s="114">
        <v>35456</v>
      </c>
      <c r="BC35" s="114">
        <v>0</v>
      </c>
      <c r="BD35" s="113">
        <v>70912</v>
      </c>
      <c r="BE35" s="116">
        <v>133024</v>
      </c>
      <c r="BF35" s="110">
        <v>0</v>
      </c>
      <c r="BG35" s="114">
        <v>0</v>
      </c>
      <c r="BH35" s="112">
        <v>0</v>
      </c>
      <c r="BI35" s="111">
        <v>0</v>
      </c>
      <c r="BJ35" s="114">
        <v>0</v>
      </c>
      <c r="BK35" s="114">
        <v>0</v>
      </c>
      <c r="BL35" s="114">
        <v>0</v>
      </c>
      <c r="BM35" s="114">
        <v>0</v>
      </c>
      <c r="BN35" s="114">
        <v>0</v>
      </c>
      <c r="BO35" s="113">
        <v>0</v>
      </c>
      <c r="BP35" s="116">
        <v>0</v>
      </c>
      <c r="BQ35" s="110">
        <v>0</v>
      </c>
      <c r="BR35" s="114">
        <v>0</v>
      </c>
      <c r="BS35" s="113">
        <v>0</v>
      </c>
      <c r="BT35" s="110">
        <v>0</v>
      </c>
      <c r="BU35" s="114">
        <v>10472</v>
      </c>
      <c r="BV35" s="114">
        <v>2288</v>
      </c>
      <c r="BW35" s="114">
        <v>0</v>
      </c>
      <c r="BX35" s="114">
        <v>31216</v>
      </c>
      <c r="BY35" s="114">
        <v>0</v>
      </c>
      <c r="BZ35" s="113">
        <v>43976</v>
      </c>
      <c r="CA35" s="116">
        <v>43976</v>
      </c>
      <c r="CB35" s="110">
        <v>21056</v>
      </c>
      <c r="CC35" s="114">
        <v>0</v>
      </c>
      <c r="CD35" s="113">
        <v>21056</v>
      </c>
      <c r="CE35" s="110">
        <v>0</v>
      </c>
      <c r="CF35" s="114">
        <v>20506</v>
      </c>
      <c r="CG35" s="114">
        <v>0</v>
      </c>
      <c r="CH35" s="114">
        <v>102089</v>
      </c>
      <c r="CI35" s="114">
        <v>180200</v>
      </c>
      <c r="CJ35" s="114">
        <v>0</v>
      </c>
      <c r="CK35" s="113">
        <v>302795</v>
      </c>
      <c r="CL35" s="116">
        <v>323851</v>
      </c>
      <c r="CM35" s="110">
        <v>0</v>
      </c>
      <c r="CN35" s="114">
        <v>0</v>
      </c>
      <c r="CO35" s="113">
        <v>0</v>
      </c>
      <c r="CP35" s="111">
        <v>0</v>
      </c>
      <c r="CQ35" s="114">
        <v>20506</v>
      </c>
      <c r="CR35" s="114">
        <v>0</v>
      </c>
      <c r="CS35" s="114">
        <v>0</v>
      </c>
      <c r="CT35" s="114">
        <v>180200</v>
      </c>
      <c r="CU35" s="114">
        <v>0</v>
      </c>
      <c r="CV35" s="113">
        <v>200706</v>
      </c>
      <c r="CW35" s="116">
        <v>200706</v>
      </c>
      <c r="CX35" s="110">
        <v>21056</v>
      </c>
      <c r="CY35" s="114">
        <v>0</v>
      </c>
      <c r="CZ35" s="113">
        <v>21056</v>
      </c>
      <c r="DA35" s="110">
        <v>0</v>
      </c>
      <c r="DB35" s="114">
        <v>0</v>
      </c>
      <c r="DC35" s="114">
        <v>0</v>
      </c>
      <c r="DD35" s="114">
        <v>102089</v>
      </c>
      <c r="DE35" s="114">
        <v>0</v>
      </c>
      <c r="DF35" s="114">
        <v>0</v>
      </c>
      <c r="DG35" s="113">
        <v>102089</v>
      </c>
      <c r="DH35" s="116">
        <v>123145</v>
      </c>
      <c r="DI35" s="110">
        <v>0</v>
      </c>
      <c r="DJ35" s="114">
        <v>0</v>
      </c>
      <c r="DK35" s="112">
        <v>0</v>
      </c>
      <c r="DL35" s="111">
        <v>0</v>
      </c>
      <c r="DM35" s="114">
        <v>0</v>
      </c>
      <c r="DN35" s="114">
        <v>0</v>
      </c>
      <c r="DO35" s="114">
        <v>62502</v>
      </c>
      <c r="DP35" s="114">
        <v>0</v>
      </c>
      <c r="DQ35" s="114">
        <v>0</v>
      </c>
      <c r="DR35" s="113">
        <v>62502</v>
      </c>
      <c r="DS35" s="116">
        <v>62502</v>
      </c>
      <c r="DT35" s="110">
        <v>0</v>
      </c>
      <c r="DU35" s="114">
        <v>0</v>
      </c>
      <c r="DV35" s="113">
        <v>0</v>
      </c>
      <c r="DW35" s="110">
        <v>0</v>
      </c>
      <c r="DX35" s="114">
        <v>0</v>
      </c>
      <c r="DY35" s="114">
        <v>0</v>
      </c>
      <c r="DZ35" s="114">
        <v>62502</v>
      </c>
      <c r="EA35" s="114">
        <v>0</v>
      </c>
      <c r="EB35" s="114">
        <v>0</v>
      </c>
      <c r="EC35" s="113">
        <v>62502</v>
      </c>
      <c r="ED35" s="116">
        <v>62502</v>
      </c>
      <c r="EE35" s="110">
        <v>0</v>
      </c>
      <c r="EF35" s="112">
        <v>0</v>
      </c>
      <c r="EG35" s="113">
        <v>0</v>
      </c>
      <c r="EH35" s="110">
        <v>0</v>
      </c>
      <c r="EI35" s="114">
        <v>0</v>
      </c>
      <c r="EJ35" s="114">
        <v>0</v>
      </c>
      <c r="EK35" s="114">
        <v>0</v>
      </c>
      <c r="EL35" s="114">
        <v>0</v>
      </c>
      <c r="EM35" s="114">
        <v>0</v>
      </c>
      <c r="EN35" s="112">
        <v>0</v>
      </c>
      <c r="EO35" s="116">
        <v>0</v>
      </c>
      <c r="EP35" s="110">
        <v>0</v>
      </c>
      <c r="EQ35" s="114">
        <v>0</v>
      </c>
      <c r="ER35" s="112">
        <v>0</v>
      </c>
      <c r="ES35" s="111">
        <v>0</v>
      </c>
      <c r="ET35" s="114">
        <v>0</v>
      </c>
      <c r="EU35" s="114">
        <v>0</v>
      </c>
      <c r="EV35" s="114">
        <v>0</v>
      </c>
      <c r="EW35" s="114">
        <v>0</v>
      </c>
      <c r="EX35" s="114">
        <v>0</v>
      </c>
      <c r="EY35" s="113">
        <v>0</v>
      </c>
      <c r="EZ35" s="116">
        <v>0</v>
      </c>
      <c r="FA35" s="110">
        <v>0</v>
      </c>
      <c r="FB35" s="114">
        <v>0</v>
      </c>
      <c r="FC35" s="112">
        <v>0</v>
      </c>
      <c r="FD35" s="347"/>
      <c r="FE35" s="114">
        <v>0</v>
      </c>
      <c r="FF35" s="114">
        <v>0</v>
      </c>
      <c r="FG35" s="114">
        <v>0</v>
      </c>
      <c r="FH35" s="114">
        <v>0</v>
      </c>
      <c r="FI35" s="114">
        <v>0</v>
      </c>
      <c r="FJ35" s="113">
        <v>0</v>
      </c>
      <c r="FK35" s="116">
        <v>0</v>
      </c>
      <c r="FL35" s="110">
        <v>0</v>
      </c>
      <c r="FM35" s="114">
        <v>5600</v>
      </c>
      <c r="FN35" s="113">
        <v>5600</v>
      </c>
      <c r="FO35" s="110">
        <v>0</v>
      </c>
      <c r="FP35" s="114">
        <v>640</v>
      </c>
      <c r="FQ35" s="114">
        <v>6400</v>
      </c>
      <c r="FR35" s="114">
        <v>32720</v>
      </c>
      <c r="FS35" s="114">
        <v>48928</v>
      </c>
      <c r="FT35" s="114">
        <v>0</v>
      </c>
      <c r="FU35" s="113">
        <v>88688</v>
      </c>
      <c r="FV35" s="116">
        <v>94288</v>
      </c>
      <c r="FW35" s="115">
        <v>0</v>
      </c>
      <c r="FX35" s="114">
        <v>5600</v>
      </c>
      <c r="FY35" s="112">
        <v>5600</v>
      </c>
      <c r="FZ35" s="111">
        <v>0</v>
      </c>
      <c r="GA35" s="114">
        <v>640</v>
      </c>
      <c r="GB35" s="114">
        <v>6400</v>
      </c>
      <c r="GC35" s="114">
        <v>32720</v>
      </c>
      <c r="GD35" s="114">
        <v>48928</v>
      </c>
      <c r="GE35" s="114">
        <v>0</v>
      </c>
      <c r="GF35" s="113">
        <v>88688</v>
      </c>
      <c r="GG35" s="318">
        <v>94288</v>
      </c>
      <c r="GH35" s="115">
        <v>0</v>
      </c>
      <c r="GI35" s="114">
        <v>0</v>
      </c>
      <c r="GJ35" s="112">
        <v>0</v>
      </c>
      <c r="GK35" s="111">
        <v>0</v>
      </c>
      <c r="GL35" s="114">
        <v>0</v>
      </c>
      <c r="GM35" s="114">
        <v>0</v>
      </c>
      <c r="GN35" s="114">
        <v>0</v>
      </c>
      <c r="GO35" s="114">
        <v>0</v>
      </c>
      <c r="GP35" s="114">
        <v>0</v>
      </c>
      <c r="GQ35" s="113">
        <v>0</v>
      </c>
      <c r="GR35" s="116">
        <v>0</v>
      </c>
      <c r="GS35" s="110">
        <v>0</v>
      </c>
      <c r="GT35" s="114">
        <v>0</v>
      </c>
      <c r="GU35" s="113">
        <v>0</v>
      </c>
      <c r="GV35" s="110">
        <v>0</v>
      </c>
      <c r="GW35" s="114">
        <v>0</v>
      </c>
      <c r="GX35" s="114">
        <v>0</v>
      </c>
      <c r="GY35" s="114">
        <v>0</v>
      </c>
      <c r="GZ35" s="114">
        <v>0</v>
      </c>
      <c r="HA35" s="114">
        <v>0</v>
      </c>
      <c r="HB35" s="112">
        <v>0</v>
      </c>
      <c r="HC35" s="116">
        <v>0</v>
      </c>
      <c r="HD35" s="110">
        <v>0</v>
      </c>
      <c r="HE35" s="114">
        <v>0</v>
      </c>
      <c r="HF35" s="112">
        <v>0</v>
      </c>
      <c r="HG35" s="111">
        <v>0</v>
      </c>
      <c r="HH35" s="114">
        <v>160620</v>
      </c>
      <c r="HI35" s="114">
        <v>0</v>
      </c>
      <c r="HJ35" s="114">
        <v>0</v>
      </c>
      <c r="HK35" s="114">
        <v>0</v>
      </c>
      <c r="HL35" s="114">
        <v>0</v>
      </c>
      <c r="HM35" s="113">
        <v>160620</v>
      </c>
      <c r="HN35" s="109">
        <v>160620</v>
      </c>
      <c r="HO35" s="328"/>
      <c r="HP35" s="329"/>
      <c r="HQ35" s="330"/>
      <c r="HR35" s="331"/>
      <c r="HS35" s="329"/>
      <c r="HT35" s="329"/>
      <c r="HU35" s="329"/>
      <c r="HV35" s="329"/>
      <c r="HW35" s="329"/>
      <c r="HX35" s="332"/>
      <c r="HY35" s="333"/>
      <c r="HZ35" s="131">
        <v>26763</v>
      </c>
      <c r="IA35" s="132">
        <v>0</v>
      </c>
      <c r="IB35" s="133">
        <v>26763</v>
      </c>
      <c r="IC35" s="146">
        <v>0</v>
      </c>
      <c r="ID35" s="132">
        <v>30091</v>
      </c>
      <c r="IE35" s="147">
        <v>198400</v>
      </c>
      <c r="IF35" s="133">
        <v>62376</v>
      </c>
      <c r="IG35" s="132">
        <v>243328</v>
      </c>
      <c r="IH35" s="133">
        <v>0</v>
      </c>
      <c r="II35" s="148">
        <v>534195</v>
      </c>
      <c r="IJ35" s="139">
        <v>560958</v>
      </c>
      <c r="IK35" s="232">
        <v>0</v>
      </c>
      <c r="IL35" s="236">
        <v>0</v>
      </c>
      <c r="IM35" s="237">
        <v>0</v>
      </c>
      <c r="IN35" s="140"/>
      <c r="IO35" s="119">
        <v>0</v>
      </c>
      <c r="IP35" s="119">
        <v>0</v>
      </c>
      <c r="IQ35" s="119">
        <v>0</v>
      </c>
      <c r="IR35" s="119">
        <v>0</v>
      </c>
      <c r="IS35" s="119">
        <v>0</v>
      </c>
      <c r="IT35" s="141">
        <v>0</v>
      </c>
      <c r="IU35" s="320">
        <v>0</v>
      </c>
      <c r="IV35" s="142">
        <v>0</v>
      </c>
      <c r="IW35" s="119">
        <v>0</v>
      </c>
      <c r="IX35" s="120">
        <v>0</v>
      </c>
      <c r="IY35" s="144"/>
      <c r="IZ35" s="119">
        <v>0</v>
      </c>
      <c r="JA35" s="119">
        <v>0</v>
      </c>
      <c r="JB35" s="119">
        <v>0</v>
      </c>
      <c r="JC35" s="119">
        <v>0</v>
      </c>
      <c r="JD35" s="119">
        <v>0</v>
      </c>
      <c r="JE35" s="120">
        <v>0</v>
      </c>
      <c r="JF35" s="121">
        <v>0</v>
      </c>
      <c r="JG35" s="142">
        <v>0</v>
      </c>
      <c r="JH35" s="119">
        <v>0</v>
      </c>
      <c r="JI35" s="141">
        <v>0</v>
      </c>
      <c r="JJ35" s="118">
        <v>0</v>
      </c>
      <c r="JK35" s="119">
        <v>30091</v>
      </c>
      <c r="JL35" s="119">
        <v>0</v>
      </c>
      <c r="JM35" s="119">
        <v>62376</v>
      </c>
      <c r="JN35" s="119">
        <v>0</v>
      </c>
      <c r="JO35" s="119">
        <v>0</v>
      </c>
      <c r="JP35" s="120">
        <v>92467</v>
      </c>
      <c r="JQ35" s="320">
        <v>92467</v>
      </c>
      <c r="JR35" s="142">
        <v>26763</v>
      </c>
      <c r="JS35" s="119">
        <v>0</v>
      </c>
      <c r="JT35" s="141">
        <v>26763</v>
      </c>
      <c r="JU35" s="118">
        <v>0</v>
      </c>
      <c r="JV35" s="119">
        <v>0</v>
      </c>
      <c r="JW35" s="119">
        <v>0</v>
      </c>
      <c r="JX35" s="119">
        <v>0</v>
      </c>
      <c r="JY35" s="119">
        <v>0</v>
      </c>
      <c r="JZ35" s="119">
        <v>0</v>
      </c>
      <c r="KA35" s="120">
        <v>0</v>
      </c>
      <c r="KB35" s="320">
        <v>26763</v>
      </c>
      <c r="KC35" s="234">
        <v>0</v>
      </c>
      <c r="KD35" s="230">
        <v>0</v>
      </c>
      <c r="KE35" s="120">
        <v>0</v>
      </c>
      <c r="KF35" s="118">
        <v>0</v>
      </c>
      <c r="KG35" s="119">
        <v>0</v>
      </c>
      <c r="KH35" s="119">
        <v>0</v>
      </c>
      <c r="KI35" s="119">
        <v>0</v>
      </c>
      <c r="KJ35" s="119">
        <v>0</v>
      </c>
      <c r="KK35" s="119">
        <v>0</v>
      </c>
      <c r="KL35" s="120">
        <v>0</v>
      </c>
      <c r="KM35" s="143">
        <v>0</v>
      </c>
      <c r="KN35" s="232">
        <v>0</v>
      </c>
      <c r="KO35" s="236">
        <v>0</v>
      </c>
      <c r="KP35" s="237">
        <v>0</v>
      </c>
      <c r="KQ35" s="140"/>
      <c r="KR35" s="119">
        <v>0</v>
      </c>
      <c r="KS35" s="119">
        <v>198400</v>
      </c>
      <c r="KT35" s="119">
        <v>0</v>
      </c>
      <c r="KU35" s="119">
        <v>243328</v>
      </c>
      <c r="KV35" s="119">
        <v>0</v>
      </c>
      <c r="KW35" s="120">
        <v>441728</v>
      </c>
      <c r="KX35" s="320">
        <v>441728</v>
      </c>
      <c r="KY35" s="142">
        <v>0</v>
      </c>
      <c r="KZ35" s="119">
        <v>0</v>
      </c>
      <c r="LA35" s="120">
        <v>0</v>
      </c>
      <c r="LB35" s="145"/>
      <c r="LC35" s="119">
        <v>0</v>
      </c>
      <c r="LD35" s="119">
        <v>0</v>
      </c>
      <c r="LE35" s="119">
        <v>0</v>
      </c>
      <c r="LF35" s="119">
        <v>0</v>
      </c>
      <c r="LG35" s="119">
        <v>0</v>
      </c>
      <c r="LH35" s="120">
        <v>0</v>
      </c>
      <c r="LI35" s="121">
        <v>0</v>
      </c>
      <c r="LJ35" s="142">
        <v>0</v>
      </c>
      <c r="LK35" s="119">
        <v>0</v>
      </c>
      <c r="LL35" s="120">
        <v>0</v>
      </c>
      <c r="LM35" s="145"/>
      <c r="LN35" s="119">
        <v>0</v>
      </c>
      <c r="LO35" s="119">
        <v>0</v>
      </c>
      <c r="LP35" s="119">
        <v>0</v>
      </c>
      <c r="LQ35" s="119">
        <v>0</v>
      </c>
      <c r="LR35" s="119">
        <v>0</v>
      </c>
      <c r="LS35" s="120">
        <v>0</v>
      </c>
      <c r="LT35" s="320">
        <v>0</v>
      </c>
      <c r="LU35" s="142">
        <v>0</v>
      </c>
      <c r="LV35" s="119">
        <v>0</v>
      </c>
      <c r="LW35" s="120">
        <v>0</v>
      </c>
      <c r="LX35" s="145"/>
      <c r="LY35" s="119">
        <v>0</v>
      </c>
      <c r="LZ35" s="119">
        <v>0</v>
      </c>
      <c r="MA35" s="119">
        <v>0</v>
      </c>
      <c r="MB35" s="119">
        <v>0</v>
      </c>
      <c r="MC35" s="119">
        <v>0</v>
      </c>
      <c r="MD35" s="120">
        <v>0</v>
      </c>
      <c r="ME35" s="121">
        <v>0</v>
      </c>
      <c r="MF35" s="142">
        <v>0</v>
      </c>
      <c r="MG35" s="119">
        <v>0</v>
      </c>
      <c r="MH35" s="120">
        <v>0</v>
      </c>
      <c r="MI35" s="145"/>
      <c r="MJ35" s="119">
        <v>508432</v>
      </c>
      <c r="MK35" s="119">
        <v>0</v>
      </c>
      <c r="ML35" s="119">
        <v>263740</v>
      </c>
      <c r="MM35" s="119">
        <v>1391940</v>
      </c>
      <c r="MN35" s="119">
        <v>668778</v>
      </c>
      <c r="MO35" s="120">
        <v>2832890</v>
      </c>
      <c r="MP35" s="143">
        <v>2832890</v>
      </c>
      <c r="MQ35" s="142">
        <v>0</v>
      </c>
      <c r="MR35" s="119">
        <v>0</v>
      </c>
      <c r="MS35" s="120">
        <v>0</v>
      </c>
      <c r="MT35" s="145"/>
      <c r="MU35" s="119">
        <v>0</v>
      </c>
      <c r="MV35" s="119">
        <v>0</v>
      </c>
      <c r="MW35" s="119">
        <v>0</v>
      </c>
      <c r="MX35" s="119">
        <v>689936</v>
      </c>
      <c r="MY35" s="119">
        <v>0</v>
      </c>
      <c r="MZ35" s="120">
        <v>689936</v>
      </c>
      <c r="NA35" s="143">
        <v>689936</v>
      </c>
      <c r="NB35" s="142">
        <v>0</v>
      </c>
      <c r="NC35" s="119">
        <v>0</v>
      </c>
      <c r="ND35" s="120">
        <v>0</v>
      </c>
      <c r="NE35" s="145"/>
      <c r="NF35" s="119">
        <v>508432</v>
      </c>
      <c r="NG35" s="119">
        <v>0</v>
      </c>
      <c r="NH35" s="119">
        <v>263740</v>
      </c>
      <c r="NI35" s="119">
        <v>702004</v>
      </c>
      <c r="NJ35" s="119">
        <v>261312</v>
      </c>
      <c r="NK35" s="120">
        <v>1735488</v>
      </c>
      <c r="NL35" s="320">
        <v>1735488</v>
      </c>
      <c r="NM35" s="142">
        <v>0</v>
      </c>
      <c r="NN35" s="119">
        <v>0</v>
      </c>
      <c r="NO35" s="120">
        <v>0</v>
      </c>
      <c r="NP35" s="145"/>
      <c r="NQ35" s="119">
        <v>0</v>
      </c>
      <c r="NR35" s="119">
        <v>0</v>
      </c>
      <c r="NS35" s="119">
        <v>0</v>
      </c>
      <c r="NT35" s="119">
        <v>0</v>
      </c>
      <c r="NU35" s="119">
        <v>0</v>
      </c>
      <c r="NV35" s="120">
        <v>0</v>
      </c>
      <c r="NW35" s="121">
        <v>0</v>
      </c>
      <c r="NX35" s="142">
        <v>0</v>
      </c>
      <c r="NY35" s="119">
        <v>0</v>
      </c>
      <c r="NZ35" s="120">
        <v>0</v>
      </c>
      <c r="OA35" s="145"/>
      <c r="OB35" s="119">
        <v>0</v>
      </c>
      <c r="OC35" s="119">
        <v>0</v>
      </c>
      <c r="OD35" s="119">
        <v>0</v>
      </c>
      <c r="OE35" s="119">
        <v>0</v>
      </c>
      <c r="OF35" s="119">
        <v>407466</v>
      </c>
      <c r="OG35" s="120">
        <v>407466</v>
      </c>
      <c r="OH35" s="121">
        <v>407466</v>
      </c>
      <c r="OI35" s="142">
        <v>47819</v>
      </c>
      <c r="OJ35" s="119">
        <v>67712</v>
      </c>
      <c r="OK35" s="141">
        <v>115531</v>
      </c>
      <c r="OL35" s="118">
        <v>0</v>
      </c>
      <c r="OM35" s="119">
        <v>896843</v>
      </c>
      <c r="ON35" s="119">
        <v>228440</v>
      </c>
      <c r="OO35" s="119">
        <v>584283</v>
      </c>
      <c r="OP35" s="119">
        <v>1969564</v>
      </c>
      <c r="OQ35" s="119">
        <v>668778</v>
      </c>
      <c r="OR35" s="120">
        <v>4347908</v>
      </c>
      <c r="OS35" s="143">
        <v>4463439</v>
      </c>
    </row>
    <row r="36" spans="2:409" ht="21" customHeight="1" x14ac:dyDescent="0.2">
      <c r="B36" s="126" t="s">
        <v>31</v>
      </c>
      <c r="C36" s="110">
        <v>13296</v>
      </c>
      <c r="D36" s="114">
        <v>14000</v>
      </c>
      <c r="E36" s="113">
        <v>27296</v>
      </c>
      <c r="F36" s="109">
        <v>0</v>
      </c>
      <c r="G36" s="114">
        <v>191476</v>
      </c>
      <c r="H36" s="114">
        <v>711338</v>
      </c>
      <c r="I36" s="114">
        <v>445809</v>
      </c>
      <c r="J36" s="114">
        <v>256312</v>
      </c>
      <c r="K36" s="114">
        <v>0</v>
      </c>
      <c r="L36" s="173">
        <v>1604935</v>
      </c>
      <c r="M36" s="116">
        <v>1632231</v>
      </c>
      <c r="N36" s="110">
        <v>8096</v>
      </c>
      <c r="O36" s="114">
        <v>0</v>
      </c>
      <c r="P36" s="113">
        <v>8096</v>
      </c>
      <c r="Q36" s="110">
        <v>0</v>
      </c>
      <c r="R36" s="114">
        <v>15872</v>
      </c>
      <c r="S36" s="114">
        <v>167272</v>
      </c>
      <c r="T36" s="114">
        <v>334344</v>
      </c>
      <c r="U36" s="114">
        <v>95624</v>
      </c>
      <c r="V36" s="114">
        <v>0</v>
      </c>
      <c r="W36" s="113">
        <v>613112</v>
      </c>
      <c r="X36" s="116">
        <v>621208</v>
      </c>
      <c r="Y36" s="110">
        <v>0</v>
      </c>
      <c r="Z36" s="114">
        <v>0</v>
      </c>
      <c r="AA36" s="113">
        <v>0</v>
      </c>
      <c r="AB36" s="110">
        <v>0</v>
      </c>
      <c r="AC36" s="114">
        <v>15872</v>
      </c>
      <c r="AD36" s="114">
        <v>26680</v>
      </c>
      <c r="AE36" s="114">
        <v>42520</v>
      </c>
      <c r="AF36" s="114">
        <v>0</v>
      </c>
      <c r="AG36" s="114">
        <v>0</v>
      </c>
      <c r="AH36" s="113">
        <v>85072</v>
      </c>
      <c r="AI36" s="116">
        <v>85072</v>
      </c>
      <c r="AJ36" s="110">
        <v>0</v>
      </c>
      <c r="AK36" s="114">
        <v>0</v>
      </c>
      <c r="AL36" s="113">
        <v>0</v>
      </c>
      <c r="AM36" s="110">
        <v>0</v>
      </c>
      <c r="AN36" s="114">
        <v>0</v>
      </c>
      <c r="AO36" s="114">
        <v>54632</v>
      </c>
      <c r="AP36" s="114">
        <v>196688</v>
      </c>
      <c r="AQ36" s="114">
        <v>0</v>
      </c>
      <c r="AR36" s="114">
        <v>0</v>
      </c>
      <c r="AS36" s="113">
        <v>251320</v>
      </c>
      <c r="AT36" s="116">
        <v>251320</v>
      </c>
      <c r="AU36" s="110">
        <v>8096</v>
      </c>
      <c r="AV36" s="114">
        <v>0</v>
      </c>
      <c r="AW36" s="113">
        <v>8096</v>
      </c>
      <c r="AX36" s="110">
        <v>0</v>
      </c>
      <c r="AY36" s="114">
        <v>0</v>
      </c>
      <c r="AZ36" s="114">
        <v>0</v>
      </c>
      <c r="BA36" s="114">
        <v>95136</v>
      </c>
      <c r="BB36" s="114">
        <v>90168</v>
      </c>
      <c r="BC36" s="114">
        <v>0</v>
      </c>
      <c r="BD36" s="113">
        <v>185304</v>
      </c>
      <c r="BE36" s="116">
        <v>193400</v>
      </c>
      <c r="BF36" s="110">
        <v>0</v>
      </c>
      <c r="BG36" s="114">
        <v>0</v>
      </c>
      <c r="BH36" s="112">
        <v>0</v>
      </c>
      <c r="BI36" s="111">
        <v>0</v>
      </c>
      <c r="BJ36" s="114">
        <v>0</v>
      </c>
      <c r="BK36" s="114">
        <v>85960</v>
      </c>
      <c r="BL36" s="114">
        <v>0</v>
      </c>
      <c r="BM36" s="114">
        <v>0</v>
      </c>
      <c r="BN36" s="114">
        <v>0</v>
      </c>
      <c r="BO36" s="113">
        <v>85960</v>
      </c>
      <c r="BP36" s="116">
        <v>85960</v>
      </c>
      <c r="BQ36" s="110">
        <v>0</v>
      </c>
      <c r="BR36" s="114">
        <v>0</v>
      </c>
      <c r="BS36" s="113">
        <v>0</v>
      </c>
      <c r="BT36" s="110">
        <v>0</v>
      </c>
      <c r="BU36" s="114">
        <v>0</v>
      </c>
      <c r="BV36" s="114">
        <v>0</v>
      </c>
      <c r="BW36" s="114">
        <v>0</v>
      </c>
      <c r="BX36" s="114">
        <v>5456</v>
      </c>
      <c r="BY36" s="114">
        <v>0</v>
      </c>
      <c r="BZ36" s="113">
        <v>5456</v>
      </c>
      <c r="CA36" s="116">
        <v>5456</v>
      </c>
      <c r="CB36" s="110">
        <v>0</v>
      </c>
      <c r="CC36" s="114">
        <v>0</v>
      </c>
      <c r="CD36" s="113">
        <v>0</v>
      </c>
      <c r="CE36" s="110">
        <v>0</v>
      </c>
      <c r="CF36" s="114">
        <v>159924</v>
      </c>
      <c r="CG36" s="114">
        <v>304239</v>
      </c>
      <c r="CH36" s="114">
        <v>41265</v>
      </c>
      <c r="CI36" s="114">
        <v>129648</v>
      </c>
      <c r="CJ36" s="114">
        <v>0</v>
      </c>
      <c r="CK36" s="113">
        <v>635076</v>
      </c>
      <c r="CL36" s="116">
        <v>635076</v>
      </c>
      <c r="CM36" s="110">
        <v>0</v>
      </c>
      <c r="CN36" s="114">
        <v>0</v>
      </c>
      <c r="CO36" s="113">
        <v>0</v>
      </c>
      <c r="CP36" s="111">
        <v>0</v>
      </c>
      <c r="CQ36" s="114">
        <v>105471</v>
      </c>
      <c r="CR36" s="114">
        <v>193478</v>
      </c>
      <c r="CS36" s="114">
        <v>41265</v>
      </c>
      <c r="CT36" s="114">
        <v>40880</v>
      </c>
      <c r="CU36" s="114">
        <v>0</v>
      </c>
      <c r="CV36" s="113">
        <v>381094</v>
      </c>
      <c r="CW36" s="116">
        <v>381094</v>
      </c>
      <c r="CX36" s="110">
        <v>0</v>
      </c>
      <c r="CY36" s="114">
        <v>0</v>
      </c>
      <c r="CZ36" s="113">
        <v>0</v>
      </c>
      <c r="DA36" s="110">
        <v>0</v>
      </c>
      <c r="DB36" s="114">
        <v>54453</v>
      </c>
      <c r="DC36" s="114">
        <v>110761</v>
      </c>
      <c r="DD36" s="114">
        <v>0</v>
      </c>
      <c r="DE36" s="114">
        <v>88768</v>
      </c>
      <c r="DF36" s="114">
        <v>0</v>
      </c>
      <c r="DG36" s="113">
        <v>253982</v>
      </c>
      <c r="DH36" s="116">
        <v>253982</v>
      </c>
      <c r="DI36" s="110">
        <v>0</v>
      </c>
      <c r="DJ36" s="114">
        <v>0</v>
      </c>
      <c r="DK36" s="112">
        <v>0</v>
      </c>
      <c r="DL36" s="111">
        <v>0</v>
      </c>
      <c r="DM36" s="114">
        <v>0</v>
      </c>
      <c r="DN36" s="114">
        <v>121675</v>
      </c>
      <c r="DO36" s="114">
        <v>0</v>
      </c>
      <c r="DP36" s="114">
        <v>0</v>
      </c>
      <c r="DQ36" s="114">
        <v>0</v>
      </c>
      <c r="DR36" s="113">
        <v>121675</v>
      </c>
      <c r="DS36" s="116">
        <v>121675</v>
      </c>
      <c r="DT36" s="110">
        <v>0</v>
      </c>
      <c r="DU36" s="114">
        <v>0</v>
      </c>
      <c r="DV36" s="113">
        <v>0</v>
      </c>
      <c r="DW36" s="110">
        <v>0</v>
      </c>
      <c r="DX36" s="114">
        <v>0</v>
      </c>
      <c r="DY36" s="114">
        <v>121675</v>
      </c>
      <c r="DZ36" s="114">
        <v>0</v>
      </c>
      <c r="EA36" s="114">
        <v>0</v>
      </c>
      <c r="EB36" s="114">
        <v>0</v>
      </c>
      <c r="EC36" s="113">
        <v>121675</v>
      </c>
      <c r="ED36" s="116">
        <v>121675</v>
      </c>
      <c r="EE36" s="110">
        <v>0</v>
      </c>
      <c r="EF36" s="112">
        <v>0</v>
      </c>
      <c r="EG36" s="113">
        <v>0</v>
      </c>
      <c r="EH36" s="110">
        <v>0</v>
      </c>
      <c r="EI36" s="114">
        <v>0</v>
      </c>
      <c r="EJ36" s="114">
        <v>0</v>
      </c>
      <c r="EK36" s="114">
        <v>0</v>
      </c>
      <c r="EL36" s="114">
        <v>0</v>
      </c>
      <c r="EM36" s="114">
        <v>0</v>
      </c>
      <c r="EN36" s="112">
        <v>0</v>
      </c>
      <c r="EO36" s="116">
        <v>0</v>
      </c>
      <c r="EP36" s="110">
        <v>0</v>
      </c>
      <c r="EQ36" s="114">
        <v>0</v>
      </c>
      <c r="ER36" s="112">
        <v>0</v>
      </c>
      <c r="ES36" s="111">
        <v>0</v>
      </c>
      <c r="ET36" s="114">
        <v>0</v>
      </c>
      <c r="EU36" s="114">
        <v>0</v>
      </c>
      <c r="EV36" s="114">
        <v>0</v>
      </c>
      <c r="EW36" s="114">
        <v>0</v>
      </c>
      <c r="EX36" s="114">
        <v>0</v>
      </c>
      <c r="EY36" s="113">
        <v>0</v>
      </c>
      <c r="EZ36" s="116">
        <v>0</v>
      </c>
      <c r="FA36" s="110">
        <v>0</v>
      </c>
      <c r="FB36" s="114">
        <v>0</v>
      </c>
      <c r="FC36" s="112">
        <v>0</v>
      </c>
      <c r="FD36" s="347"/>
      <c r="FE36" s="114">
        <v>0</v>
      </c>
      <c r="FF36" s="114">
        <v>0</v>
      </c>
      <c r="FG36" s="114">
        <v>0</v>
      </c>
      <c r="FH36" s="114">
        <v>0</v>
      </c>
      <c r="FI36" s="114">
        <v>0</v>
      </c>
      <c r="FJ36" s="113">
        <v>0</v>
      </c>
      <c r="FK36" s="116">
        <v>0</v>
      </c>
      <c r="FL36" s="110">
        <v>5200</v>
      </c>
      <c r="FM36" s="114">
        <v>14000</v>
      </c>
      <c r="FN36" s="113">
        <v>19200</v>
      </c>
      <c r="FO36" s="110">
        <v>0</v>
      </c>
      <c r="FP36" s="114">
        <v>15680</v>
      </c>
      <c r="FQ36" s="114">
        <v>118152</v>
      </c>
      <c r="FR36" s="114">
        <v>70200</v>
      </c>
      <c r="FS36" s="114">
        <v>31040</v>
      </c>
      <c r="FT36" s="114">
        <v>0</v>
      </c>
      <c r="FU36" s="113">
        <v>235072</v>
      </c>
      <c r="FV36" s="116">
        <v>254272</v>
      </c>
      <c r="FW36" s="115">
        <v>5200</v>
      </c>
      <c r="FX36" s="114">
        <v>14000</v>
      </c>
      <c r="FY36" s="112">
        <v>19200</v>
      </c>
      <c r="FZ36" s="111">
        <v>0</v>
      </c>
      <c r="GA36" s="114">
        <v>15680</v>
      </c>
      <c r="GB36" s="114">
        <v>118152</v>
      </c>
      <c r="GC36" s="114">
        <v>70200</v>
      </c>
      <c r="GD36" s="114">
        <v>31040</v>
      </c>
      <c r="GE36" s="114">
        <v>0</v>
      </c>
      <c r="GF36" s="113">
        <v>235072</v>
      </c>
      <c r="GG36" s="318">
        <v>254272</v>
      </c>
      <c r="GH36" s="115">
        <v>0</v>
      </c>
      <c r="GI36" s="114">
        <v>0</v>
      </c>
      <c r="GJ36" s="112">
        <v>0</v>
      </c>
      <c r="GK36" s="111">
        <v>0</v>
      </c>
      <c r="GL36" s="114">
        <v>0</v>
      </c>
      <c r="GM36" s="114">
        <v>0</v>
      </c>
      <c r="GN36" s="114">
        <v>0</v>
      </c>
      <c r="GO36" s="114">
        <v>0</v>
      </c>
      <c r="GP36" s="114">
        <v>0</v>
      </c>
      <c r="GQ36" s="113">
        <v>0</v>
      </c>
      <c r="GR36" s="116">
        <v>0</v>
      </c>
      <c r="GS36" s="110">
        <v>0</v>
      </c>
      <c r="GT36" s="114">
        <v>0</v>
      </c>
      <c r="GU36" s="113">
        <v>0</v>
      </c>
      <c r="GV36" s="110">
        <v>0</v>
      </c>
      <c r="GW36" s="114">
        <v>0</v>
      </c>
      <c r="GX36" s="114">
        <v>0</v>
      </c>
      <c r="GY36" s="114">
        <v>0</v>
      </c>
      <c r="GZ36" s="114">
        <v>0</v>
      </c>
      <c r="HA36" s="114">
        <v>0</v>
      </c>
      <c r="HB36" s="112">
        <v>0</v>
      </c>
      <c r="HC36" s="116">
        <v>0</v>
      </c>
      <c r="HD36" s="110">
        <v>0</v>
      </c>
      <c r="HE36" s="114">
        <v>0</v>
      </c>
      <c r="HF36" s="112">
        <v>0</v>
      </c>
      <c r="HG36" s="111">
        <v>0</v>
      </c>
      <c r="HH36" s="114">
        <v>0</v>
      </c>
      <c r="HI36" s="114">
        <v>0</v>
      </c>
      <c r="HJ36" s="114">
        <v>0</v>
      </c>
      <c r="HK36" s="114">
        <v>0</v>
      </c>
      <c r="HL36" s="114">
        <v>0</v>
      </c>
      <c r="HM36" s="113">
        <v>0</v>
      </c>
      <c r="HN36" s="109">
        <v>0</v>
      </c>
      <c r="HO36" s="328"/>
      <c r="HP36" s="329"/>
      <c r="HQ36" s="330"/>
      <c r="HR36" s="331"/>
      <c r="HS36" s="329"/>
      <c r="HT36" s="329"/>
      <c r="HU36" s="329"/>
      <c r="HV36" s="329"/>
      <c r="HW36" s="329"/>
      <c r="HX36" s="332"/>
      <c r="HY36" s="333"/>
      <c r="HZ36" s="150">
        <v>0</v>
      </c>
      <c r="IA36" s="135">
        <v>0</v>
      </c>
      <c r="IB36" s="150">
        <v>0</v>
      </c>
      <c r="IC36" s="134">
        <v>0</v>
      </c>
      <c r="ID36" s="135">
        <v>144673</v>
      </c>
      <c r="IE36" s="136">
        <v>534708</v>
      </c>
      <c r="IF36" s="137">
        <v>181020</v>
      </c>
      <c r="IG36" s="135">
        <v>269187</v>
      </c>
      <c r="IH36" s="137">
        <v>0</v>
      </c>
      <c r="II36" s="138">
        <v>1129588</v>
      </c>
      <c r="IJ36" s="150">
        <v>1129588</v>
      </c>
      <c r="IK36" s="232">
        <v>0</v>
      </c>
      <c r="IL36" s="236">
        <v>0</v>
      </c>
      <c r="IM36" s="237">
        <v>0</v>
      </c>
      <c r="IN36" s="140"/>
      <c r="IO36" s="119">
        <v>0</v>
      </c>
      <c r="IP36" s="119">
        <v>0</v>
      </c>
      <c r="IQ36" s="119">
        <v>0</v>
      </c>
      <c r="IR36" s="119">
        <v>0</v>
      </c>
      <c r="IS36" s="119">
        <v>0</v>
      </c>
      <c r="IT36" s="141">
        <v>0</v>
      </c>
      <c r="IU36" s="320">
        <v>0</v>
      </c>
      <c r="IV36" s="142">
        <v>0</v>
      </c>
      <c r="IW36" s="119">
        <v>0</v>
      </c>
      <c r="IX36" s="120">
        <v>0</v>
      </c>
      <c r="IY36" s="144"/>
      <c r="IZ36" s="119">
        <v>0</v>
      </c>
      <c r="JA36" s="119">
        <v>0</v>
      </c>
      <c r="JB36" s="119">
        <v>0</v>
      </c>
      <c r="JC36" s="119">
        <v>0</v>
      </c>
      <c r="JD36" s="119">
        <v>0</v>
      </c>
      <c r="JE36" s="120">
        <v>0</v>
      </c>
      <c r="JF36" s="121">
        <v>0</v>
      </c>
      <c r="JG36" s="142">
        <v>0</v>
      </c>
      <c r="JH36" s="119">
        <v>0</v>
      </c>
      <c r="JI36" s="141">
        <v>0</v>
      </c>
      <c r="JJ36" s="118">
        <v>0</v>
      </c>
      <c r="JK36" s="119">
        <v>8095</v>
      </c>
      <c r="JL36" s="119">
        <v>28740</v>
      </c>
      <c r="JM36" s="119">
        <v>0</v>
      </c>
      <c r="JN36" s="119">
        <v>16856</v>
      </c>
      <c r="JO36" s="119">
        <v>0</v>
      </c>
      <c r="JP36" s="120">
        <v>53691</v>
      </c>
      <c r="JQ36" s="320">
        <v>53691</v>
      </c>
      <c r="JR36" s="142">
        <v>0</v>
      </c>
      <c r="JS36" s="119">
        <v>0</v>
      </c>
      <c r="JT36" s="141">
        <v>0</v>
      </c>
      <c r="JU36" s="118">
        <v>0</v>
      </c>
      <c r="JV36" s="119">
        <v>0</v>
      </c>
      <c r="JW36" s="119">
        <v>0</v>
      </c>
      <c r="JX36" s="119">
        <v>181020</v>
      </c>
      <c r="JY36" s="119">
        <v>0</v>
      </c>
      <c r="JZ36" s="119">
        <v>0</v>
      </c>
      <c r="KA36" s="120">
        <v>181020</v>
      </c>
      <c r="KB36" s="320">
        <v>181020</v>
      </c>
      <c r="KC36" s="234">
        <v>0</v>
      </c>
      <c r="KD36" s="230">
        <v>0</v>
      </c>
      <c r="KE36" s="120">
        <v>0</v>
      </c>
      <c r="KF36" s="118">
        <v>0</v>
      </c>
      <c r="KG36" s="119">
        <v>136578</v>
      </c>
      <c r="KH36" s="119">
        <v>0</v>
      </c>
      <c r="KI36" s="119">
        <v>0</v>
      </c>
      <c r="KJ36" s="119">
        <v>0</v>
      </c>
      <c r="KK36" s="119">
        <v>0</v>
      </c>
      <c r="KL36" s="120">
        <v>136578</v>
      </c>
      <c r="KM36" s="143">
        <v>136578</v>
      </c>
      <c r="KN36" s="232">
        <v>0</v>
      </c>
      <c r="KO36" s="236">
        <v>0</v>
      </c>
      <c r="KP36" s="237">
        <v>0</v>
      </c>
      <c r="KQ36" s="140"/>
      <c r="KR36" s="119">
        <v>0</v>
      </c>
      <c r="KS36" s="119">
        <v>505968</v>
      </c>
      <c r="KT36" s="119">
        <v>0</v>
      </c>
      <c r="KU36" s="119">
        <v>252331</v>
      </c>
      <c r="KV36" s="119">
        <v>0</v>
      </c>
      <c r="KW36" s="120">
        <v>758299</v>
      </c>
      <c r="KX36" s="320">
        <v>758299</v>
      </c>
      <c r="KY36" s="142">
        <v>0</v>
      </c>
      <c r="KZ36" s="119">
        <v>0</v>
      </c>
      <c r="LA36" s="120">
        <v>0</v>
      </c>
      <c r="LB36" s="145"/>
      <c r="LC36" s="119">
        <v>0</v>
      </c>
      <c r="LD36" s="119">
        <v>0</v>
      </c>
      <c r="LE36" s="119">
        <v>0</v>
      </c>
      <c r="LF36" s="119">
        <v>0</v>
      </c>
      <c r="LG36" s="119">
        <v>0</v>
      </c>
      <c r="LH36" s="120">
        <v>0</v>
      </c>
      <c r="LI36" s="121">
        <v>0</v>
      </c>
      <c r="LJ36" s="142">
        <v>0</v>
      </c>
      <c r="LK36" s="119">
        <v>0</v>
      </c>
      <c r="LL36" s="120">
        <v>0</v>
      </c>
      <c r="LM36" s="145"/>
      <c r="LN36" s="119">
        <v>0</v>
      </c>
      <c r="LO36" s="119">
        <v>0</v>
      </c>
      <c r="LP36" s="119">
        <v>0</v>
      </c>
      <c r="LQ36" s="119">
        <v>0</v>
      </c>
      <c r="LR36" s="119">
        <v>0</v>
      </c>
      <c r="LS36" s="120">
        <v>0</v>
      </c>
      <c r="LT36" s="320">
        <v>0</v>
      </c>
      <c r="LU36" s="142">
        <v>0</v>
      </c>
      <c r="LV36" s="119">
        <v>0</v>
      </c>
      <c r="LW36" s="120">
        <v>0</v>
      </c>
      <c r="LX36" s="145"/>
      <c r="LY36" s="119">
        <v>0</v>
      </c>
      <c r="LZ36" s="119">
        <v>0</v>
      </c>
      <c r="MA36" s="119">
        <v>0</v>
      </c>
      <c r="MB36" s="119">
        <v>0</v>
      </c>
      <c r="MC36" s="119">
        <v>0</v>
      </c>
      <c r="MD36" s="120">
        <v>0</v>
      </c>
      <c r="ME36" s="121">
        <v>0</v>
      </c>
      <c r="MF36" s="142">
        <v>0</v>
      </c>
      <c r="MG36" s="119">
        <v>0</v>
      </c>
      <c r="MH36" s="120">
        <v>0</v>
      </c>
      <c r="MI36" s="145"/>
      <c r="MJ36" s="119">
        <v>0</v>
      </c>
      <c r="MK36" s="119">
        <v>232867</v>
      </c>
      <c r="ML36" s="119">
        <v>219964</v>
      </c>
      <c r="MM36" s="119">
        <v>275112</v>
      </c>
      <c r="MN36" s="119">
        <v>0</v>
      </c>
      <c r="MO36" s="120">
        <v>727943</v>
      </c>
      <c r="MP36" s="143">
        <v>727943</v>
      </c>
      <c r="MQ36" s="142">
        <v>0</v>
      </c>
      <c r="MR36" s="119">
        <v>0</v>
      </c>
      <c r="MS36" s="120">
        <v>0</v>
      </c>
      <c r="MT36" s="145"/>
      <c r="MU36" s="119">
        <v>0</v>
      </c>
      <c r="MV36" s="119">
        <v>0</v>
      </c>
      <c r="MW36" s="119">
        <v>219964</v>
      </c>
      <c r="MX36" s="119">
        <v>275112</v>
      </c>
      <c r="MY36" s="119">
        <v>0</v>
      </c>
      <c r="MZ36" s="120">
        <v>495076</v>
      </c>
      <c r="NA36" s="143">
        <v>495076</v>
      </c>
      <c r="NB36" s="142">
        <v>0</v>
      </c>
      <c r="NC36" s="119">
        <v>0</v>
      </c>
      <c r="ND36" s="120">
        <v>0</v>
      </c>
      <c r="NE36" s="145"/>
      <c r="NF36" s="119">
        <v>0</v>
      </c>
      <c r="NG36" s="119">
        <v>232867</v>
      </c>
      <c r="NH36" s="119">
        <v>0</v>
      </c>
      <c r="NI36" s="119">
        <v>0</v>
      </c>
      <c r="NJ36" s="119">
        <v>0</v>
      </c>
      <c r="NK36" s="120">
        <v>232867</v>
      </c>
      <c r="NL36" s="320">
        <v>232867</v>
      </c>
      <c r="NM36" s="142">
        <v>0</v>
      </c>
      <c r="NN36" s="119">
        <v>0</v>
      </c>
      <c r="NO36" s="120">
        <v>0</v>
      </c>
      <c r="NP36" s="145"/>
      <c r="NQ36" s="119">
        <v>0</v>
      </c>
      <c r="NR36" s="119">
        <v>0</v>
      </c>
      <c r="NS36" s="119">
        <v>0</v>
      </c>
      <c r="NT36" s="119">
        <v>0</v>
      </c>
      <c r="NU36" s="119">
        <v>0</v>
      </c>
      <c r="NV36" s="120">
        <v>0</v>
      </c>
      <c r="NW36" s="121">
        <v>0</v>
      </c>
      <c r="NX36" s="142">
        <v>0</v>
      </c>
      <c r="NY36" s="119">
        <v>0</v>
      </c>
      <c r="NZ36" s="120">
        <v>0</v>
      </c>
      <c r="OA36" s="145"/>
      <c r="OB36" s="119">
        <v>0</v>
      </c>
      <c r="OC36" s="119">
        <v>0</v>
      </c>
      <c r="OD36" s="119">
        <v>0</v>
      </c>
      <c r="OE36" s="119">
        <v>0</v>
      </c>
      <c r="OF36" s="119">
        <v>0</v>
      </c>
      <c r="OG36" s="120">
        <v>0</v>
      </c>
      <c r="OH36" s="121">
        <v>0</v>
      </c>
      <c r="OI36" s="142">
        <v>13296</v>
      </c>
      <c r="OJ36" s="119">
        <v>14000</v>
      </c>
      <c r="OK36" s="141">
        <v>27296</v>
      </c>
      <c r="OL36" s="118">
        <v>0</v>
      </c>
      <c r="OM36" s="119">
        <v>336149</v>
      </c>
      <c r="ON36" s="119">
        <v>1478913</v>
      </c>
      <c r="OO36" s="119">
        <v>846793</v>
      </c>
      <c r="OP36" s="119">
        <v>800611</v>
      </c>
      <c r="OQ36" s="119">
        <v>0</v>
      </c>
      <c r="OR36" s="120">
        <v>3462466</v>
      </c>
      <c r="OS36" s="143">
        <v>3489762</v>
      </c>
    </row>
    <row r="37" spans="2:409" ht="21" customHeight="1" x14ac:dyDescent="0.2">
      <c r="B37" s="126" t="s">
        <v>32</v>
      </c>
      <c r="C37" s="110">
        <v>0</v>
      </c>
      <c r="D37" s="114">
        <v>29088</v>
      </c>
      <c r="E37" s="174">
        <v>29088</v>
      </c>
      <c r="F37" s="175">
        <v>0</v>
      </c>
      <c r="G37" s="176">
        <v>246255</v>
      </c>
      <c r="H37" s="176">
        <v>606081</v>
      </c>
      <c r="I37" s="176">
        <v>980757</v>
      </c>
      <c r="J37" s="176">
        <v>732592</v>
      </c>
      <c r="K37" s="176">
        <v>571800</v>
      </c>
      <c r="L37" s="177">
        <v>3137485</v>
      </c>
      <c r="M37" s="116">
        <v>3166573</v>
      </c>
      <c r="N37" s="110">
        <v>0</v>
      </c>
      <c r="O37" s="114">
        <v>12688</v>
      </c>
      <c r="P37" s="113">
        <v>12688</v>
      </c>
      <c r="Q37" s="110">
        <v>0</v>
      </c>
      <c r="R37" s="114">
        <v>38544</v>
      </c>
      <c r="S37" s="114">
        <v>175920</v>
      </c>
      <c r="T37" s="114">
        <v>334347</v>
      </c>
      <c r="U37" s="114">
        <v>297144</v>
      </c>
      <c r="V37" s="114">
        <v>239158</v>
      </c>
      <c r="W37" s="113">
        <v>1085113</v>
      </c>
      <c r="X37" s="116">
        <v>1097801</v>
      </c>
      <c r="Y37" s="110">
        <v>0</v>
      </c>
      <c r="Z37" s="114">
        <v>0</v>
      </c>
      <c r="AA37" s="113">
        <v>0</v>
      </c>
      <c r="AB37" s="110">
        <v>0</v>
      </c>
      <c r="AC37" s="114">
        <v>23504</v>
      </c>
      <c r="AD37" s="114">
        <v>113648</v>
      </c>
      <c r="AE37" s="114">
        <v>255961</v>
      </c>
      <c r="AF37" s="114">
        <v>231560</v>
      </c>
      <c r="AG37" s="114">
        <v>204568</v>
      </c>
      <c r="AH37" s="113">
        <v>829241</v>
      </c>
      <c r="AI37" s="116">
        <v>829241</v>
      </c>
      <c r="AJ37" s="110">
        <v>0</v>
      </c>
      <c r="AK37" s="114">
        <v>0</v>
      </c>
      <c r="AL37" s="113">
        <v>0</v>
      </c>
      <c r="AM37" s="110">
        <v>0</v>
      </c>
      <c r="AN37" s="114">
        <v>0</v>
      </c>
      <c r="AO37" s="114">
        <v>0</v>
      </c>
      <c r="AP37" s="114">
        <v>0</v>
      </c>
      <c r="AQ37" s="114">
        <v>0</v>
      </c>
      <c r="AR37" s="114">
        <v>34590</v>
      </c>
      <c r="AS37" s="113">
        <v>34590</v>
      </c>
      <c r="AT37" s="116">
        <v>34590</v>
      </c>
      <c r="AU37" s="110">
        <v>0</v>
      </c>
      <c r="AV37" s="114">
        <v>12688</v>
      </c>
      <c r="AW37" s="113">
        <v>12688</v>
      </c>
      <c r="AX37" s="110">
        <v>0</v>
      </c>
      <c r="AY37" s="114">
        <v>15040</v>
      </c>
      <c r="AZ37" s="114">
        <v>29728</v>
      </c>
      <c r="BA37" s="114">
        <v>48098</v>
      </c>
      <c r="BB37" s="114">
        <v>0</v>
      </c>
      <c r="BC37" s="114">
        <v>0</v>
      </c>
      <c r="BD37" s="113">
        <v>92866</v>
      </c>
      <c r="BE37" s="116">
        <v>105554</v>
      </c>
      <c r="BF37" s="110">
        <v>0</v>
      </c>
      <c r="BG37" s="114">
        <v>0</v>
      </c>
      <c r="BH37" s="112">
        <v>0</v>
      </c>
      <c r="BI37" s="111">
        <v>0</v>
      </c>
      <c r="BJ37" s="114">
        <v>0</v>
      </c>
      <c r="BK37" s="114">
        <v>22944</v>
      </c>
      <c r="BL37" s="114">
        <v>0</v>
      </c>
      <c r="BM37" s="114">
        <v>0</v>
      </c>
      <c r="BN37" s="114">
        <v>0</v>
      </c>
      <c r="BO37" s="113">
        <v>22944</v>
      </c>
      <c r="BP37" s="116">
        <v>22944</v>
      </c>
      <c r="BQ37" s="110">
        <v>0</v>
      </c>
      <c r="BR37" s="114">
        <v>0</v>
      </c>
      <c r="BS37" s="113">
        <v>0</v>
      </c>
      <c r="BT37" s="110">
        <v>0</v>
      </c>
      <c r="BU37" s="114">
        <v>0</v>
      </c>
      <c r="BV37" s="114">
        <v>9600</v>
      </c>
      <c r="BW37" s="114">
        <v>30288</v>
      </c>
      <c r="BX37" s="114">
        <v>65584</v>
      </c>
      <c r="BY37" s="114">
        <v>0</v>
      </c>
      <c r="BZ37" s="113">
        <v>105472</v>
      </c>
      <c r="CA37" s="116">
        <v>105472</v>
      </c>
      <c r="CB37" s="110">
        <v>0</v>
      </c>
      <c r="CC37" s="114">
        <v>0</v>
      </c>
      <c r="CD37" s="113">
        <v>0</v>
      </c>
      <c r="CE37" s="110">
        <v>0</v>
      </c>
      <c r="CF37" s="114">
        <v>182351</v>
      </c>
      <c r="CG37" s="114">
        <v>175289</v>
      </c>
      <c r="CH37" s="114">
        <v>421954</v>
      </c>
      <c r="CI37" s="114">
        <v>0</v>
      </c>
      <c r="CJ37" s="114">
        <v>212231</v>
      </c>
      <c r="CK37" s="113">
        <v>991825</v>
      </c>
      <c r="CL37" s="116">
        <v>991825</v>
      </c>
      <c r="CM37" s="110">
        <v>0</v>
      </c>
      <c r="CN37" s="114">
        <v>0</v>
      </c>
      <c r="CO37" s="113">
        <v>0</v>
      </c>
      <c r="CP37" s="111">
        <v>0</v>
      </c>
      <c r="CQ37" s="114">
        <v>76728</v>
      </c>
      <c r="CR37" s="114">
        <v>110344</v>
      </c>
      <c r="CS37" s="114">
        <v>356992</v>
      </c>
      <c r="CT37" s="114">
        <v>0</v>
      </c>
      <c r="CU37" s="114">
        <v>152552</v>
      </c>
      <c r="CV37" s="113">
        <v>696616</v>
      </c>
      <c r="CW37" s="116">
        <v>696616</v>
      </c>
      <c r="CX37" s="110">
        <v>0</v>
      </c>
      <c r="CY37" s="114">
        <v>0</v>
      </c>
      <c r="CZ37" s="113">
        <v>0</v>
      </c>
      <c r="DA37" s="110">
        <v>0</v>
      </c>
      <c r="DB37" s="114">
        <v>105623</v>
      </c>
      <c r="DC37" s="114">
        <v>64945</v>
      </c>
      <c r="DD37" s="114">
        <v>64962</v>
      </c>
      <c r="DE37" s="114">
        <v>0</v>
      </c>
      <c r="DF37" s="114">
        <v>59679</v>
      </c>
      <c r="DG37" s="113">
        <v>295209</v>
      </c>
      <c r="DH37" s="116">
        <v>295209</v>
      </c>
      <c r="DI37" s="110">
        <v>0</v>
      </c>
      <c r="DJ37" s="114">
        <v>0</v>
      </c>
      <c r="DK37" s="112">
        <v>0</v>
      </c>
      <c r="DL37" s="111">
        <v>0</v>
      </c>
      <c r="DM37" s="114">
        <v>0</v>
      </c>
      <c r="DN37" s="114">
        <v>0</v>
      </c>
      <c r="DO37" s="114">
        <v>0</v>
      </c>
      <c r="DP37" s="114">
        <v>0</v>
      </c>
      <c r="DQ37" s="114">
        <v>67131</v>
      </c>
      <c r="DR37" s="113">
        <v>67131</v>
      </c>
      <c r="DS37" s="116">
        <v>67131</v>
      </c>
      <c r="DT37" s="110">
        <v>0</v>
      </c>
      <c r="DU37" s="114">
        <v>0</v>
      </c>
      <c r="DV37" s="113">
        <v>0</v>
      </c>
      <c r="DW37" s="110">
        <v>0</v>
      </c>
      <c r="DX37" s="114">
        <v>0</v>
      </c>
      <c r="DY37" s="114">
        <v>0</v>
      </c>
      <c r="DZ37" s="114">
        <v>0</v>
      </c>
      <c r="EA37" s="114">
        <v>0</v>
      </c>
      <c r="EB37" s="114">
        <v>67131</v>
      </c>
      <c r="EC37" s="113">
        <v>67131</v>
      </c>
      <c r="ED37" s="116">
        <v>67131</v>
      </c>
      <c r="EE37" s="110">
        <v>0</v>
      </c>
      <c r="EF37" s="112">
        <v>0</v>
      </c>
      <c r="EG37" s="113">
        <v>0</v>
      </c>
      <c r="EH37" s="110">
        <v>0</v>
      </c>
      <c r="EI37" s="114">
        <v>0</v>
      </c>
      <c r="EJ37" s="114">
        <v>0</v>
      </c>
      <c r="EK37" s="114">
        <v>0</v>
      </c>
      <c r="EL37" s="114">
        <v>0</v>
      </c>
      <c r="EM37" s="114">
        <v>0</v>
      </c>
      <c r="EN37" s="112">
        <v>0</v>
      </c>
      <c r="EO37" s="116">
        <v>0</v>
      </c>
      <c r="EP37" s="110">
        <v>0</v>
      </c>
      <c r="EQ37" s="114">
        <v>0</v>
      </c>
      <c r="ER37" s="112">
        <v>0</v>
      </c>
      <c r="ES37" s="111">
        <v>0</v>
      </c>
      <c r="ET37" s="114">
        <v>0</v>
      </c>
      <c r="EU37" s="114">
        <v>0</v>
      </c>
      <c r="EV37" s="114">
        <v>0</v>
      </c>
      <c r="EW37" s="114">
        <v>0</v>
      </c>
      <c r="EX37" s="114">
        <v>0</v>
      </c>
      <c r="EY37" s="113">
        <v>0</v>
      </c>
      <c r="EZ37" s="116">
        <v>0</v>
      </c>
      <c r="FA37" s="110">
        <v>0</v>
      </c>
      <c r="FB37" s="114">
        <v>0</v>
      </c>
      <c r="FC37" s="112">
        <v>0</v>
      </c>
      <c r="FD37" s="347"/>
      <c r="FE37" s="114">
        <v>0</v>
      </c>
      <c r="FF37" s="114">
        <v>0</v>
      </c>
      <c r="FG37" s="114">
        <v>0</v>
      </c>
      <c r="FH37" s="114">
        <v>0</v>
      </c>
      <c r="FI37" s="114">
        <v>0</v>
      </c>
      <c r="FJ37" s="113">
        <v>0</v>
      </c>
      <c r="FK37" s="116">
        <v>0</v>
      </c>
      <c r="FL37" s="110">
        <v>0</v>
      </c>
      <c r="FM37" s="114">
        <v>16400</v>
      </c>
      <c r="FN37" s="113">
        <v>16400</v>
      </c>
      <c r="FO37" s="110">
        <v>0</v>
      </c>
      <c r="FP37" s="114">
        <v>25360</v>
      </c>
      <c r="FQ37" s="114">
        <v>83632</v>
      </c>
      <c r="FR37" s="114">
        <v>82952</v>
      </c>
      <c r="FS37" s="114">
        <v>20144</v>
      </c>
      <c r="FT37" s="114">
        <v>53280</v>
      </c>
      <c r="FU37" s="113">
        <v>265368</v>
      </c>
      <c r="FV37" s="116">
        <v>281768</v>
      </c>
      <c r="FW37" s="115">
        <v>0</v>
      </c>
      <c r="FX37" s="114">
        <v>16400</v>
      </c>
      <c r="FY37" s="112">
        <v>16400</v>
      </c>
      <c r="FZ37" s="111">
        <v>0</v>
      </c>
      <c r="GA37" s="114">
        <v>25360</v>
      </c>
      <c r="GB37" s="114">
        <v>83632</v>
      </c>
      <c r="GC37" s="114">
        <v>82952</v>
      </c>
      <c r="GD37" s="114">
        <v>20144</v>
      </c>
      <c r="GE37" s="114">
        <v>53280</v>
      </c>
      <c r="GF37" s="113">
        <v>265368</v>
      </c>
      <c r="GG37" s="318">
        <v>281768</v>
      </c>
      <c r="GH37" s="115">
        <v>0</v>
      </c>
      <c r="GI37" s="114">
        <v>0</v>
      </c>
      <c r="GJ37" s="112">
        <v>0</v>
      </c>
      <c r="GK37" s="111">
        <v>0</v>
      </c>
      <c r="GL37" s="114">
        <v>0</v>
      </c>
      <c r="GM37" s="114">
        <v>0</v>
      </c>
      <c r="GN37" s="114">
        <v>0</v>
      </c>
      <c r="GO37" s="114">
        <v>0</v>
      </c>
      <c r="GP37" s="114">
        <v>0</v>
      </c>
      <c r="GQ37" s="113">
        <v>0</v>
      </c>
      <c r="GR37" s="116">
        <v>0</v>
      </c>
      <c r="GS37" s="110">
        <v>0</v>
      </c>
      <c r="GT37" s="114">
        <v>0</v>
      </c>
      <c r="GU37" s="113">
        <v>0</v>
      </c>
      <c r="GV37" s="110">
        <v>0</v>
      </c>
      <c r="GW37" s="114">
        <v>0</v>
      </c>
      <c r="GX37" s="114">
        <v>0</v>
      </c>
      <c r="GY37" s="114">
        <v>0</v>
      </c>
      <c r="GZ37" s="114">
        <v>0</v>
      </c>
      <c r="HA37" s="114">
        <v>0</v>
      </c>
      <c r="HB37" s="112">
        <v>0</v>
      </c>
      <c r="HC37" s="116">
        <v>0</v>
      </c>
      <c r="HD37" s="110">
        <v>0</v>
      </c>
      <c r="HE37" s="114">
        <v>0</v>
      </c>
      <c r="HF37" s="112">
        <v>0</v>
      </c>
      <c r="HG37" s="111">
        <v>0</v>
      </c>
      <c r="HH37" s="114">
        <v>0</v>
      </c>
      <c r="HI37" s="114">
        <v>171240</v>
      </c>
      <c r="HJ37" s="114">
        <v>141504</v>
      </c>
      <c r="HK37" s="114">
        <v>415304</v>
      </c>
      <c r="HL37" s="114">
        <v>0</v>
      </c>
      <c r="HM37" s="113">
        <v>728048</v>
      </c>
      <c r="HN37" s="109">
        <v>728048</v>
      </c>
      <c r="HO37" s="328"/>
      <c r="HP37" s="329"/>
      <c r="HQ37" s="330"/>
      <c r="HR37" s="331"/>
      <c r="HS37" s="329"/>
      <c r="HT37" s="329"/>
      <c r="HU37" s="329"/>
      <c r="HV37" s="329"/>
      <c r="HW37" s="329"/>
      <c r="HX37" s="332"/>
      <c r="HY37" s="333"/>
      <c r="HZ37" s="131">
        <v>0</v>
      </c>
      <c r="IA37" s="132">
        <v>0</v>
      </c>
      <c r="IB37" s="133">
        <v>0</v>
      </c>
      <c r="IC37" s="146">
        <v>0</v>
      </c>
      <c r="ID37" s="132">
        <v>60536</v>
      </c>
      <c r="IE37" s="147">
        <v>78656</v>
      </c>
      <c r="IF37" s="133">
        <v>436768</v>
      </c>
      <c r="IG37" s="132">
        <v>0</v>
      </c>
      <c r="IH37" s="133">
        <v>31600</v>
      </c>
      <c r="II37" s="148">
        <v>607560</v>
      </c>
      <c r="IJ37" s="139">
        <v>607560</v>
      </c>
      <c r="IK37" s="232">
        <v>0</v>
      </c>
      <c r="IL37" s="236">
        <v>0</v>
      </c>
      <c r="IM37" s="237">
        <v>0</v>
      </c>
      <c r="IN37" s="140"/>
      <c r="IO37" s="119">
        <v>0</v>
      </c>
      <c r="IP37" s="119">
        <v>0</v>
      </c>
      <c r="IQ37" s="119">
        <v>0</v>
      </c>
      <c r="IR37" s="119">
        <v>0</v>
      </c>
      <c r="IS37" s="119">
        <v>0</v>
      </c>
      <c r="IT37" s="141">
        <v>0</v>
      </c>
      <c r="IU37" s="320">
        <v>0</v>
      </c>
      <c r="IV37" s="142">
        <v>0</v>
      </c>
      <c r="IW37" s="119">
        <v>0</v>
      </c>
      <c r="IX37" s="120">
        <v>0</v>
      </c>
      <c r="IY37" s="144"/>
      <c r="IZ37" s="119">
        <v>0</v>
      </c>
      <c r="JA37" s="119">
        <v>0</v>
      </c>
      <c r="JB37" s="119">
        <v>0</v>
      </c>
      <c r="JC37" s="119">
        <v>0</v>
      </c>
      <c r="JD37" s="119">
        <v>0</v>
      </c>
      <c r="JE37" s="120">
        <v>0</v>
      </c>
      <c r="JF37" s="121">
        <v>0</v>
      </c>
      <c r="JG37" s="142">
        <v>0</v>
      </c>
      <c r="JH37" s="119">
        <v>0</v>
      </c>
      <c r="JI37" s="141">
        <v>0</v>
      </c>
      <c r="JJ37" s="118">
        <v>0</v>
      </c>
      <c r="JK37" s="119">
        <v>60536</v>
      </c>
      <c r="JL37" s="119">
        <v>78656</v>
      </c>
      <c r="JM37" s="119">
        <v>0</v>
      </c>
      <c r="JN37" s="119">
        <v>0</v>
      </c>
      <c r="JO37" s="119">
        <v>31600</v>
      </c>
      <c r="JP37" s="120">
        <v>170792</v>
      </c>
      <c r="JQ37" s="320">
        <v>170792</v>
      </c>
      <c r="JR37" s="142">
        <v>0</v>
      </c>
      <c r="JS37" s="119">
        <v>0</v>
      </c>
      <c r="JT37" s="141">
        <v>0</v>
      </c>
      <c r="JU37" s="118">
        <v>0</v>
      </c>
      <c r="JV37" s="119">
        <v>0</v>
      </c>
      <c r="JW37" s="119">
        <v>0</v>
      </c>
      <c r="JX37" s="119">
        <v>0</v>
      </c>
      <c r="JY37" s="119">
        <v>0</v>
      </c>
      <c r="JZ37" s="119">
        <v>0</v>
      </c>
      <c r="KA37" s="120">
        <v>0</v>
      </c>
      <c r="KB37" s="320">
        <v>0</v>
      </c>
      <c r="KC37" s="234">
        <v>0</v>
      </c>
      <c r="KD37" s="230">
        <v>0</v>
      </c>
      <c r="KE37" s="120">
        <v>0</v>
      </c>
      <c r="KF37" s="118">
        <v>0</v>
      </c>
      <c r="KG37" s="119">
        <v>0</v>
      </c>
      <c r="KH37" s="119">
        <v>0</v>
      </c>
      <c r="KI37" s="119">
        <v>0</v>
      </c>
      <c r="KJ37" s="119">
        <v>0</v>
      </c>
      <c r="KK37" s="119">
        <v>0</v>
      </c>
      <c r="KL37" s="120">
        <v>0</v>
      </c>
      <c r="KM37" s="143">
        <v>0</v>
      </c>
      <c r="KN37" s="232">
        <v>0</v>
      </c>
      <c r="KO37" s="236">
        <v>0</v>
      </c>
      <c r="KP37" s="237">
        <v>0</v>
      </c>
      <c r="KQ37" s="140"/>
      <c r="KR37" s="119">
        <v>0</v>
      </c>
      <c r="KS37" s="119">
        <v>0</v>
      </c>
      <c r="KT37" s="119">
        <v>234200</v>
      </c>
      <c r="KU37" s="119">
        <v>0</v>
      </c>
      <c r="KV37" s="119">
        <v>0</v>
      </c>
      <c r="KW37" s="120">
        <v>234200</v>
      </c>
      <c r="KX37" s="320">
        <v>234200</v>
      </c>
      <c r="KY37" s="142">
        <v>0</v>
      </c>
      <c r="KZ37" s="119">
        <v>0</v>
      </c>
      <c r="LA37" s="120">
        <v>0</v>
      </c>
      <c r="LB37" s="145"/>
      <c r="LC37" s="119">
        <v>0</v>
      </c>
      <c r="LD37" s="119">
        <v>0</v>
      </c>
      <c r="LE37" s="119">
        <v>0</v>
      </c>
      <c r="LF37" s="119">
        <v>0</v>
      </c>
      <c r="LG37" s="119">
        <v>0</v>
      </c>
      <c r="LH37" s="120">
        <v>0</v>
      </c>
      <c r="LI37" s="121">
        <v>0</v>
      </c>
      <c r="LJ37" s="142">
        <v>0</v>
      </c>
      <c r="LK37" s="119">
        <v>0</v>
      </c>
      <c r="LL37" s="120">
        <v>0</v>
      </c>
      <c r="LM37" s="145"/>
      <c r="LN37" s="119">
        <v>0</v>
      </c>
      <c r="LO37" s="119">
        <v>0</v>
      </c>
      <c r="LP37" s="119">
        <v>202568</v>
      </c>
      <c r="LQ37" s="119">
        <v>0</v>
      </c>
      <c r="LR37" s="119">
        <v>0</v>
      </c>
      <c r="LS37" s="120">
        <v>202568</v>
      </c>
      <c r="LT37" s="320">
        <v>202568</v>
      </c>
      <c r="LU37" s="142">
        <v>0</v>
      </c>
      <c r="LV37" s="119">
        <v>0</v>
      </c>
      <c r="LW37" s="120">
        <v>0</v>
      </c>
      <c r="LX37" s="145"/>
      <c r="LY37" s="119">
        <v>0</v>
      </c>
      <c r="LZ37" s="119">
        <v>0</v>
      </c>
      <c r="MA37" s="119">
        <v>0</v>
      </c>
      <c r="MB37" s="119">
        <v>0</v>
      </c>
      <c r="MC37" s="119">
        <v>0</v>
      </c>
      <c r="MD37" s="120">
        <v>0</v>
      </c>
      <c r="ME37" s="121">
        <v>0</v>
      </c>
      <c r="MF37" s="142">
        <v>0</v>
      </c>
      <c r="MG37" s="119">
        <v>0</v>
      </c>
      <c r="MH37" s="120">
        <v>0</v>
      </c>
      <c r="MI37" s="145"/>
      <c r="MJ37" s="119">
        <v>0</v>
      </c>
      <c r="MK37" s="119">
        <v>0</v>
      </c>
      <c r="ML37" s="119">
        <v>274909</v>
      </c>
      <c r="MM37" s="119">
        <v>1296566</v>
      </c>
      <c r="MN37" s="119">
        <v>0</v>
      </c>
      <c r="MO37" s="120">
        <v>1571475</v>
      </c>
      <c r="MP37" s="143">
        <v>1571475</v>
      </c>
      <c r="MQ37" s="142">
        <v>0</v>
      </c>
      <c r="MR37" s="119">
        <v>0</v>
      </c>
      <c r="MS37" s="120">
        <v>0</v>
      </c>
      <c r="MT37" s="145"/>
      <c r="MU37" s="119">
        <v>0</v>
      </c>
      <c r="MV37" s="119">
        <v>0</v>
      </c>
      <c r="MW37" s="119">
        <v>0</v>
      </c>
      <c r="MX37" s="119">
        <v>519455</v>
      </c>
      <c r="MY37" s="119">
        <v>0</v>
      </c>
      <c r="MZ37" s="120">
        <v>519455</v>
      </c>
      <c r="NA37" s="143">
        <v>519455</v>
      </c>
      <c r="NB37" s="142">
        <v>0</v>
      </c>
      <c r="NC37" s="119">
        <v>0</v>
      </c>
      <c r="ND37" s="120">
        <v>0</v>
      </c>
      <c r="NE37" s="145"/>
      <c r="NF37" s="119">
        <v>0</v>
      </c>
      <c r="NG37" s="119">
        <v>0</v>
      </c>
      <c r="NH37" s="119">
        <v>274909</v>
      </c>
      <c r="NI37" s="119">
        <v>777111</v>
      </c>
      <c r="NJ37" s="119">
        <v>0</v>
      </c>
      <c r="NK37" s="120">
        <v>1052020</v>
      </c>
      <c r="NL37" s="320">
        <v>1052020</v>
      </c>
      <c r="NM37" s="142">
        <v>0</v>
      </c>
      <c r="NN37" s="119">
        <v>0</v>
      </c>
      <c r="NO37" s="120">
        <v>0</v>
      </c>
      <c r="NP37" s="145"/>
      <c r="NQ37" s="119">
        <v>0</v>
      </c>
      <c r="NR37" s="119">
        <v>0</v>
      </c>
      <c r="NS37" s="119">
        <v>0</v>
      </c>
      <c r="NT37" s="119">
        <v>0</v>
      </c>
      <c r="NU37" s="119">
        <v>0</v>
      </c>
      <c r="NV37" s="120">
        <v>0</v>
      </c>
      <c r="NW37" s="121">
        <v>0</v>
      </c>
      <c r="NX37" s="142">
        <v>0</v>
      </c>
      <c r="NY37" s="119">
        <v>0</v>
      </c>
      <c r="NZ37" s="120">
        <v>0</v>
      </c>
      <c r="OA37" s="145"/>
      <c r="OB37" s="119">
        <v>0</v>
      </c>
      <c r="OC37" s="119">
        <v>0</v>
      </c>
      <c r="OD37" s="119">
        <v>0</v>
      </c>
      <c r="OE37" s="119">
        <v>0</v>
      </c>
      <c r="OF37" s="119">
        <v>0</v>
      </c>
      <c r="OG37" s="120">
        <v>0</v>
      </c>
      <c r="OH37" s="121">
        <v>0</v>
      </c>
      <c r="OI37" s="142">
        <v>0</v>
      </c>
      <c r="OJ37" s="119">
        <v>29088</v>
      </c>
      <c r="OK37" s="141">
        <v>29088</v>
      </c>
      <c r="OL37" s="118">
        <v>0</v>
      </c>
      <c r="OM37" s="119">
        <v>306791</v>
      </c>
      <c r="ON37" s="119">
        <v>684737</v>
      </c>
      <c r="OO37" s="119">
        <v>1692434</v>
      </c>
      <c r="OP37" s="119">
        <v>2029158</v>
      </c>
      <c r="OQ37" s="119">
        <v>603400</v>
      </c>
      <c r="OR37" s="120">
        <v>5316520</v>
      </c>
      <c r="OS37" s="143">
        <v>5345608</v>
      </c>
    </row>
    <row r="38" spans="2:409" ht="21" customHeight="1" x14ac:dyDescent="0.2">
      <c r="B38" s="126" t="s">
        <v>33</v>
      </c>
      <c r="C38" s="110">
        <v>54013</v>
      </c>
      <c r="D38" s="114">
        <v>31534</v>
      </c>
      <c r="E38" s="113">
        <v>85547</v>
      </c>
      <c r="F38" s="109">
        <v>0</v>
      </c>
      <c r="G38" s="114">
        <v>194906</v>
      </c>
      <c r="H38" s="114">
        <v>292316</v>
      </c>
      <c r="I38" s="114">
        <v>25760</v>
      </c>
      <c r="J38" s="114">
        <v>362049</v>
      </c>
      <c r="K38" s="114">
        <v>118888</v>
      </c>
      <c r="L38" s="173">
        <v>993919</v>
      </c>
      <c r="M38" s="116">
        <v>1079466</v>
      </c>
      <c r="N38" s="110">
        <v>31046</v>
      </c>
      <c r="O38" s="114">
        <v>31534</v>
      </c>
      <c r="P38" s="113">
        <v>62580</v>
      </c>
      <c r="Q38" s="110">
        <v>0</v>
      </c>
      <c r="R38" s="114">
        <v>100617</v>
      </c>
      <c r="S38" s="114">
        <v>34988</v>
      </c>
      <c r="T38" s="114">
        <v>2288</v>
      </c>
      <c r="U38" s="114">
        <v>133388</v>
      </c>
      <c r="V38" s="114">
        <v>118888</v>
      </c>
      <c r="W38" s="113">
        <v>390169</v>
      </c>
      <c r="X38" s="116">
        <v>452749</v>
      </c>
      <c r="Y38" s="110">
        <v>0</v>
      </c>
      <c r="Z38" s="114">
        <v>0</v>
      </c>
      <c r="AA38" s="113">
        <v>0</v>
      </c>
      <c r="AB38" s="110">
        <v>0</v>
      </c>
      <c r="AC38" s="114">
        <v>17597</v>
      </c>
      <c r="AD38" s="114">
        <v>0</v>
      </c>
      <c r="AE38" s="114">
        <v>0</v>
      </c>
      <c r="AF38" s="114">
        <v>0</v>
      </c>
      <c r="AG38" s="114">
        <v>33888</v>
      </c>
      <c r="AH38" s="113">
        <v>51485</v>
      </c>
      <c r="AI38" s="116">
        <v>51485</v>
      </c>
      <c r="AJ38" s="110">
        <v>0</v>
      </c>
      <c r="AK38" s="114">
        <v>0</v>
      </c>
      <c r="AL38" s="113">
        <v>0</v>
      </c>
      <c r="AM38" s="110">
        <v>0</v>
      </c>
      <c r="AN38" s="114">
        <v>0</v>
      </c>
      <c r="AO38" s="114">
        <v>0</v>
      </c>
      <c r="AP38" s="114">
        <v>0</v>
      </c>
      <c r="AQ38" s="114">
        <v>56856</v>
      </c>
      <c r="AR38" s="114">
        <v>0</v>
      </c>
      <c r="AS38" s="113">
        <v>56856</v>
      </c>
      <c r="AT38" s="116">
        <v>56856</v>
      </c>
      <c r="AU38" s="110">
        <v>0</v>
      </c>
      <c r="AV38" s="114">
        <v>0</v>
      </c>
      <c r="AW38" s="113">
        <v>0</v>
      </c>
      <c r="AX38" s="110">
        <v>0</v>
      </c>
      <c r="AY38" s="114">
        <v>31166</v>
      </c>
      <c r="AZ38" s="114">
        <v>25388</v>
      </c>
      <c r="BA38" s="114">
        <v>0</v>
      </c>
      <c r="BB38" s="114">
        <v>0</v>
      </c>
      <c r="BC38" s="114">
        <v>23883</v>
      </c>
      <c r="BD38" s="113">
        <v>80437</v>
      </c>
      <c r="BE38" s="116">
        <v>80437</v>
      </c>
      <c r="BF38" s="110">
        <v>31046</v>
      </c>
      <c r="BG38" s="114">
        <v>31534</v>
      </c>
      <c r="BH38" s="112">
        <v>62580</v>
      </c>
      <c r="BI38" s="111">
        <v>0</v>
      </c>
      <c r="BJ38" s="114">
        <v>30558</v>
      </c>
      <c r="BK38" s="114">
        <v>0</v>
      </c>
      <c r="BL38" s="114">
        <v>0</v>
      </c>
      <c r="BM38" s="114">
        <v>68756</v>
      </c>
      <c r="BN38" s="114">
        <v>61117</v>
      </c>
      <c r="BO38" s="113">
        <v>160431</v>
      </c>
      <c r="BP38" s="116">
        <v>223011</v>
      </c>
      <c r="BQ38" s="110">
        <v>0</v>
      </c>
      <c r="BR38" s="114">
        <v>0</v>
      </c>
      <c r="BS38" s="113">
        <v>0</v>
      </c>
      <c r="BT38" s="110">
        <v>0</v>
      </c>
      <c r="BU38" s="114">
        <v>21296</v>
      </c>
      <c r="BV38" s="114">
        <v>9600</v>
      </c>
      <c r="BW38" s="114">
        <v>2288</v>
      </c>
      <c r="BX38" s="114">
        <v>7776</v>
      </c>
      <c r="BY38" s="114">
        <v>0</v>
      </c>
      <c r="BZ38" s="113">
        <v>40960</v>
      </c>
      <c r="CA38" s="116">
        <v>40960</v>
      </c>
      <c r="CB38" s="110">
        <v>20567</v>
      </c>
      <c r="CC38" s="114">
        <v>0</v>
      </c>
      <c r="CD38" s="113">
        <v>20567</v>
      </c>
      <c r="CE38" s="110">
        <v>0</v>
      </c>
      <c r="CF38" s="114">
        <v>57889</v>
      </c>
      <c r="CG38" s="114">
        <v>69156</v>
      </c>
      <c r="CH38" s="114">
        <v>0</v>
      </c>
      <c r="CI38" s="114">
        <v>0</v>
      </c>
      <c r="CJ38" s="114">
        <v>0</v>
      </c>
      <c r="CK38" s="113">
        <v>127045</v>
      </c>
      <c r="CL38" s="116">
        <v>147612</v>
      </c>
      <c r="CM38" s="110">
        <v>0</v>
      </c>
      <c r="CN38" s="114">
        <v>0</v>
      </c>
      <c r="CO38" s="113">
        <v>0</v>
      </c>
      <c r="CP38" s="111">
        <v>0</v>
      </c>
      <c r="CQ38" s="114">
        <v>19063</v>
      </c>
      <c r="CR38" s="114">
        <v>0</v>
      </c>
      <c r="CS38" s="114">
        <v>0</v>
      </c>
      <c r="CT38" s="114">
        <v>0</v>
      </c>
      <c r="CU38" s="114">
        <v>0</v>
      </c>
      <c r="CV38" s="113">
        <v>19063</v>
      </c>
      <c r="CW38" s="116">
        <v>19063</v>
      </c>
      <c r="CX38" s="110">
        <v>20567</v>
      </c>
      <c r="CY38" s="114">
        <v>0</v>
      </c>
      <c r="CZ38" s="113">
        <v>20567</v>
      </c>
      <c r="DA38" s="110">
        <v>0</v>
      </c>
      <c r="DB38" s="114">
        <v>38826</v>
      </c>
      <c r="DC38" s="114">
        <v>69156</v>
      </c>
      <c r="DD38" s="114">
        <v>0</v>
      </c>
      <c r="DE38" s="114">
        <v>0</v>
      </c>
      <c r="DF38" s="114">
        <v>0</v>
      </c>
      <c r="DG38" s="113">
        <v>107982</v>
      </c>
      <c r="DH38" s="116">
        <v>128549</v>
      </c>
      <c r="DI38" s="110">
        <v>0</v>
      </c>
      <c r="DJ38" s="114">
        <v>0</v>
      </c>
      <c r="DK38" s="112">
        <v>0</v>
      </c>
      <c r="DL38" s="111">
        <v>0</v>
      </c>
      <c r="DM38" s="114">
        <v>0</v>
      </c>
      <c r="DN38" s="114">
        <v>0</v>
      </c>
      <c r="DO38" s="114">
        <v>0</v>
      </c>
      <c r="DP38" s="114">
        <v>0</v>
      </c>
      <c r="DQ38" s="114">
        <v>0</v>
      </c>
      <c r="DR38" s="113">
        <v>0</v>
      </c>
      <c r="DS38" s="116">
        <v>0</v>
      </c>
      <c r="DT38" s="110">
        <v>0</v>
      </c>
      <c r="DU38" s="114">
        <v>0</v>
      </c>
      <c r="DV38" s="113">
        <v>0</v>
      </c>
      <c r="DW38" s="110">
        <v>0</v>
      </c>
      <c r="DX38" s="114">
        <v>0</v>
      </c>
      <c r="DY38" s="114">
        <v>0</v>
      </c>
      <c r="DZ38" s="114">
        <v>0</v>
      </c>
      <c r="EA38" s="114">
        <v>0</v>
      </c>
      <c r="EB38" s="114">
        <v>0</v>
      </c>
      <c r="EC38" s="113">
        <v>0</v>
      </c>
      <c r="ED38" s="116">
        <v>0</v>
      </c>
      <c r="EE38" s="110">
        <v>0</v>
      </c>
      <c r="EF38" s="112">
        <v>0</v>
      </c>
      <c r="EG38" s="113">
        <v>0</v>
      </c>
      <c r="EH38" s="110">
        <v>0</v>
      </c>
      <c r="EI38" s="114">
        <v>0</v>
      </c>
      <c r="EJ38" s="114">
        <v>0</v>
      </c>
      <c r="EK38" s="114">
        <v>0</v>
      </c>
      <c r="EL38" s="114">
        <v>0</v>
      </c>
      <c r="EM38" s="114">
        <v>0</v>
      </c>
      <c r="EN38" s="112">
        <v>0</v>
      </c>
      <c r="EO38" s="116">
        <v>0</v>
      </c>
      <c r="EP38" s="110">
        <v>0</v>
      </c>
      <c r="EQ38" s="114">
        <v>0</v>
      </c>
      <c r="ER38" s="112">
        <v>0</v>
      </c>
      <c r="ES38" s="111">
        <v>0</v>
      </c>
      <c r="ET38" s="114">
        <v>0</v>
      </c>
      <c r="EU38" s="114">
        <v>0</v>
      </c>
      <c r="EV38" s="114">
        <v>0</v>
      </c>
      <c r="EW38" s="114">
        <v>0</v>
      </c>
      <c r="EX38" s="114">
        <v>0</v>
      </c>
      <c r="EY38" s="113">
        <v>0</v>
      </c>
      <c r="EZ38" s="116">
        <v>0</v>
      </c>
      <c r="FA38" s="110">
        <v>0</v>
      </c>
      <c r="FB38" s="114">
        <v>0</v>
      </c>
      <c r="FC38" s="112">
        <v>0</v>
      </c>
      <c r="FD38" s="347"/>
      <c r="FE38" s="114">
        <v>0</v>
      </c>
      <c r="FF38" s="114">
        <v>0</v>
      </c>
      <c r="FG38" s="114">
        <v>0</v>
      </c>
      <c r="FH38" s="114">
        <v>0</v>
      </c>
      <c r="FI38" s="114">
        <v>0</v>
      </c>
      <c r="FJ38" s="113">
        <v>0</v>
      </c>
      <c r="FK38" s="116">
        <v>0</v>
      </c>
      <c r="FL38" s="110">
        <v>2400</v>
      </c>
      <c r="FM38" s="114">
        <v>0</v>
      </c>
      <c r="FN38" s="113">
        <v>2400</v>
      </c>
      <c r="FO38" s="110">
        <v>0</v>
      </c>
      <c r="FP38" s="114">
        <v>36400</v>
      </c>
      <c r="FQ38" s="114">
        <v>8592</v>
      </c>
      <c r="FR38" s="114">
        <v>23472</v>
      </c>
      <c r="FS38" s="114">
        <v>2800</v>
      </c>
      <c r="FT38" s="114">
        <v>0</v>
      </c>
      <c r="FU38" s="113">
        <v>71264</v>
      </c>
      <c r="FV38" s="116">
        <v>73664</v>
      </c>
      <c r="FW38" s="115">
        <v>2400</v>
      </c>
      <c r="FX38" s="114">
        <v>0</v>
      </c>
      <c r="FY38" s="112">
        <v>2400</v>
      </c>
      <c r="FZ38" s="111">
        <v>0</v>
      </c>
      <c r="GA38" s="114">
        <v>36400</v>
      </c>
      <c r="GB38" s="114">
        <v>8592</v>
      </c>
      <c r="GC38" s="114">
        <v>23472</v>
      </c>
      <c r="GD38" s="114">
        <v>2800</v>
      </c>
      <c r="GE38" s="114">
        <v>0</v>
      </c>
      <c r="GF38" s="113">
        <v>71264</v>
      </c>
      <c r="GG38" s="318">
        <v>73664</v>
      </c>
      <c r="GH38" s="115">
        <v>0</v>
      </c>
      <c r="GI38" s="114">
        <v>0</v>
      </c>
      <c r="GJ38" s="112">
        <v>0</v>
      </c>
      <c r="GK38" s="111">
        <v>0</v>
      </c>
      <c r="GL38" s="114">
        <v>0</v>
      </c>
      <c r="GM38" s="114">
        <v>0</v>
      </c>
      <c r="GN38" s="114">
        <v>0</v>
      </c>
      <c r="GO38" s="114">
        <v>0</v>
      </c>
      <c r="GP38" s="114">
        <v>0</v>
      </c>
      <c r="GQ38" s="113">
        <v>0</v>
      </c>
      <c r="GR38" s="116">
        <v>0</v>
      </c>
      <c r="GS38" s="110">
        <v>0</v>
      </c>
      <c r="GT38" s="114">
        <v>0</v>
      </c>
      <c r="GU38" s="113">
        <v>0</v>
      </c>
      <c r="GV38" s="110">
        <v>0</v>
      </c>
      <c r="GW38" s="114">
        <v>0</v>
      </c>
      <c r="GX38" s="114">
        <v>0</v>
      </c>
      <c r="GY38" s="114">
        <v>0</v>
      </c>
      <c r="GZ38" s="114">
        <v>0</v>
      </c>
      <c r="HA38" s="114">
        <v>0</v>
      </c>
      <c r="HB38" s="112">
        <v>0</v>
      </c>
      <c r="HC38" s="116">
        <v>0</v>
      </c>
      <c r="HD38" s="110">
        <v>0</v>
      </c>
      <c r="HE38" s="114">
        <v>0</v>
      </c>
      <c r="HF38" s="112">
        <v>0</v>
      </c>
      <c r="HG38" s="111">
        <v>0</v>
      </c>
      <c r="HH38" s="114">
        <v>0</v>
      </c>
      <c r="HI38" s="114">
        <v>179580</v>
      </c>
      <c r="HJ38" s="114">
        <v>0</v>
      </c>
      <c r="HK38" s="114">
        <v>225861</v>
      </c>
      <c r="HL38" s="114">
        <v>0</v>
      </c>
      <c r="HM38" s="113">
        <v>405441</v>
      </c>
      <c r="HN38" s="109">
        <v>405441</v>
      </c>
      <c r="HO38" s="328"/>
      <c r="HP38" s="329"/>
      <c r="HQ38" s="330"/>
      <c r="HR38" s="331"/>
      <c r="HS38" s="329"/>
      <c r="HT38" s="329"/>
      <c r="HU38" s="329"/>
      <c r="HV38" s="329"/>
      <c r="HW38" s="329"/>
      <c r="HX38" s="332"/>
      <c r="HY38" s="333"/>
      <c r="HZ38" s="150">
        <v>0</v>
      </c>
      <c r="IA38" s="135">
        <v>0</v>
      </c>
      <c r="IB38" s="150">
        <v>0</v>
      </c>
      <c r="IC38" s="146">
        <v>0</v>
      </c>
      <c r="ID38" s="132">
        <v>160600</v>
      </c>
      <c r="IE38" s="147">
        <v>0</v>
      </c>
      <c r="IF38" s="133">
        <v>231973</v>
      </c>
      <c r="IG38" s="132">
        <v>0</v>
      </c>
      <c r="IH38" s="133">
        <v>0</v>
      </c>
      <c r="II38" s="148">
        <v>392573</v>
      </c>
      <c r="IJ38" s="150">
        <v>392573</v>
      </c>
      <c r="IK38" s="232">
        <v>0</v>
      </c>
      <c r="IL38" s="236">
        <v>0</v>
      </c>
      <c r="IM38" s="237">
        <v>0</v>
      </c>
      <c r="IN38" s="140"/>
      <c r="IO38" s="119">
        <v>0</v>
      </c>
      <c r="IP38" s="119">
        <v>0</v>
      </c>
      <c r="IQ38" s="119">
        <v>0</v>
      </c>
      <c r="IR38" s="119">
        <v>0</v>
      </c>
      <c r="IS38" s="119">
        <v>0</v>
      </c>
      <c r="IT38" s="141">
        <v>0</v>
      </c>
      <c r="IU38" s="320">
        <v>0</v>
      </c>
      <c r="IV38" s="142">
        <v>0</v>
      </c>
      <c r="IW38" s="119">
        <v>0</v>
      </c>
      <c r="IX38" s="120">
        <v>0</v>
      </c>
      <c r="IY38" s="144"/>
      <c r="IZ38" s="119">
        <v>0</v>
      </c>
      <c r="JA38" s="119">
        <v>0</v>
      </c>
      <c r="JB38" s="119">
        <v>0</v>
      </c>
      <c r="JC38" s="119">
        <v>0</v>
      </c>
      <c r="JD38" s="119">
        <v>0</v>
      </c>
      <c r="JE38" s="120">
        <v>0</v>
      </c>
      <c r="JF38" s="121">
        <v>0</v>
      </c>
      <c r="JG38" s="142">
        <v>0</v>
      </c>
      <c r="JH38" s="119">
        <v>0</v>
      </c>
      <c r="JI38" s="141">
        <v>0</v>
      </c>
      <c r="JJ38" s="118">
        <v>0</v>
      </c>
      <c r="JK38" s="119">
        <v>17789</v>
      </c>
      <c r="JL38" s="119">
        <v>0</v>
      </c>
      <c r="JM38" s="119">
        <v>0</v>
      </c>
      <c r="JN38" s="119">
        <v>0</v>
      </c>
      <c r="JO38" s="119">
        <v>0</v>
      </c>
      <c r="JP38" s="120">
        <v>17789</v>
      </c>
      <c r="JQ38" s="320">
        <v>17789</v>
      </c>
      <c r="JR38" s="142">
        <v>0</v>
      </c>
      <c r="JS38" s="119">
        <v>0</v>
      </c>
      <c r="JT38" s="141">
        <v>0</v>
      </c>
      <c r="JU38" s="118">
        <v>0</v>
      </c>
      <c r="JV38" s="119">
        <v>0</v>
      </c>
      <c r="JW38" s="119">
        <v>0</v>
      </c>
      <c r="JX38" s="119">
        <v>0</v>
      </c>
      <c r="JY38" s="119">
        <v>0</v>
      </c>
      <c r="JZ38" s="119">
        <v>0</v>
      </c>
      <c r="KA38" s="120">
        <v>0</v>
      </c>
      <c r="KB38" s="320">
        <v>0</v>
      </c>
      <c r="KC38" s="234">
        <v>0</v>
      </c>
      <c r="KD38" s="230">
        <v>0</v>
      </c>
      <c r="KE38" s="120">
        <v>0</v>
      </c>
      <c r="KF38" s="118">
        <v>0</v>
      </c>
      <c r="KG38" s="119">
        <v>0</v>
      </c>
      <c r="KH38" s="119">
        <v>0</v>
      </c>
      <c r="KI38" s="119">
        <v>0</v>
      </c>
      <c r="KJ38" s="119">
        <v>0</v>
      </c>
      <c r="KK38" s="119">
        <v>0</v>
      </c>
      <c r="KL38" s="120">
        <v>0</v>
      </c>
      <c r="KM38" s="143">
        <v>0</v>
      </c>
      <c r="KN38" s="232">
        <v>0</v>
      </c>
      <c r="KO38" s="236">
        <v>0</v>
      </c>
      <c r="KP38" s="237">
        <v>0</v>
      </c>
      <c r="KQ38" s="140"/>
      <c r="KR38" s="119">
        <v>0</v>
      </c>
      <c r="KS38" s="119">
        <v>0</v>
      </c>
      <c r="KT38" s="119">
        <v>0</v>
      </c>
      <c r="KU38" s="119">
        <v>0</v>
      </c>
      <c r="KV38" s="119">
        <v>0</v>
      </c>
      <c r="KW38" s="120">
        <v>0</v>
      </c>
      <c r="KX38" s="320">
        <v>0</v>
      </c>
      <c r="KY38" s="142">
        <v>0</v>
      </c>
      <c r="KZ38" s="119">
        <v>0</v>
      </c>
      <c r="LA38" s="120">
        <v>0</v>
      </c>
      <c r="LB38" s="145"/>
      <c r="LC38" s="119">
        <v>0</v>
      </c>
      <c r="LD38" s="119">
        <v>0</v>
      </c>
      <c r="LE38" s="119">
        <v>0</v>
      </c>
      <c r="LF38" s="119">
        <v>0</v>
      </c>
      <c r="LG38" s="119">
        <v>0</v>
      </c>
      <c r="LH38" s="120">
        <v>0</v>
      </c>
      <c r="LI38" s="121">
        <v>0</v>
      </c>
      <c r="LJ38" s="142">
        <v>0</v>
      </c>
      <c r="LK38" s="119">
        <v>0</v>
      </c>
      <c r="LL38" s="120">
        <v>0</v>
      </c>
      <c r="LM38" s="145"/>
      <c r="LN38" s="119">
        <v>0</v>
      </c>
      <c r="LO38" s="119">
        <v>0</v>
      </c>
      <c r="LP38" s="119">
        <v>0</v>
      </c>
      <c r="LQ38" s="119">
        <v>0</v>
      </c>
      <c r="LR38" s="119">
        <v>0</v>
      </c>
      <c r="LS38" s="120">
        <v>0</v>
      </c>
      <c r="LT38" s="320">
        <v>0</v>
      </c>
      <c r="LU38" s="142">
        <v>0</v>
      </c>
      <c r="LV38" s="119">
        <v>0</v>
      </c>
      <c r="LW38" s="120">
        <v>0</v>
      </c>
      <c r="LX38" s="145"/>
      <c r="LY38" s="119">
        <v>142811</v>
      </c>
      <c r="LZ38" s="119">
        <v>0</v>
      </c>
      <c r="MA38" s="119">
        <v>231973</v>
      </c>
      <c r="MB38" s="119">
        <v>0</v>
      </c>
      <c r="MC38" s="119">
        <v>0</v>
      </c>
      <c r="MD38" s="120">
        <v>374784</v>
      </c>
      <c r="ME38" s="121">
        <v>374784</v>
      </c>
      <c r="MF38" s="142">
        <v>0</v>
      </c>
      <c r="MG38" s="119">
        <v>0</v>
      </c>
      <c r="MH38" s="120">
        <v>0</v>
      </c>
      <c r="MI38" s="145"/>
      <c r="MJ38" s="119">
        <v>0</v>
      </c>
      <c r="MK38" s="119">
        <v>221224</v>
      </c>
      <c r="ML38" s="119">
        <v>0</v>
      </c>
      <c r="MM38" s="119">
        <v>0</v>
      </c>
      <c r="MN38" s="119">
        <v>0</v>
      </c>
      <c r="MO38" s="120">
        <v>221224</v>
      </c>
      <c r="MP38" s="143">
        <v>221224</v>
      </c>
      <c r="MQ38" s="142">
        <v>0</v>
      </c>
      <c r="MR38" s="119">
        <v>0</v>
      </c>
      <c r="MS38" s="120">
        <v>0</v>
      </c>
      <c r="MT38" s="145"/>
      <c r="MU38" s="119">
        <v>0</v>
      </c>
      <c r="MV38" s="119">
        <v>0</v>
      </c>
      <c r="MW38" s="119">
        <v>0</v>
      </c>
      <c r="MX38" s="119">
        <v>0</v>
      </c>
      <c r="MY38" s="119">
        <v>0</v>
      </c>
      <c r="MZ38" s="120">
        <v>0</v>
      </c>
      <c r="NA38" s="143">
        <v>0</v>
      </c>
      <c r="NB38" s="142">
        <v>0</v>
      </c>
      <c r="NC38" s="119">
        <v>0</v>
      </c>
      <c r="ND38" s="120">
        <v>0</v>
      </c>
      <c r="NE38" s="145"/>
      <c r="NF38" s="119">
        <v>0</v>
      </c>
      <c r="NG38" s="119">
        <v>0</v>
      </c>
      <c r="NH38" s="119">
        <v>0</v>
      </c>
      <c r="NI38" s="119">
        <v>0</v>
      </c>
      <c r="NJ38" s="119">
        <v>0</v>
      </c>
      <c r="NK38" s="120">
        <v>0</v>
      </c>
      <c r="NL38" s="320">
        <v>0</v>
      </c>
      <c r="NM38" s="142">
        <v>0</v>
      </c>
      <c r="NN38" s="119">
        <v>0</v>
      </c>
      <c r="NO38" s="120">
        <v>0</v>
      </c>
      <c r="NP38" s="145"/>
      <c r="NQ38" s="119">
        <v>0</v>
      </c>
      <c r="NR38" s="119">
        <v>0</v>
      </c>
      <c r="NS38" s="119">
        <v>0</v>
      </c>
      <c r="NT38" s="119">
        <v>0</v>
      </c>
      <c r="NU38" s="119">
        <v>0</v>
      </c>
      <c r="NV38" s="120">
        <v>0</v>
      </c>
      <c r="NW38" s="121">
        <v>0</v>
      </c>
      <c r="NX38" s="142">
        <v>0</v>
      </c>
      <c r="NY38" s="119">
        <v>0</v>
      </c>
      <c r="NZ38" s="120">
        <v>0</v>
      </c>
      <c r="OA38" s="145"/>
      <c r="OB38" s="119">
        <v>0</v>
      </c>
      <c r="OC38" s="119">
        <v>221224</v>
      </c>
      <c r="OD38" s="119">
        <v>0</v>
      </c>
      <c r="OE38" s="119">
        <v>0</v>
      </c>
      <c r="OF38" s="119">
        <v>0</v>
      </c>
      <c r="OG38" s="120">
        <v>221224</v>
      </c>
      <c r="OH38" s="121">
        <v>221224</v>
      </c>
      <c r="OI38" s="142">
        <v>54013</v>
      </c>
      <c r="OJ38" s="119">
        <v>31534</v>
      </c>
      <c r="OK38" s="141">
        <v>85547</v>
      </c>
      <c r="OL38" s="118">
        <v>0</v>
      </c>
      <c r="OM38" s="119">
        <v>355506</v>
      </c>
      <c r="ON38" s="119">
        <v>513540</v>
      </c>
      <c r="OO38" s="119">
        <v>257733</v>
      </c>
      <c r="OP38" s="119">
        <v>362049</v>
      </c>
      <c r="OQ38" s="119">
        <v>118888</v>
      </c>
      <c r="OR38" s="120">
        <v>1607716</v>
      </c>
      <c r="OS38" s="143">
        <v>1693263</v>
      </c>
    </row>
    <row r="39" spans="2:409" ht="21" customHeight="1" x14ac:dyDescent="0.2">
      <c r="B39" s="126" t="s">
        <v>34</v>
      </c>
      <c r="C39" s="110">
        <v>137016</v>
      </c>
      <c r="D39" s="114">
        <v>0</v>
      </c>
      <c r="E39" s="174">
        <v>137016</v>
      </c>
      <c r="F39" s="175">
        <v>0</v>
      </c>
      <c r="G39" s="176">
        <v>3984</v>
      </c>
      <c r="H39" s="176">
        <v>66656</v>
      </c>
      <c r="I39" s="176">
        <v>58768</v>
      </c>
      <c r="J39" s="176">
        <v>44232</v>
      </c>
      <c r="K39" s="176">
        <v>243909</v>
      </c>
      <c r="L39" s="177">
        <v>417549</v>
      </c>
      <c r="M39" s="116">
        <v>554565</v>
      </c>
      <c r="N39" s="110">
        <v>0</v>
      </c>
      <c r="O39" s="114">
        <v>0</v>
      </c>
      <c r="P39" s="113">
        <v>0</v>
      </c>
      <c r="Q39" s="110">
        <v>0</v>
      </c>
      <c r="R39" s="114">
        <v>2384</v>
      </c>
      <c r="S39" s="114">
        <v>59856</v>
      </c>
      <c r="T39" s="114">
        <v>29504</v>
      </c>
      <c r="U39" s="114">
        <v>0</v>
      </c>
      <c r="V39" s="114">
        <v>2072</v>
      </c>
      <c r="W39" s="113">
        <v>93816</v>
      </c>
      <c r="X39" s="116">
        <v>93816</v>
      </c>
      <c r="Y39" s="110">
        <v>0</v>
      </c>
      <c r="Z39" s="114">
        <v>0</v>
      </c>
      <c r="AA39" s="113">
        <v>0</v>
      </c>
      <c r="AB39" s="110">
        <v>0</v>
      </c>
      <c r="AC39" s="114">
        <v>0</v>
      </c>
      <c r="AD39" s="114">
        <v>0</v>
      </c>
      <c r="AE39" s="114">
        <v>0</v>
      </c>
      <c r="AF39" s="114">
        <v>0</v>
      </c>
      <c r="AG39" s="114">
        <v>0</v>
      </c>
      <c r="AH39" s="113">
        <v>0</v>
      </c>
      <c r="AI39" s="116">
        <v>0</v>
      </c>
      <c r="AJ39" s="110">
        <v>0</v>
      </c>
      <c r="AK39" s="114">
        <v>0</v>
      </c>
      <c r="AL39" s="113">
        <v>0</v>
      </c>
      <c r="AM39" s="110">
        <v>0</v>
      </c>
      <c r="AN39" s="114">
        <v>0</v>
      </c>
      <c r="AO39" s="114">
        <v>0</v>
      </c>
      <c r="AP39" s="114">
        <v>0</v>
      </c>
      <c r="AQ39" s="114">
        <v>0</v>
      </c>
      <c r="AR39" s="114">
        <v>0</v>
      </c>
      <c r="AS39" s="113">
        <v>0</v>
      </c>
      <c r="AT39" s="116">
        <v>0</v>
      </c>
      <c r="AU39" s="110">
        <v>0</v>
      </c>
      <c r="AV39" s="114">
        <v>0</v>
      </c>
      <c r="AW39" s="113">
        <v>0</v>
      </c>
      <c r="AX39" s="110">
        <v>0</v>
      </c>
      <c r="AY39" s="114">
        <v>0</v>
      </c>
      <c r="AZ39" s="114">
        <v>0</v>
      </c>
      <c r="BA39" s="114">
        <v>0</v>
      </c>
      <c r="BB39" s="114">
        <v>0</v>
      </c>
      <c r="BC39" s="114">
        <v>0</v>
      </c>
      <c r="BD39" s="113">
        <v>0</v>
      </c>
      <c r="BE39" s="116">
        <v>0</v>
      </c>
      <c r="BF39" s="110">
        <v>0</v>
      </c>
      <c r="BG39" s="114">
        <v>0</v>
      </c>
      <c r="BH39" s="112">
        <v>0</v>
      </c>
      <c r="BI39" s="111">
        <v>0</v>
      </c>
      <c r="BJ39" s="114">
        <v>0</v>
      </c>
      <c r="BK39" s="114">
        <v>55088</v>
      </c>
      <c r="BL39" s="114">
        <v>16464</v>
      </c>
      <c r="BM39" s="114">
        <v>0</v>
      </c>
      <c r="BN39" s="114">
        <v>0</v>
      </c>
      <c r="BO39" s="113">
        <v>71552</v>
      </c>
      <c r="BP39" s="116">
        <v>71552</v>
      </c>
      <c r="BQ39" s="110">
        <v>0</v>
      </c>
      <c r="BR39" s="114">
        <v>0</v>
      </c>
      <c r="BS39" s="113">
        <v>0</v>
      </c>
      <c r="BT39" s="110">
        <v>0</v>
      </c>
      <c r="BU39" s="114">
        <v>2384</v>
      </c>
      <c r="BV39" s="114">
        <v>4768</v>
      </c>
      <c r="BW39" s="114">
        <v>13040</v>
      </c>
      <c r="BX39" s="114">
        <v>0</v>
      </c>
      <c r="BY39" s="114">
        <v>2072</v>
      </c>
      <c r="BZ39" s="113">
        <v>22264</v>
      </c>
      <c r="CA39" s="116">
        <v>22264</v>
      </c>
      <c r="CB39" s="110">
        <v>0</v>
      </c>
      <c r="CC39" s="114">
        <v>0</v>
      </c>
      <c r="CD39" s="113">
        <v>0</v>
      </c>
      <c r="CE39" s="110">
        <v>0</v>
      </c>
      <c r="CF39" s="114">
        <v>0</v>
      </c>
      <c r="CG39" s="114">
        <v>0</v>
      </c>
      <c r="CH39" s="114">
        <v>0</v>
      </c>
      <c r="CI39" s="114">
        <v>39832</v>
      </c>
      <c r="CJ39" s="114">
        <v>0</v>
      </c>
      <c r="CK39" s="113">
        <v>39832</v>
      </c>
      <c r="CL39" s="116">
        <v>39832</v>
      </c>
      <c r="CM39" s="110">
        <v>0</v>
      </c>
      <c r="CN39" s="114">
        <v>0</v>
      </c>
      <c r="CO39" s="113">
        <v>0</v>
      </c>
      <c r="CP39" s="111">
        <v>0</v>
      </c>
      <c r="CQ39" s="114">
        <v>0</v>
      </c>
      <c r="CR39" s="114">
        <v>0</v>
      </c>
      <c r="CS39" s="114">
        <v>0</v>
      </c>
      <c r="CT39" s="114">
        <v>39832</v>
      </c>
      <c r="CU39" s="114">
        <v>0</v>
      </c>
      <c r="CV39" s="113">
        <v>39832</v>
      </c>
      <c r="CW39" s="116">
        <v>39832</v>
      </c>
      <c r="CX39" s="110">
        <v>0</v>
      </c>
      <c r="CY39" s="114">
        <v>0</v>
      </c>
      <c r="CZ39" s="113">
        <v>0</v>
      </c>
      <c r="DA39" s="110">
        <v>0</v>
      </c>
      <c r="DB39" s="114">
        <v>0</v>
      </c>
      <c r="DC39" s="114">
        <v>0</v>
      </c>
      <c r="DD39" s="114">
        <v>0</v>
      </c>
      <c r="DE39" s="114">
        <v>0</v>
      </c>
      <c r="DF39" s="114">
        <v>0</v>
      </c>
      <c r="DG39" s="113">
        <v>0</v>
      </c>
      <c r="DH39" s="116">
        <v>0</v>
      </c>
      <c r="DI39" s="110">
        <v>0</v>
      </c>
      <c r="DJ39" s="114">
        <v>0</v>
      </c>
      <c r="DK39" s="112">
        <v>0</v>
      </c>
      <c r="DL39" s="111">
        <v>0</v>
      </c>
      <c r="DM39" s="114">
        <v>0</v>
      </c>
      <c r="DN39" s="114">
        <v>0</v>
      </c>
      <c r="DO39" s="114">
        <v>0</v>
      </c>
      <c r="DP39" s="114">
        <v>0</v>
      </c>
      <c r="DQ39" s="114">
        <v>0</v>
      </c>
      <c r="DR39" s="113">
        <v>0</v>
      </c>
      <c r="DS39" s="116">
        <v>0</v>
      </c>
      <c r="DT39" s="110">
        <v>0</v>
      </c>
      <c r="DU39" s="114">
        <v>0</v>
      </c>
      <c r="DV39" s="113">
        <v>0</v>
      </c>
      <c r="DW39" s="110">
        <v>0</v>
      </c>
      <c r="DX39" s="114">
        <v>0</v>
      </c>
      <c r="DY39" s="114">
        <v>0</v>
      </c>
      <c r="DZ39" s="114">
        <v>0</v>
      </c>
      <c r="EA39" s="114">
        <v>0</v>
      </c>
      <c r="EB39" s="114">
        <v>0</v>
      </c>
      <c r="EC39" s="113">
        <v>0</v>
      </c>
      <c r="ED39" s="116">
        <v>0</v>
      </c>
      <c r="EE39" s="110">
        <v>0</v>
      </c>
      <c r="EF39" s="112">
        <v>0</v>
      </c>
      <c r="EG39" s="113">
        <v>0</v>
      </c>
      <c r="EH39" s="110">
        <v>0</v>
      </c>
      <c r="EI39" s="114">
        <v>0</v>
      </c>
      <c r="EJ39" s="114">
        <v>0</v>
      </c>
      <c r="EK39" s="114">
        <v>0</v>
      </c>
      <c r="EL39" s="114">
        <v>0</v>
      </c>
      <c r="EM39" s="114">
        <v>0</v>
      </c>
      <c r="EN39" s="112">
        <v>0</v>
      </c>
      <c r="EO39" s="116">
        <v>0</v>
      </c>
      <c r="EP39" s="110">
        <v>0</v>
      </c>
      <c r="EQ39" s="114">
        <v>0</v>
      </c>
      <c r="ER39" s="112">
        <v>0</v>
      </c>
      <c r="ES39" s="111">
        <v>0</v>
      </c>
      <c r="ET39" s="114">
        <v>0</v>
      </c>
      <c r="EU39" s="114">
        <v>0</v>
      </c>
      <c r="EV39" s="114">
        <v>0</v>
      </c>
      <c r="EW39" s="114">
        <v>0</v>
      </c>
      <c r="EX39" s="114">
        <v>0</v>
      </c>
      <c r="EY39" s="113">
        <v>0</v>
      </c>
      <c r="EZ39" s="116">
        <v>0</v>
      </c>
      <c r="FA39" s="110">
        <v>0</v>
      </c>
      <c r="FB39" s="114">
        <v>0</v>
      </c>
      <c r="FC39" s="112">
        <v>0</v>
      </c>
      <c r="FD39" s="347"/>
      <c r="FE39" s="114">
        <v>0</v>
      </c>
      <c r="FF39" s="114">
        <v>0</v>
      </c>
      <c r="FG39" s="114">
        <v>0</v>
      </c>
      <c r="FH39" s="114">
        <v>0</v>
      </c>
      <c r="FI39" s="114">
        <v>0</v>
      </c>
      <c r="FJ39" s="113">
        <v>0</v>
      </c>
      <c r="FK39" s="116">
        <v>0</v>
      </c>
      <c r="FL39" s="110">
        <v>137016</v>
      </c>
      <c r="FM39" s="114">
        <v>0</v>
      </c>
      <c r="FN39" s="113">
        <v>137016</v>
      </c>
      <c r="FO39" s="110">
        <v>0</v>
      </c>
      <c r="FP39" s="114">
        <v>1600</v>
      </c>
      <c r="FQ39" s="114">
        <v>6800</v>
      </c>
      <c r="FR39" s="114">
        <v>29264</v>
      </c>
      <c r="FS39" s="114">
        <v>4400</v>
      </c>
      <c r="FT39" s="114">
        <v>0</v>
      </c>
      <c r="FU39" s="113">
        <v>42064</v>
      </c>
      <c r="FV39" s="116">
        <v>179080</v>
      </c>
      <c r="FW39" s="115">
        <v>0</v>
      </c>
      <c r="FX39" s="114">
        <v>0</v>
      </c>
      <c r="FY39" s="112">
        <v>0</v>
      </c>
      <c r="FZ39" s="111">
        <v>0</v>
      </c>
      <c r="GA39" s="114">
        <v>1600</v>
      </c>
      <c r="GB39" s="114">
        <v>6800</v>
      </c>
      <c r="GC39" s="114">
        <v>29264</v>
      </c>
      <c r="GD39" s="114">
        <v>4400</v>
      </c>
      <c r="GE39" s="114">
        <v>0</v>
      </c>
      <c r="GF39" s="113">
        <v>42064</v>
      </c>
      <c r="GG39" s="318">
        <v>42064</v>
      </c>
      <c r="GH39" s="115">
        <v>0</v>
      </c>
      <c r="GI39" s="114">
        <v>0</v>
      </c>
      <c r="GJ39" s="112">
        <v>0</v>
      </c>
      <c r="GK39" s="111">
        <v>0</v>
      </c>
      <c r="GL39" s="114">
        <v>0</v>
      </c>
      <c r="GM39" s="114">
        <v>0</v>
      </c>
      <c r="GN39" s="114">
        <v>0</v>
      </c>
      <c r="GO39" s="114">
        <v>0</v>
      </c>
      <c r="GP39" s="114">
        <v>0</v>
      </c>
      <c r="GQ39" s="113">
        <v>0</v>
      </c>
      <c r="GR39" s="116">
        <v>0</v>
      </c>
      <c r="GS39" s="110">
        <v>137016</v>
      </c>
      <c r="GT39" s="114">
        <v>0</v>
      </c>
      <c r="GU39" s="113">
        <v>137016</v>
      </c>
      <c r="GV39" s="110">
        <v>0</v>
      </c>
      <c r="GW39" s="114">
        <v>0</v>
      </c>
      <c r="GX39" s="114">
        <v>0</v>
      </c>
      <c r="GY39" s="114">
        <v>0</v>
      </c>
      <c r="GZ39" s="114">
        <v>0</v>
      </c>
      <c r="HA39" s="114">
        <v>0</v>
      </c>
      <c r="HB39" s="112">
        <v>0</v>
      </c>
      <c r="HC39" s="116">
        <v>137016</v>
      </c>
      <c r="HD39" s="110">
        <v>0</v>
      </c>
      <c r="HE39" s="114">
        <v>0</v>
      </c>
      <c r="HF39" s="112">
        <v>0</v>
      </c>
      <c r="HG39" s="111">
        <v>0</v>
      </c>
      <c r="HH39" s="114">
        <v>0</v>
      </c>
      <c r="HI39" s="114">
        <v>0</v>
      </c>
      <c r="HJ39" s="114">
        <v>0</v>
      </c>
      <c r="HK39" s="114">
        <v>0</v>
      </c>
      <c r="HL39" s="114">
        <v>241837</v>
      </c>
      <c r="HM39" s="113">
        <v>241837</v>
      </c>
      <c r="HN39" s="109">
        <v>241837</v>
      </c>
      <c r="HO39" s="328"/>
      <c r="HP39" s="329"/>
      <c r="HQ39" s="330"/>
      <c r="HR39" s="331"/>
      <c r="HS39" s="329"/>
      <c r="HT39" s="329"/>
      <c r="HU39" s="329"/>
      <c r="HV39" s="329"/>
      <c r="HW39" s="329"/>
      <c r="HX39" s="332"/>
      <c r="HY39" s="333"/>
      <c r="HZ39" s="131">
        <v>0</v>
      </c>
      <c r="IA39" s="132">
        <v>0</v>
      </c>
      <c r="IB39" s="133">
        <v>0</v>
      </c>
      <c r="IC39" s="146">
        <v>0</v>
      </c>
      <c r="ID39" s="132">
        <v>266192</v>
      </c>
      <c r="IE39" s="147">
        <v>194016</v>
      </c>
      <c r="IF39" s="133">
        <v>0</v>
      </c>
      <c r="IG39" s="132">
        <v>0</v>
      </c>
      <c r="IH39" s="133">
        <v>0</v>
      </c>
      <c r="II39" s="148">
        <v>460208</v>
      </c>
      <c r="IJ39" s="139">
        <v>460208</v>
      </c>
      <c r="IK39" s="232">
        <v>0</v>
      </c>
      <c r="IL39" s="236">
        <v>0</v>
      </c>
      <c r="IM39" s="237">
        <v>0</v>
      </c>
      <c r="IN39" s="140"/>
      <c r="IO39" s="119">
        <v>0</v>
      </c>
      <c r="IP39" s="119">
        <v>0</v>
      </c>
      <c r="IQ39" s="119">
        <v>0</v>
      </c>
      <c r="IR39" s="119">
        <v>0</v>
      </c>
      <c r="IS39" s="119">
        <v>0</v>
      </c>
      <c r="IT39" s="141">
        <v>0</v>
      </c>
      <c r="IU39" s="320">
        <v>0</v>
      </c>
      <c r="IV39" s="142">
        <v>0</v>
      </c>
      <c r="IW39" s="119">
        <v>0</v>
      </c>
      <c r="IX39" s="120">
        <v>0</v>
      </c>
      <c r="IY39" s="144"/>
      <c r="IZ39" s="119">
        <v>0</v>
      </c>
      <c r="JA39" s="119">
        <v>0</v>
      </c>
      <c r="JB39" s="119">
        <v>0</v>
      </c>
      <c r="JC39" s="119">
        <v>0</v>
      </c>
      <c r="JD39" s="119">
        <v>0</v>
      </c>
      <c r="JE39" s="120">
        <v>0</v>
      </c>
      <c r="JF39" s="121">
        <v>0</v>
      </c>
      <c r="JG39" s="142">
        <v>0</v>
      </c>
      <c r="JH39" s="119">
        <v>0</v>
      </c>
      <c r="JI39" s="141">
        <v>0</v>
      </c>
      <c r="JJ39" s="118">
        <v>0</v>
      </c>
      <c r="JK39" s="119">
        <v>153792</v>
      </c>
      <c r="JL39" s="119">
        <v>0</v>
      </c>
      <c r="JM39" s="119">
        <v>0</v>
      </c>
      <c r="JN39" s="119">
        <v>0</v>
      </c>
      <c r="JO39" s="119">
        <v>0</v>
      </c>
      <c r="JP39" s="120">
        <v>153792</v>
      </c>
      <c r="JQ39" s="320">
        <v>153792</v>
      </c>
      <c r="JR39" s="142">
        <v>0</v>
      </c>
      <c r="JS39" s="119">
        <v>0</v>
      </c>
      <c r="JT39" s="141">
        <v>0</v>
      </c>
      <c r="JU39" s="118">
        <v>0</v>
      </c>
      <c r="JV39" s="119">
        <v>0</v>
      </c>
      <c r="JW39" s="119">
        <v>0</v>
      </c>
      <c r="JX39" s="119">
        <v>0</v>
      </c>
      <c r="JY39" s="119">
        <v>0</v>
      </c>
      <c r="JZ39" s="119">
        <v>0</v>
      </c>
      <c r="KA39" s="120">
        <v>0</v>
      </c>
      <c r="KB39" s="320">
        <v>0</v>
      </c>
      <c r="KC39" s="234">
        <v>0</v>
      </c>
      <c r="KD39" s="230">
        <v>0</v>
      </c>
      <c r="KE39" s="120">
        <v>0</v>
      </c>
      <c r="KF39" s="118">
        <v>0</v>
      </c>
      <c r="KG39" s="119">
        <v>112400</v>
      </c>
      <c r="KH39" s="119">
        <v>0</v>
      </c>
      <c r="KI39" s="119">
        <v>0</v>
      </c>
      <c r="KJ39" s="119">
        <v>0</v>
      </c>
      <c r="KK39" s="119">
        <v>0</v>
      </c>
      <c r="KL39" s="120">
        <v>112400</v>
      </c>
      <c r="KM39" s="143">
        <v>112400</v>
      </c>
      <c r="KN39" s="232">
        <v>0</v>
      </c>
      <c r="KO39" s="236">
        <v>0</v>
      </c>
      <c r="KP39" s="237">
        <v>0</v>
      </c>
      <c r="KQ39" s="140"/>
      <c r="KR39" s="119">
        <v>0</v>
      </c>
      <c r="KS39" s="119">
        <v>0</v>
      </c>
      <c r="KT39" s="119">
        <v>0</v>
      </c>
      <c r="KU39" s="119">
        <v>0</v>
      </c>
      <c r="KV39" s="119">
        <v>0</v>
      </c>
      <c r="KW39" s="120">
        <v>0</v>
      </c>
      <c r="KX39" s="320">
        <v>0</v>
      </c>
      <c r="KY39" s="142">
        <v>0</v>
      </c>
      <c r="KZ39" s="119">
        <v>0</v>
      </c>
      <c r="LA39" s="120">
        <v>0</v>
      </c>
      <c r="LB39" s="145"/>
      <c r="LC39" s="119">
        <v>0</v>
      </c>
      <c r="LD39" s="119">
        <v>0</v>
      </c>
      <c r="LE39" s="119">
        <v>0</v>
      </c>
      <c r="LF39" s="119">
        <v>0</v>
      </c>
      <c r="LG39" s="119">
        <v>0</v>
      </c>
      <c r="LH39" s="120">
        <v>0</v>
      </c>
      <c r="LI39" s="121">
        <v>0</v>
      </c>
      <c r="LJ39" s="142">
        <v>0</v>
      </c>
      <c r="LK39" s="119">
        <v>0</v>
      </c>
      <c r="LL39" s="120">
        <v>0</v>
      </c>
      <c r="LM39" s="145"/>
      <c r="LN39" s="119">
        <v>0</v>
      </c>
      <c r="LO39" s="119">
        <v>0</v>
      </c>
      <c r="LP39" s="119">
        <v>0</v>
      </c>
      <c r="LQ39" s="119">
        <v>0</v>
      </c>
      <c r="LR39" s="119">
        <v>0</v>
      </c>
      <c r="LS39" s="120">
        <v>0</v>
      </c>
      <c r="LT39" s="320">
        <v>0</v>
      </c>
      <c r="LU39" s="142">
        <v>0</v>
      </c>
      <c r="LV39" s="119">
        <v>0</v>
      </c>
      <c r="LW39" s="120">
        <v>0</v>
      </c>
      <c r="LX39" s="145"/>
      <c r="LY39" s="119">
        <v>0</v>
      </c>
      <c r="LZ39" s="119">
        <v>194016</v>
      </c>
      <c r="MA39" s="119">
        <v>0</v>
      </c>
      <c r="MB39" s="119">
        <v>0</v>
      </c>
      <c r="MC39" s="119">
        <v>0</v>
      </c>
      <c r="MD39" s="120">
        <v>194016</v>
      </c>
      <c r="ME39" s="121">
        <v>194016</v>
      </c>
      <c r="MF39" s="142">
        <v>0</v>
      </c>
      <c r="MG39" s="119">
        <v>0</v>
      </c>
      <c r="MH39" s="120">
        <v>0</v>
      </c>
      <c r="MI39" s="145"/>
      <c r="MJ39" s="119">
        <v>0</v>
      </c>
      <c r="MK39" s="119">
        <v>0</v>
      </c>
      <c r="ML39" s="119">
        <v>488816</v>
      </c>
      <c r="MM39" s="119">
        <v>0</v>
      </c>
      <c r="MN39" s="119">
        <v>0</v>
      </c>
      <c r="MO39" s="120">
        <v>488816</v>
      </c>
      <c r="MP39" s="143">
        <v>488816</v>
      </c>
      <c r="MQ39" s="142">
        <v>0</v>
      </c>
      <c r="MR39" s="119">
        <v>0</v>
      </c>
      <c r="MS39" s="120">
        <v>0</v>
      </c>
      <c r="MT39" s="145"/>
      <c r="MU39" s="119">
        <v>0</v>
      </c>
      <c r="MV39" s="119">
        <v>0</v>
      </c>
      <c r="MW39" s="119">
        <v>218376</v>
      </c>
      <c r="MX39" s="119">
        <v>0</v>
      </c>
      <c r="MY39" s="119">
        <v>0</v>
      </c>
      <c r="MZ39" s="120">
        <v>218376</v>
      </c>
      <c r="NA39" s="143">
        <v>218376</v>
      </c>
      <c r="NB39" s="142">
        <v>0</v>
      </c>
      <c r="NC39" s="119">
        <v>0</v>
      </c>
      <c r="ND39" s="120">
        <v>0</v>
      </c>
      <c r="NE39" s="145"/>
      <c r="NF39" s="119">
        <v>0</v>
      </c>
      <c r="NG39" s="119">
        <v>0</v>
      </c>
      <c r="NH39" s="119">
        <v>270440</v>
      </c>
      <c r="NI39" s="119">
        <v>0</v>
      </c>
      <c r="NJ39" s="119">
        <v>0</v>
      </c>
      <c r="NK39" s="120">
        <v>270440</v>
      </c>
      <c r="NL39" s="320">
        <v>270440</v>
      </c>
      <c r="NM39" s="142">
        <v>0</v>
      </c>
      <c r="NN39" s="119">
        <v>0</v>
      </c>
      <c r="NO39" s="120">
        <v>0</v>
      </c>
      <c r="NP39" s="145"/>
      <c r="NQ39" s="119">
        <v>0</v>
      </c>
      <c r="NR39" s="119">
        <v>0</v>
      </c>
      <c r="NS39" s="119">
        <v>0</v>
      </c>
      <c r="NT39" s="119">
        <v>0</v>
      </c>
      <c r="NU39" s="119">
        <v>0</v>
      </c>
      <c r="NV39" s="120">
        <v>0</v>
      </c>
      <c r="NW39" s="121">
        <v>0</v>
      </c>
      <c r="NX39" s="142">
        <v>0</v>
      </c>
      <c r="NY39" s="119">
        <v>0</v>
      </c>
      <c r="NZ39" s="120">
        <v>0</v>
      </c>
      <c r="OA39" s="145"/>
      <c r="OB39" s="119">
        <v>0</v>
      </c>
      <c r="OC39" s="119">
        <v>0</v>
      </c>
      <c r="OD39" s="119">
        <v>0</v>
      </c>
      <c r="OE39" s="119">
        <v>0</v>
      </c>
      <c r="OF39" s="119">
        <v>0</v>
      </c>
      <c r="OG39" s="120">
        <v>0</v>
      </c>
      <c r="OH39" s="121">
        <v>0</v>
      </c>
      <c r="OI39" s="142">
        <v>137016</v>
      </c>
      <c r="OJ39" s="119">
        <v>0</v>
      </c>
      <c r="OK39" s="141">
        <v>137016</v>
      </c>
      <c r="OL39" s="118">
        <v>0</v>
      </c>
      <c r="OM39" s="119">
        <v>270176</v>
      </c>
      <c r="ON39" s="119">
        <v>260672</v>
      </c>
      <c r="OO39" s="119">
        <v>547584</v>
      </c>
      <c r="OP39" s="119">
        <v>44232</v>
      </c>
      <c r="OQ39" s="119">
        <v>243909</v>
      </c>
      <c r="OR39" s="120">
        <v>1366573</v>
      </c>
      <c r="OS39" s="143">
        <v>1503589</v>
      </c>
    </row>
    <row r="40" spans="2:409" ht="21" customHeight="1" x14ac:dyDescent="0.2">
      <c r="B40" s="126" t="s">
        <v>35</v>
      </c>
      <c r="C40" s="110">
        <v>201688</v>
      </c>
      <c r="D40" s="114">
        <v>160699</v>
      </c>
      <c r="E40" s="113">
        <v>362387</v>
      </c>
      <c r="F40" s="109">
        <v>0</v>
      </c>
      <c r="G40" s="114">
        <v>1536790</v>
      </c>
      <c r="H40" s="114">
        <v>899984</v>
      </c>
      <c r="I40" s="114">
        <v>528776</v>
      </c>
      <c r="J40" s="114">
        <v>889390</v>
      </c>
      <c r="K40" s="114">
        <v>730356</v>
      </c>
      <c r="L40" s="173">
        <v>4585296</v>
      </c>
      <c r="M40" s="116">
        <v>4947683</v>
      </c>
      <c r="N40" s="110">
        <v>34264</v>
      </c>
      <c r="O40" s="114">
        <v>33712</v>
      </c>
      <c r="P40" s="113">
        <v>67976</v>
      </c>
      <c r="Q40" s="110">
        <v>0</v>
      </c>
      <c r="R40" s="114">
        <v>557766</v>
      </c>
      <c r="S40" s="114">
        <v>234592</v>
      </c>
      <c r="T40" s="114">
        <v>62448</v>
      </c>
      <c r="U40" s="114">
        <v>406247</v>
      </c>
      <c r="V40" s="114">
        <v>456095</v>
      </c>
      <c r="W40" s="113">
        <v>1717148</v>
      </c>
      <c r="X40" s="116">
        <v>1785124</v>
      </c>
      <c r="Y40" s="110">
        <v>0</v>
      </c>
      <c r="Z40" s="114">
        <v>0</v>
      </c>
      <c r="AA40" s="113">
        <v>0</v>
      </c>
      <c r="AB40" s="110">
        <v>0</v>
      </c>
      <c r="AC40" s="114">
        <v>373646</v>
      </c>
      <c r="AD40" s="114">
        <v>43768</v>
      </c>
      <c r="AE40" s="114">
        <v>0</v>
      </c>
      <c r="AF40" s="114">
        <v>238087</v>
      </c>
      <c r="AG40" s="114">
        <v>212407</v>
      </c>
      <c r="AH40" s="113">
        <v>867908</v>
      </c>
      <c r="AI40" s="116">
        <v>867908</v>
      </c>
      <c r="AJ40" s="110">
        <v>0</v>
      </c>
      <c r="AK40" s="114">
        <v>0</v>
      </c>
      <c r="AL40" s="113">
        <v>0</v>
      </c>
      <c r="AM40" s="110">
        <v>0</v>
      </c>
      <c r="AN40" s="114">
        <v>0</v>
      </c>
      <c r="AO40" s="114">
        <v>0</v>
      </c>
      <c r="AP40" s="114">
        <v>0</v>
      </c>
      <c r="AQ40" s="114">
        <v>0</v>
      </c>
      <c r="AR40" s="114">
        <v>143832</v>
      </c>
      <c r="AS40" s="113">
        <v>143832</v>
      </c>
      <c r="AT40" s="116">
        <v>143832</v>
      </c>
      <c r="AU40" s="110">
        <v>0</v>
      </c>
      <c r="AV40" s="114">
        <v>24112</v>
      </c>
      <c r="AW40" s="113">
        <v>24112</v>
      </c>
      <c r="AX40" s="110">
        <v>0</v>
      </c>
      <c r="AY40" s="114">
        <v>32840</v>
      </c>
      <c r="AZ40" s="114">
        <v>64776</v>
      </c>
      <c r="BA40" s="114">
        <v>0</v>
      </c>
      <c r="BB40" s="114">
        <v>0</v>
      </c>
      <c r="BC40" s="114">
        <v>50688</v>
      </c>
      <c r="BD40" s="113">
        <v>148304</v>
      </c>
      <c r="BE40" s="116">
        <v>172416</v>
      </c>
      <c r="BF40" s="110">
        <v>15024</v>
      </c>
      <c r="BG40" s="114">
        <v>0</v>
      </c>
      <c r="BH40" s="112">
        <v>15024</v>
      </c>
      <c r="BI40" s="111">
        <v>0</v>
      </c>
      <c r="BJ40" s="114">
        <v>29760</v>
      </c>
      <c r="BK40" s="114">
        <v>30592</v>
      </c>
      <c r="BL40" s="114">
        <v>31200</v>
      </c>
      <c r="BM40" s="114">
        <v>121328</v>
      </c>
      <c r="BN40" s="114">
        <v>0</v>
      </c>
      <c r="BO40" s="113">
        <v>212880</v>
      </c>
      <c r="BP40" s="116">
        <v>227904</v>
      </c>
      <c r="BQ40" s="110">
        <v>19240</v>
      </c>
      <c r="BR40" s="114">
        <v>9600</v>
      </c>
      <c r="BS40" s="113">
        <v>28840</v>
      </c>
      <c r="BT40" s="110">
        <v>0</v>
      </c>
      <c r="BU40" s="114">
        <v>121520</v>
      </c>
      <c r="BV40" s="114">
        <v>95456</v>
      </c>
      <c r="BW40" s="114">
        <v>31248</v>
      </c>
      <c r="BX40" s="114">
        <v>46832</v>
      </c>
      <c r="BY40" s="114">
        <v>49168</v>
      </c>
      <c r="BZ40" s="113">
        <v>344224</v>
      </c>
      <c r="CA40" s="116">
        <v>373064</v>
      </c>
      <c r="CB40" s="110">
        <v>0</v>
      </c>
      <c r="CC40" s="114">
        <v>33523</v>
      </c>
      <c r="CD40" s="113">
        <v>33523</v>
      </c>
      <c r="CE40" s="110">
        <v>0</v>
      </c>
      <c r="CF40" s="114">
        <v>497472</v>
      </c>
      <c r="CG40" s="114">
        <v>192800</v>
      </c>
      <c r="CH40" s="114">
        <v>226320</v>
      </c>
      <c r="CI40" s="114">
        <v>0</v>
      </c>
      <c r="CJ40" s="114">
        <v>0</v>
      </c>
      <c r="CK40" s="113">
        <v>916592</v>
      </c>
      <c r="CL40" s="116">
        <v>950115</v>
      </c>
      <c r="CM40" s="110">
        <v>0</v>
      </c>
      <c r="CN40" s="114">
        <v>0</v>
      </c>
      <c r="CO40" s="113">
        <v>0</v>
      </c>
      <c r="CP40" s="111">
        <v>0</v>
      </c>
      <c r="CQ40" s="114">
        <v>392800</v>
      </c>
      <c r="CR40" s="114">
        <v>192800</v>
      </c>
      <c r="CS40" s="114">
        <v>76896</v>
      </c>
      <c r="CT40" s="114">
        <v>0</v>
      </c>
      <c r="CU40" s="114">
        <v>0</v>
      </c>
      <c r="CV40" s="113">
        <v>662496</v>
      </c>
      <c r="CW40" s="116">
        <v>662496</v>
      </c>
      <c r="CX40" s="110">
        <v>0</v>
      </c>
      <c r="CY40" s="114">
        <v>33523</v>
      </c>
      <c r="CZ40" s="113">
        <v>33523</v>
      </c>
      <c r="DA40" s="110">
        <v>0</v>
      </c>
      <c r="DB40" s="114">
        <v>104672</v>
      </c>
      <c r="DC40" s="114">
        <v>0</v>
      </c>
      <c r="DD40" s="114">
        <v>149424</v>
      </c>
      <c r="DE40" s="114">
        <v>0</v>
      </c>
      <c r="DF40" s="114">
        <v>0</v>
      </c>
      <c r="DG40" s="113">
        <v>254096</v>
      </c>
      <c r="DH40" s="116">
        <v>287619</v>
      </c>
      <c r="DI40" s="110">
        <v>0</v>
      </c>
      <c r="DJ40" s="114">
        <v>0</v>
      </c>
      <c r="DK40" s="112">
        <v>0</v>
      </c>
      <c r="DL40" s="111">
        <v>0</v>
      </c>
      <c r="DM40" s="114">
        <v>0</v>
      </c>
      <c r="DN40" s="114">
        <v>32576</v>
      </c>
      <c r="DO40" s="114">
        <v>0</v>
      </c>
      <c r="DP40" s="114">
        <v>0</v>
      </c>
      <c r="DQ40" s="114">
        <v>0</v>
      </c>
      <c r="DR40" s="113">
        <v>32576</v>
      </c>
      <c r="DS40" s="116">
        <v>32576</v>
      </c>
      <c r="DT40" s="110">
        <v>0</v>
      </c>
      <c r="DU40" s="114">
        <v>0</v>
      </c>
      <c r="DV40" s="113">
        <v>0</v>
      </c>
      <c r="DW40" s="110">
        <v>0</v>
      </c>
      <c r="DX40" s="114">
        <v>0</v>
      </c>
      <c r="DY40" s="114">
        <v>32576</v>
      </c>
      <c r="DZ40" s="114">
        <v>0</v>
      </c>
      <c r="EA40" s="114">
        <v>0</v>
      </c>
      <c r="EB40" s="114">
        <v>0</v>
      </c>
      <c r="EC40" s="113">
        <v>32576</v>
      </c>
      <c r="ED40" s="116">
        <v>32576</v>
      </c>
      <c r="EE40" s="110">
        <v>0</v>
      </c>
      <c r="EF40" s="112">
        <v>0</v>
      </c>
      <c r="EG40" s="113">
        <v>0</v>
      </c>
      <c r="EH40" s="110">
        <v>0</v>
      </c>
      <c r="EI40" s="114">
        <v>0</v>
      </c>
      <c r="EJ40" s="114">
        <v>0</v>
      </c>
      <c r="EK40" s="114">
        <v>0</v>
      </c>
      <c r="EL40" s="114">
        <v>0</v>
      </c>
      <c r="EM40" s="114">
        <v>0</v>
      </c>
      <c r="EN40" s="112">
        <v>0</v>
      </c>
      <c r="EO40" s="116">
        <v>0</v>
      </c>
      <c r="EP40" s="110">
        <v>0</v>
      </c>
      <c r="EQ40" s="114">
        <v>0</v>
      </c>
      <c r="ER40" s="112">
        <v>0</v>
      </c>
      <c r="ES40" s="111">
        <v>0</v>
      </c>
      <c r="ET40" s="114">
        <v>0</v>
      </c>
      <c r="EU40" s="114">
        <v>0</v>
      </c>
      <c r="EV40" s="114">
        <v>0</v>
      </c>
      <c r="EW40" s="114">
        <v>0</v>
      </c>
      <c r="EX40" s="114">
        <v>0</v>
      </c>
      <c r="EY40" s="113">
        <v>0</v>
      </c>
      <c r="EZ40" s="116">
        <v>0</v>
      </c>
      <c r="FA40" s="110">
        <v>0</v>
      </c>
      <c r="FB40" s="114">
        <v>0</v>
      </c>
      <c r="FC40" s="112">
        <v>0</v>
      </c>
      <c r="FD40" s="347"/>
      <c r="FE40" s="114">
        <v>0</v>
      </c>
      <c r="FF40" s="114">
        <v>0</v>
      </c>
      <c r="FG40" s="114">
        <v>0</v>
      </c>
      <c r="FH40" s="114">
        <v>0</v>
      </c>
      <c r="FI40" s="114">
        <v>0</v>
      </c>
      <c r="FJ40" s="113">
        <v>0</v>
      </c>
      <c r="FK40" s="116">
        <v>0</v>
      </c>
      <c r="FL40" s="110">
        <v>1600</v>
      </c>
      <c r="FM40" s="114">
        <v>6416</v>
      </c>
      <c r="FN40" s="113">
        <v>8016</v>
      </c>
      <c r="FO40" s="110">
        <v>0</v>
      </c>
      <c r="FP40" s="114">
        <v>11600</v>
      </c>
      <c r="FQ40" s="114">
        <v>98320</v>
      </c>
      <c r="FR40" s="114">
        <v>47936</v>
      </c>
      <c r="FS40" s="114">
        <v>47752</v>
      </c>
      <c r="FT40" s="114">
        <v>28800</v>
      </c>
      <c r="FU40" s="113">
        <v>234408</v>
      </c>
      <c r="FV40" s="116">
        <v>242424</v>
      </c>
      <c r="FW40" s="115">
        <v>1600</v>
      </c>
      <c r="FX40" s="114">
        <v>6416</v>
      </c>
      <c r="FY40" s="112">
        <v>8016</v>
      </c>
      <c r="FZ40" s="111">
        <v>0</v>
      </c>
      <c r="GA40" s="114">
        <v>11600</v>
      </c>
      <c r="GB40" s="114">
        <v>98320</v>
      </c>
      <c r="GC40" s="114">
        <v>44320</v>
      </c>
      <c r="GD40" s="114">
        <v>47752</v>
      </c>
      <c r="GE40" s="114">
        <v>28800</v>
      </c>
      <c r="GF40" s="113">
        <v>230792</v>
      </c>
      <c r="GG40" s="318">
        <v>238808</v>
      </c>
      <c r="GH40" s="115">
        <v>0</v>
      </c>
      <c r="GI40" s="114">
        <v>0</v>
      </c>
      <c r="GJ40" s="112">
        <v>0</v>
      </c>
      <c r="GK40" s="111">
        <v>0</v>
      </c>
      <c r="GL40" s="114">
        <v>0</v>
      </c>
      <c r="GM40" s="114">
        <v>0</v>
      </c>
      <c r="GN40" s="114">
        <v>0</v>
      </c>
      <c r="GO40" s="114">
        <v>0</v>
      </c>
      <c r="GP40" s="114">
        <v>0</v>
      </c>
      <c r="GQ40" s="113">
        <v>0</v>
      </c>
      <c r="GR40" s="116">
        <v>0</v>
      </c>
      <c r="GS40" s="110">
        <v>0</v>
      </c>
      <c r="GT40" s="114">
        <v>0</v>
      </c>
      <c r="GU40" s="113">
        <v>0</v>
      </c>
      <c r="GV40" s="110">
        <v>0</v>
      </c>
      <c r="GW40" s="114">
        <v>0</v>
      </c>
      <c r="GX40" s="114">
        <v>0</v>
      </c>
      <c r="GY40" s="114">
        <v>3616</v>
      </c>
      <c r="GZ40" s="114">
        <v>0</v>
      </c>
      <c r="HA40" s="114">
        <v>0</v>
      </c>
      <c r="HB40" s="112">
        <v>3616</v>
      </c>
      <c r="HC40" s="116">
        <v>3616</v>
      </c>
      <c r="HD40" s="110">
        <v>165824</v>
      </c>
      <c r="HE40" s="114">
        <v>87048</v>
      </c>
      <c r="HF40" s="112">
        <v>252872</v>
      </c>
      <c r="HG40" s="111">
        <v>0</v>
      </c>
      <c r="HH40" s="114">
        <v>469952</v>
      </c>
      <c r="HI40" s="114">
        <v>341696</v>
      </c>
      <c r="HJ40" s="114">
        <v>192072</v>
      </c>
      <c r="HK40" s="114">
        <v>435391</v>
      </c>
      <c r="HL40" s="114">
        <v>245461</v>
      </c>
      <c r="HM40" s="113">
        <v>1684572</v>
      </c>
      <c r="HN40" s="109">
        <v>1937444</v>
      </c>
      <c r="HO40" s="328"/>
      <c r="HP40" s="329"/>
      <c r="HQ40" s="330"/>
      <c r="HR40" s="331"/>
      <c r="HS40" s="329"/>
      <c r="HT40" s="329"/>
      <c r="HU40" s="329"/>
      <c r="HV40" s="329"/>
      <c r="HW40" s="329"/>
      <c r="HX40" s="332"/>
      <c r="HY40" s="333"/>
      <c r="HZ40" s="150">
        <v>0</v>
      </c>
      <c r="IA40" s="135">
        <v>0</v>
      </c>
      <c r="IB40" s="150">
        <v>0</v>
      </c>
      <c r="IC40" s="146">
        <v>0</v>
      </c>
      <c r="ID40" s="132">
        <v>0</v>
      </c>
      <c r="IE40" s="147">
        <v>301632</v>
      </c>
      <c r="IF40" s="133">
        <v>0</v>
      </c>
      <c r="IG40" s="132">
        <v>0</v>
      </c>
      <c r="IH40" s="133">
        <v>0</v>
      </c>
      <c r="II40" s="148">
        <v>301632</v>
      </c>
      <c r="IJ40" s="150">
        <v>301632</v>
      </c>
      <c r="IK40" s="232">
        <v>0</v>
      </c>
      <c r="IL40" s="236">
        <v>0</v>
      </c>
      <c r="IM40" s="237">
        <v>0</v>
      </c>
      <c r="IN40" s="140"/>
      <c r="IO40" s="119">
        <v>0</v>
      </c>
      <c r="IP40" s="119">
        <v>64624</v>
      </c>
      <c r="IQ40" s="119">
        <v>0</v>
      </c>
      <c r="IR40" s="119">
        <v>0</v>
      </c>
      <c r="IS40" s="119">
        <v>0</v>
      </c>
      <c r="IT40" s="141">
        <v>64624</v>
      </c>
      <c r="IU40" s="320">
        <v>64624</v>
      </c>
      <c r="IV40" s="142">
        <v>0</v>
      </c>
      <c r="IW40" s="119">
        <v>0</v>
      </c>
      <c r="IX40" s="120">
        <v>0</v>
      </c>
      <c r="IY40" s="144"/>
      <c r="IZ40" s="119">
        <v>0</v>
      </c>
      <c r="JA40" s="119">
        <v>0</v>
      </c>
      <c r="JB40" s="119">
        <v>0</v>
      </c>
      <c r="JC40" s="119">
        <v>0</v>
      </c>
      <c r="JD40" s="119">
        <v>0</v>
      </c>
      <c r="JE40" s="120">
        <v>0</v>
      </c>
      <c r="JF40" s="121">
        <v>0</v>
      </c>
      <c r="JG40" s="142">
        <v>0</v>
      </c>
      <c r="JH40" s="119">
        <v>0</v>
      </c>
      <c r="JI40" s="141">
        <v>0</v>
      </c>
      <c r="JJ40" s="118">
        <v>0</v>
      </c>
      <c r="JK40" s="119">
        <v>0</v>
      </c>
      <c r="JL40" s="119">
        <v>0</v>
      </c>
      <c r="JM40" s="119">
        <v>0</v>
      </c>
      <c r="JN40" s="119">
        <v>0</v>
      </c>
      <c r="JO40" s="119">
        <v>0</v>
      </c>
      <c r="JP40" s="120">
        <v>0</v>
      </c>
      <c r="JQ40" s="320">
        <v>0</v>
      </c>
      <c r="JR40" s="142">
        <v>0</v>
      </c>
      <c r="JS40" s="119">
        <v>0</v>
      </c>
      <c r="JT40" s="141">
        <v>0</v>
      </c>
      <c r="JU40" s="118">
        <v>0</v>
      </c>
      <c r="JV40" s="119">
        <v>0</v>
      </c>
      <c r="JW40" s="119">
        <v>0</v>
      </c>
      <c r="JX40" s="119">
        <v>0</v>
      </c>
      <c r="JY40" s="119">
        <v>0</v>
      </c>
      <c r="JZ40" s="119">
        <v>0</v>
      </c>
      <c r="KA40" s="120">
        <v>0</v>
      </c>
      <c r="KB40" s="320">
        <v>0</v>
      </c>
      <c r="KC40" s="234">
        <v>0</v>
      </c>
      <c r="KD40" s="230">
        <v>0</v>
      </c>
      <c r="KE40" s="120">
        <v>0</v>
      </c>
      <c r="KF40" s="118">
        <v>0</v>
      </c>
      <c r="KG40" s="119">
        <v>0</v>
      </c>
      <c r="KH40" s="119">
        <v>0</v>
      </c>
      <c r="KI40" s="119">
        <v>0</v>
      </c>
      <c r="KJ40" s="119">
        <v>0</v>
      </c>
      <c r="KK40" s="119">
        <v>0</v>
      </c>
      <c r="KL40" s="120">
        <v>0</v>
      </c>
      <c r="KM40" s="143">
        <v>0</v>
      </c>
      <c r="KN40" s="232">
        <v>0</v>
      </c>
      <c r="KO40" s="236">
        <v>0</v>
      </c>
      <c r="KP40" s="237">
        <v>0</v>
      </c>
      <c r="KQ40" s="140"/>
      <c r="KR40" s="119">
        <v>0</v>
      </c>
      <c r="KS40" s="119">
        <v>237008</v>
      </c>
      <c r="KT40" s="119">
        <v>0</v>
      </c>
      <c r="KU40" s="119">
        <v>0</v>
      </c>
      <c r="KV40" s="119">
        <v>0</v>
      </c>
      <c r="KW40" s="120">
        <v>237008</v>
      </c>
      <c r="KX40" s="320">
        <v>237008</v>
      </c>
      <c r="KY40" s="142">
        <v>0</v>
      </c>
      <c r="KZ40" s="119">
        <v>0</v>
      </c>
      <c r="LA40" s="120">
        <v>0</v>
      </c>
      <c r="LB40" s="145"/>
      <c r="LC40" s="119">
        <v>0</v>
      </c>
      <c r="LD40" s="119">
        <v>0</v>
      </c>
      <c r="LE40" s="119">
        <v>0</v>
      </c>
      <c r="LF40" s="119">
        <v>0</v>
      </c>
      <c r="LG40" s="119">
        <v>0</v>
      </c>
      <c r="LH40" s="120">
        <v>0</v>
      </c>
      <c r="LI40" s="121">
        <v>0</v>
      </c>
      <c r="LJ40" s="142">
        <v>0</v>
      </c>
      <c r="LK40" s="119">
        <v>0</v>
      </c>
      <c r="LL40" s="120">
        <v>0</v>
      </c>
      <c r="LM40" s="145"/>
      <c r="LN40" s="119">
        <v>0</v>
      </c>
      <c r="LO40" s="119">
        <v>0</v>
      </c>
      <c r="LP40" s="119">
        <v>0</v>
      </c>
      <c r="LQ40" s="119">
        <v>0</v>
      </c>
      <c r="LR40" s="119">
        <v>0</v>
      </c>
      <c r="LS40" s="120">
        <v>0</v>
      </c>
      <c r="LT40" s="320">
        <v>0</v>
      </c>
      <c r="LU40" s="142">
        <v>0</v>
      </c>
      <c r="LV40" s="119">
        <v>0</v>
      </c>
      <c r="LW40" s="120">
        <v>0</v>
      </c>
      <c r="LX40" s="145"/>
      <c r="LY40" s="119">
        <v>0</v>
      </c>
      <c r="LZ40" s="119">
        <v>0</v>
      </c>
      <c r="MA40" s="119">
        <v>0</v>
      </c>
      <c r="MB40" s="119">
        <v>0</v>
      </c>
      <c r="MC40" s="119">
        <v>0</v>
      </c>
      <c r="MD40" s="120">
        <v>0</v>
      </c>
      <c r="ME40" s="121">
        <v>0</v>
      </c>
      <c r="MF40" s="142">
        <v>0</v>
      </c>
      <c r="MG40" s="119">
        <v>0</v>
      </c>
      <c r="MH40" s="120">
        <v>0</v>
      </c>
      <c r="MI40" s="145"/>
      <c r="MJ40" s="119">
        <v>216616</v>
      </c>
      <c r="MK40" s="119">
        <v>287144</v>
      </c>
      <c r="ML40" s="119">
        <v>422000</v>
      </c>
      <c r="MM40" s="119">
        <v>264808</v>
      </c>
      <c r="MN40" s="119">
        <v>283520</v>
      </c>
      <c r="MO40" s="120">
        <v>1474088</v>
      </c>
      <c r="MP40" s="143">
        <v>1474088</v>
      </c>
      <c r="MQ40" s="142">
        <v>0</v>
      </c>
      <c r="MR40" s="119">
        <v>0</v>
      </c>
      <c r="MS40" s="120">
        <v>0</v>
      </c>
      <c r="MT40" s="145"/>
      <c r="MU40" s="119">
        <v>0</v>
      </c>
      <c r="MV40" s="119">
        <v>0</v>
      </c>
      <c r="MW40" s="119">
        <v>0</v>
      </c>
      <c r="MX40" s="119">
        <v>264808</v>
      </c>
      <c r="MY40" s="119">
        <v>283520</v>
      </c>
      <c r="MZ40" s="120">
        <v>548328</v>
      </c>
      <c r="NA40" s="143">
        <v>548328</v>
      </c>
      <c r="NB40" s="142">
        <v>0</v>
      </c>
      <c r="NC40" s="119">
        <v>0</v>
      </c>
      <c r="ND40" s="120">
        <v>0</v>
      </c>
      <c r="NE40" s="145"/>
      <c r="NF40" s="119">
        <v>216616</v>
      </c>
      <c r="NG40" s="119">
        <v>287144</v>
      </c>
      <c r="NH40" s="119">
        <v>422000</v>
      </c>
      <c r="NI40" s="119">
        <v>0</v>
      </c>
      <c r="NJ40" s="119">
        <v>0</v>
      </c>
      <c r="NK40" s="120">
        <v>925760</v>
      </c>
      <c r="NL40" s="320">
        <v>925760</v>
      </c>
      <c r="NM40" s="142">
        <v>0</v>
      </c>
      <c r="NN40" s="119">
        <v>0</v>
      </c>
      <c r="NO40" s="120">
        <v>0</v>
      </c>
      <c r="NP40" s="145"/>
      <c r="NQ40" s="119">
        <v>0</v>
      </c>
      <c r="NR40" s="119">
        <v>0</v>
      </c>
      <c r="NS40" s="119">
        <v>0</v>
      </c>
      <c r="NT40" s="119">
        <v>0</v>
      </c>
      <c r="NU40" s="119">
        <v>0</v>
      </c>
      <c r="NV40" s="120">
        <v>0</v>
      </c>
      <c r="NW40" s="121">
        <v>0</v>
      </c>
      <c r="NX40" s="142">
        <v>0</v>
      </c>
      <c r="NY40" s="119">
        <v>0</v>
      </c>
      <c r="NZ40" s="120">
        <v>0</v>
      </c>
      <c r="OA40" s="145"/>
      <c r="OB40" s="119">
        <v>0</v>
      </c>
      <c r="OC40" s="119">
        <v>0</v>
      </c>
      <c r="OD40" s="119">
        <v>0</v>
      </c>
      <c r="OE40" s="119">
        <v>0</v>
      </c>
      <c r="OF40" s="119">
        <v>0</v>
      </c>
      <c r="OG40" s="120">
        <v>0</v>
      </c>
      <c r="OH40" s="121">
        <v>0</v>
      </c>
      <c r="OI40" s="142">
        <v>201688</v>
      </c>
      <c r="OJ40" s="119">
        <v>160699</v>
      </c>
      <c r="OK40" s="141">
        <v>362387</v>
      </c>
      <c r="OL40" s="118">
        <v>0</v>
      </c>
      <c r="OM40" s="119">
        <v>1753406</v>
      </c>
      <c r="ON40" s="119">
        <v>1488760</v>
      </c>
      <c r="OO40" s="119">
        <v>950776</v>
      </c>
      <c r="OP40" s="119">
        <v>1154198</v>
      </c>
      <c r="OQ40" s="119">
        <v>1013876</v>
      </c>
      <c r="OR40" s="120">
        <v>6361016</v>
      </c>
      <c r="OS40" s="143">
        <v>6723403</v>
      </c>
    </row>
    <row r="41" spans="2:409" ht="21" customHeight="1" x14ac:dyDescent="0.2">
      <c r="B41" s="126" t="s">
        <v>36</v>
      </c>
      <c r="C41" s="110">
        <v>0</v>
      </c>
      <c r="D41" s="114">
        <v>128759</v>
      </c>
      <c r="E41" s="113">
        <v>128759</v>
      </c>
      <c r="F41" s="109">
        <v>0</v>
      </c>
      <c r="G41" s="114">
        <v>580912</v>
      </c>
      <c r="H41" s="114">
        <v>614907</v>
      </c>
      <c r="I41" s="114">
        <v>452620</v>
      </c>
      <c r="J41" s="114">
        <v>215664</v>
      </c>
      <c r="K41" s="114">
        <v>36832</v>
      </c>
      <c r="L41" s="173">
        <v>1900935</v>
      </c>
      <c r="M41" s="116">
        <v>2029694</v>
      </c>
      <c r="N41" s="110">
        <v>0</v>
      </c>
      <c r="O41" s="114">
        <v>66263</v>
      </c>
      <c r="P41" s="113">
        <v>66263</v>
      </c>
      <c r="Q41" s="110">
        <v>0</v>
      </c>
      <c r="R41" s="114">
        <v>280130</v>
      </c>
      <c r="S41" s="114">
        <v>208289</v>
      </c>
      <c r="T41" s="114">
        <v>187849</v>
      </c>
      <c r="U41" s="114">
        <v>23320</v>
      </c>
      <c r="V41" s="114">
        <v>18496</v>
      </c>
      <c r="W41" s="113">
        <v>718084</v>
      </c>
      <c r="X41" s="116">
        <v>784347</v>
      </c>
      <c r="Y41" s="110">
        <v>0</v>
      </c>
      <c r="Z41" s="114">
        <v>0</v>
      </c>
      <c r="AA41" s="113">
        <v>0</v>
      </c>
      <c r="AB41" s="110">
        <v>0</v>
      </c>
      <c r="AC41" s="114">
        <v>137924</v>
      </c>
      <c r="AD41" s="114">
        <v>159572</v>
      </c>
      <c r="AE41" s="114">
        <v>35025</v>
      </c>
      <c r="AF41" s="114">
        <v>0</v>
      </c>
      <c r="AG41" s="114">
        <v>13696</v>
      </c>
      <c r="AH41" s="113">
        <v>346217</v>
      </c>
      <c r="AI41" s="116">
        <v>346217</v>
      </c>
      <c r="AJ41" s="110">
        <v>0</v>
      </c>
      <c r="AK41" s="114">
        <v>0</v>
      </c>
      <c r="AL41" s="113">
        <v>0</v>
      </c>
      <c r="AM41" s="110">
        <v>0</v>
      </c>
      <c r="AN41" s="114">
        <v>0</v>
      </c>
      <c r="AO41" s="114">
        <v>0</v>
      </c>
      <c r="AP41" s="114">
        <v>0</v>
      </c>
      <c r="AQ41" s="114">
        <v>0</v>
      </c>
      <c r="AR41" s="114">
        <v>0</v>
      </c>
      <c r="AS41" s="113">
        <v>0</v>
      </c>
      <c r="AT41" s="116">
        <v>0</v>
      </c>
      <c r="AU41" s="110">
        <v>0</v>
      </c>
      <c r="AV41" s="114">
        <v>40099</v>
      </c>
      <c r="AW41" s="113">
        <v>40099</v>
      </c>
      <c r="AX41" s="110">
        <v>0</v>
      </c>
      <c r="AY41" s="114">
        <v>107182</v>
      </c>
      <c r="AZ41" s="114">
        <v>0</v>
      </c>
      <c r="BA41" s="114">
        <v>87370</v>
      </c>
      <c r="BB41" s="114">
        <v>0</v>
      </c>
      <c r="BC41" s="114">
        <v>0</v>
      </c>
      <c r="BD41" s="113">
        <v>194552</v>
      </c>
      <c r="BE41" s="116">
        <v>234651</v>
      </c>
      <c r="BF41" s="110">
        <v>0</v>
      </c>
      <c r="BG41" s="114">
        <v>26164</v>
      </c>
      <c r="BH41" s="112">
        <v>26164</v>
      </c>
      <c r="BI41" s="111">
        <v>0</v>
      </c>
      <c r="BJ41" s="114">
        <v>0</v>
      </c>
      <c r="BK41" s="114">
        <v>21933</v>
      </c>
      <c r="BL41" s="114">
        <v>35254</v>
      </c>
      <c r="BM41" s="114">
        <v>0</v>
      </c>
      <c r="BN41" s="114">
        <v>0</v>
      </c>
      <c r="BO41" s="113">
        <v>57187</v>
      </c>
      <c r="BP41" s="116">
        <v>83351</v>
      </c>
      <c r="BQ41" s="110">
        <v>0</v>
      </c>
      <c r="BR41" s="114">
        <v>0</v>
      </c>
      <c r="BS41" s="113">
        <v>0</v>
      </c>
      <c r="BT41" s="110">
        <v>0</v>
      </c>
      <c r="BU41" s="114">
        <v>35024</v>
      </c>
      <c r="BV41" s="114">
        <v>26784</v>
      </c>
      <c r="BW41" s="114">
        <v>30200</v>
      </c>
      <c r="BX41" s="114">
        <v>23320</v>
      </c>
      <c r="BY41" s="114">
        <v>4800</v>
      </c>
      <c r="BZ41" s="113">
        <v>120128</v>
      </c>
      <c r="CA41" s="116">
        <v>120128</v>
      </c>
      <c r="CB41" s="110">
        <v>0</v>
      </c>
      <c r="CC41" s="114">
        <v>37296</v>
      </c>
      <c r="CD41" s="113">
        <v>37296</v>
      </c>
      <c r="CE41" s="110">
        <v>0</v>
      </c>
      <c r="CF41" s="114">
        <v>102198</v>
      </c>
      <c r="CG41" s="114">
        <v>158282</v>
      </c>
      <c r="CH41" s="114">
        <v>218912</v>
      </c>
      <c r="CI41" s="114">
        <v>0</v>
      </c>
      <c r="CJ41" s="114">
        <v>0</v>
      </c>
      <c r="CK41" s="113">
        <v>479392</v>
      </c>
      <c r="CL41" s="116">
        <v>516688</v>
      </c>
      <c r="CM41" s="110">
        <v>0</v>
      </c>
      <c r="CN41" s="114">
        <v>0</v>
      </c>
      <c r="CO41" s="113">
        <v>0</v>
      </c>
      <c r="CP41" s="111">
        <v>0</v>
      </c>
      <c r="CQ41" s="114">
        <v>102198</v>
      </c>
      <c r="CR41" s="114">
        <v>95599</v>
      </c>
      <c r="CS41" s="114">
        <v>191308</v>
      </c>
      <c r="CT41" s="114">
        <v>0</v>
      </c>
      <c r="CU41" s="114">
        <v>0</v>
      </c>
      <c r="CV41" s="113">
        <v>389105</v>
      </c>
      <c r="CW41" s="116">
        <v>389105</v>
      </c>
      <c r="CX41" s="110">
        <v>0</v>
      </c>
      <c r="CY41" s="114">
        <v>37296</v>
      </c>
      <c r="CZ41" s="113">
        <v>37296</v>
      </c>
      <c r="DA41" s="110">
        <v>0</v>
      </c>
      <c r="DB41" s="114">
        <v>0</v>
      </c>
      <c r="DC41" s="114">
        <v>62683</v>
      </c>
      <c r="DD41" s="114">
        <v>27604</v>
      </c>
      <c r="DE41" s="114">
        <v>0</v>
      </c>
      <c r="DF41" s="114">
        <v>0</v>
      </c>
      <c r="DG41" s="113">
        <v>90287</v>
      </c>
      <c r="DH41" s="116">
        <v>127583</v>
      </c>
      <c r="DI41" s="110">
        <v>0</v>
      </c>
      <c r="DJ41" s="114">
        <v>0</v>
      </c>
      <c r="DK41" s="112">
        <v>0</v>
      </c>
      <c r="DL41" s="111">
        <v>0</v>
      </c>
      <c r="DM41" s="114">
        <v>0</v>
      </c>
      <c r="DN41" s="114">
        <v>0</v>
      </c>
      <c r="DO41" s="114">
        <v>18179</v>
      </c>
      <c r="DP41" s="114">
        <v>0</v>
      </c>
      <c r="DQ41" s="114">
        <v>0</v>
      </c>
      <c r="DR41" s="113">
        <v>18179</v>
      </c>
      <c r="DS41" s="116">
        <v>18179</v>
      </c>
      <c r="DT41" s="110">
        <v>0</v>
      </c>
      <c r="DU41" s="114">
        <v>0</v>
      </c>
      <c r="DV41" s="113">
        <v>0</v>
      </c>
      <c r="DW41" s="110">
        <v>0</v>
      </c>
      <c r="DX41" s="114">
        <v>0</v>
      </c>
      <c r="DY41" s="114">
        <v>0</v>
      </c>
      <c r="DZ41" s="114">
        <v>18179</v>
      </c>
      <c r="EA41" s="114">
        <v>0</v>
      </c>
      <c r="EB41" s="114">
        <v>0</v>
      </c>
      <c r="EC41" s="113">
        <v>18179</v>
      </c>
      <c r="ED41" s="116">
        <v>18179</v>
      </c>
      <c r="EE41" s="110">
        <v>0</v>
      </c>
      <c r="EF41" s="112">
        <v>0</v>
      </c>
      <c r="EG41" s="113">
        <v>0</v>
      </c>
      <c r="EH41" s="110">
        <v>0</v>
      </c>
      <c r="EI41" s="114">
        <v>0</v>
      </c>
      <c r="EJ41" s="114">
        <v>0</v>
      </c>
      <c r="EK41" s="114">
        <v>0</v>
      </c>
      <c r="EL41" s="114">
        <v>0</v>
      </c>
      <c r="EM41" s="114">
        <v>0</v>
      </c>
      <c r="EN41" s="112">
        <v>0</v>
      </c>
      <c r="EO41" s="116">
        <v>0</v>
      </c>
      <c r="EP41" s="110">
        <v>0</v>
      </c>
      <c r="EQ41" s="114">
        <v>0</v>
      </c>
      <c r="ER41" s="112">
        <v>0</v>
      </c>
      <c r="ES41" s="111">
        <v>0</v>
      </c>
      <c r="ET41" s="114">
        <v>0</v>
      </c>
      <c r="EU41" s="114">
        <v>0</v>
      </c>
      <c r="EV41" s="114">
        <v>0</v>
      </c>
      <c r="EW41" s="114">
        <v>0</v>
      </c>
      <c r="EX41" s="114">
        <v>0</v>
      </c>
      <c r="EY41" s="113">
        <v>0</v>
      </c>
      <c r="EZ41" s="116">
        <v>0</v>
      </c>
      <c r="FA41" s="110">
        <v>0</v>
      </c>
      <c r="FB41" s="114">
        <v>0</v>
      </c>
      <c r="FC41" s="112">
        <v>0</v>
      </c>
      <c r="FD41" s="347"/>
      <c r="FE41" s="114">
        <v>0</v>
      </c>
      <c r="FF41" s="114">
        <v>0</v>
      </c>
      <c r="FG41" s="114">
        <v>0</v>
      </c>
      <c r="FH41" s="114">
        <v>0</v>
      </c>
      <c r="FI41" s="114">
        <v>0</v>
      </c>
      <c r="FJ41" s="113">
        <v>0</v>
      </c>
      <c r="FK41" s="116">
        <v>0</v>
      </c>
      <c r="FL41" s="110">
        <v>0</v>
      </c>
      <c r="FM41" s="114">
        <v>25200</v>
      </c>
      <c r="FN41" s="113">
        <v>25200</v>
      </c>
      <c r="FO41" s="110">
        <v>0</v>
      </c>
      <c r="FP41" s="114">
        <v>35712</v>
      </c>
      <c r="FQ41" s="114">
        <v>73344</v>
      </c>
      <c r="FR41" s="114">
        <v>27680</v>
      </c>
      <c r="FS41" s="114">
        <v>0</v>
      </c>
      <c r="FT41" s="114">
        <v>18336</v>
      </c>
      <c r="FU41" s="113">
        <v>155072</v>
      </c>
      <c r="FV41" s="116">
        <v>180272</v>
      </c>
      <c r="FW41" s="115">
        <v>0</v>
      </c>
      <c r="FX41" s="114">
        <v>25200</v>
      </c>
      <c r="FY41" s="112">
        <v>25200</v>
      </c>
      <c r="FZ41" s="111">
        <v>0</v>
      </c>
      <c r="GA41" s="114">
        <v>35712</v>
      </c>
      <c r="GB41" s="114">
        <v>73344</v>
      </c>
      <c r="GC41" s="114">
        <v>27680</v>
      </c>
      <c r="GD41" s="114">
        <v>0</v>
      </c>
      <c r="GE41" s="114">
        <v>18336</v>
      </c>
      <c r="GF41" s="113">
        <v>155072</v>
      </c>
      <c r="GG41" s="318">
        <v>180272</v>
      </c>
      <c r="GH41" s="115">
        <v>0</v>
      </c>
      <c r="GI41" s="114">
        <v>0</v>
      </c>
      <c r="GJ41" s="112">
        <v>0</v>
      </c>
      <c r="GK41" s="111">
        <v>0</v>
      </c>
      <c r="GL41" s="114">
        <v>0</v>
      </c>
      <c r="GM41" s="114">
        <v>0</v>
      </c>
      <c r="GN41" s="114">
        <v>0</v>
      </c>
      <c r="GO41" s="114">
        <v>0</v>
      </c>
      <c r="GP41" s="114">
        <v>0</v>
      </c>
      <c r="GQ41" s="113">
        <v>0</v>
      </c>
      <c r="GR41" s="116">
        <v>0</v>
      </c>
      <c r="GS41" s="110">
        <v>0</v>
      </c>
      <c r="GT41" s="114">
        <v>0</v>
      </c>
      <c r="GU41" s="113">
        <v>0</v>
      </c>
      <c r="GV41" s="110">
        <v>0</v>
      </c>
      <c r="GW41" s="114">
        <v>0</v>
      </c>
      <c r="GX41" s="114">
        <v>0</v>
      </c>
      <c r="GY41" s="114">
        <v>0</v>
      </c>
      <c r="GZ41" s="114">
        <v>0</v>
      </c>
      <c r="HA41" s="114">
        <v>0</v>
      </c>
      <c r="HB41" s="112">
        <v>0</v>
      </c>
      <c r="HC41" s="116">
        <v>0</v>
      </c>
      <c r="HD41" s="110">
        <v>0</v>
      </c>
      <c r="HE41" s="114">
        <v>0</v>
      </c>
      <c r="HF41" s="112">
        <v>0</v>
      </c>
      <c r="HG41" s="111">
        <v>0</v>
      </c>
      <c r="HH41" s="114">
        <v>162872</v>
      </c>
      <c r="HI41" s="114">
        <v>174992</v>
      </c>
      <c r="HJ41" s="114">
        <v>0</v>
      </c>
      <c r="HK41" s="114">
        <v>192344</v>
      </c>
      <c r="HL41" s="114">
        <v>0</v>
      </c>
      <c r="HM41" s="113">
        <v>530208</v>
      </c>
      <c r="HN41" s="109">
        <v>530208</v>
      </c>
      <c r="HO41" s="328"/>
      <c r="HP41" s="329"/>
      <c r="HQ41" s="330"/>
      <c r="HR41" s="331"/>
      <c r="HS41" s="329"/>
      <c r="HT41" s="329"/>
      <c r="HU41" s="329"/>
      <c r="HV41" s="329"/>
      <c r="HW41" s="329"/>
      <c r="HX41" s="332"/>
      <c r="HY41" s="333"/>
      <c r="HZ41" s="131">
        <v>0</v>
      </c>
      <c r="IA41" s="132">
        <v>0</v>
      </c>
      <c r="IB41" s="133">
        <v>0</v>
      </c>
      <c r="IC41" s="146">
        <v>0</v>
      </c>
      <c r="ID41" s="132">
        <v>111896</v>
      </c>
      <c r="IE41" s="147">
        <v>295706</v>
      </c>
      <c r="IF41" s="133">
        <v>0</v>
      </c>
      <c r="IG41" s="132">
        <v>0</v>
      </c>
      <c r="IH41" s="133">
        <v>0</v>
      </c>
      <c r="II41" s="148">
        <v>407602</v>
      </c>
      <c r="IJ41" s="139">
        <v>407602</v>
      </c>
      <c r="IK41" s="232">
        <v>0</v>
      </c>
      <c r="IL41" s="236">
        <v>0</v>
      </c>
      <c r="IM41" s="237">
        <v>0</v>
      </c>
      <c r="IN41" s="140"/>
      <c r="IO41" s="119">
        <v>0</v>
      </c>
      <c r="IP41" s="119">
        <v>0</v>
      </c>
      <c r="IQ41" s="119">
        <v>0</v>
      </c>
      <c r="IR41" s="119">
        <v>0</v>
      </c>
      <c r="IS41" s="119">
        <v>0</v>
      </c>
      <c r="IT41" s="141">
        <v>0</v>
      </c>
      <c r="IU41" s="320">
        <v>0</v>
      </c>
      <c r="IV41" s="142">
        <v>0</v>
      </c>
      <c r="IW41" s="119">
        <v>0</v>
      </c>
      <c r="IX41" s="120">
        <v>0</v>
      </c>
      <c r="IY41" s="144"/>
      <c r="IZ41" s="119">
        <v>0</v>
      </c>
      <c r="JA41" s="119">
        <v>0</v>
      </c>
      <c r="JB41" s="119">
        <v>0</v>
      </c>
      <c r="JC41" s="119">
        <v>0</v>
      </c>
      <c r="JD41" s="119">
        <v>0</v>
      </c>
      <c r="JE41" s="120">
        <v>0</v>
      </c>
      <c r="JF41" s="121">
        <v>0</v>
      </c>
      <c r="JG41" s="142">
        <v>0</v>
      </c>
      <c r="JH41" s="119">
        <v>0</v>
      </c>
      <c r="JI41" s="141">
        <v>0</v>
      </c>
      <c r="JJ41" s="118">
        <v>0</v>
      </c>
      <c r="JK41" s="119">
        <v>111896</v>
      </c>
      <c r="JL41" s="119">
        <v>48034</v>
      </c>
      <c r="JM41" s="119">
        <v>0</v>
      </c>
      <c r="JN41" s="119">
        <v>0</v>
      </c>
      <c r="JO41" s="119">
        <v>0</v>
      </c>
      <c r="JP41" s="120">
        <v>159930</v>
      </c>
      <c r="JQ41" s="320">
        <v>159930</v>
      </c>
      <c r="JR41" s="142">
        <v>0</v>
      </c>
      <c r="JS41" s="119">
        <v>0</v>
      </c>
      <c r="JT41" s="141">
        <v>0</v>
      </c>
      <c r="JU41" s="118">
        <v>0</v>
      </c>
      <c r="JV41" s="119">
        <v>0</v>
      </c>
      <c r="JW41" s="119">
        <v>0</v>
      </c>
      <c r="JX41" s="119">
        <v>0</v>
      </c>
      <c r="JY41" s="119">
        <v>0</v>
      </c>
      <c r="JZ41" s="119">
        <v>0</v>
      </c>
      <c r="KA41" s="120">
        <v>0</v>
      </c>
      <c r="KB41" s="320">
        <v>0</v>
      </c>
      <c r="KC41" s="234">
        <v>0</v>
      </c>
      <c r="KD41" s="230">
        <v>0</v>
      </c>
      <c r="KE41" s="120">
        <v>0</v>
      </c>
      <c r="KF41" s="118">
        <v>0</v>
      </c>
      <c r="KG41" s="119">
        <v>0</v>
      </c>
      <c r="KH41" s="119">
        <v>0</v>
      </c>
      <c r="KI41" s="119">
        <v>0</v>
      </c>
      <c r="KJ41" s="119">
        <v>0</v>
      </c>
      <c r="KK41" s="119">
        <v>0</v>
      </c>
      <c r="KL41" s="120">
        <v>0</v>
      </c>
      <c r="KM41" s="143">
        <v>0</v>
      </c>
      <c r="KN41" s="232">
        <v>0</v>
      </c>
      <c r="KO41" s="236">
        <v>0</v>
      </c>
      <c r="KP41" s="237">
        <v>0</v>
      </c>
      <c r="KQ41" s="140"/>
      <c r="KR41" s="119">
        <v>0</v>
      </c>
      <c r="KS41" s="119">
        <v>247672</v>
      </c>
      <c r="KT41" s="119">
        <v>0</v>
      </c>
      <c r="KU41" s="119">
        <v>0</v>
      </c>
      <c r="KV41" s="119">
        <v>0</v>
      </c>
      <c r="KW41" s="120">
        <v>247672</v>
      </c>
      <c r="KX41" s="320">
        <v>247672</v>
      </c>
      <c r="KY41" s="142">
        <v>0</v>
      </c>
      <c r="KZ41" s="119">
        <v>0</v>
      </c>
      <c r="LA41" s="120">
        <v>0</v>
      </c>
      <c r="LB41" s="145"/>
      <c r="LC41" s="119">
        <v>0</v>
      </c>
      <c r="LD41" s="119">
        <v>0</v>
      </c>
      <c r="LE41" s="119">
        <v>0</v>
      </c>
      <c r="LF41" s="119">
        <v>0</v>
      </c>
      <c r="LG41" s="119">
        <v>0</v>
      </c>
      <c r="LH41" s="120">
        <v>0</v>
      </c>
      <c r="LI41" s="121">
        <v>0</v>
      </c>
      <c r="LJ41" s="142">
        <v>0</v>
      </c>
      <c r="LK41" s="119">
        <v>0</v>
      </c>
      <c r="LL41" s="120">
        <v>0</v>
      </c>
      <c r="LM41" s="145"/>
      <c r="LN41" s="119">
        <v>0</v>
      </c>
      <c r="LO41" s="119">
        <v>0</v>
      </c>
      <c r="LP41" s="119">
        <v>0</v>
      </c>
      <c r="LQ41" s="119">
        <v>0</v>
      </c>
      <c r="LR41" s="119">
        <v>0</v>
      </c>
      <c r="LS41" s="120">
        <v>0</v>
      </c>
      <c r="LT41" s="320">
        <v>0</v>
      </c>
      <c r="LU41" s="142">
        <v>0</v>
      </c>
      <c r="LV41" s="119">
        <v>0</v>
      </c>
      <c r="LW41" s="120">
        <v>0</v>
      </c>
      <c r="LX41" s="145"/>
      <c r="LY41" s="119">
        <v>0</v>
      </c>
      <c r="LZ41" s="119">
        <v>0</v>
      </c>
      <c r="MA41" s="119">
        <v>0</v>
      </c>
      <c r="MB41" s="119">
        <v>0</v>
      </c>
      <c r="MC41" s="119">
        <v>0</v>
      </c>
      <c r="MD41" s="120">
        <v>0</v>
      </c>
      <c r="ME41" s="121">
        <v>0</v>
      </c>
      <c r="MF41" s="142">
        <v>0</v>
      </c>
      <c r="MG41" s="119">
        <v>0</v>
      </c>
      <c r="MH41" s="120">
        <v>0</v>
      </c>
      <c r="MI41" s="145"/>
      <c r="MJ41" s="119">
        <v>230560</v>
      </c>
      <c r="MK41" s="119">
        <v>491011</v>
      </c>
      <c r="ML41" s="119">
        <v>265989</v>
      </c>
      <c r="MM41" s="119">
        <v>808740</v>
      </c>
      <c r="MN41" s="119">
        <v>312984</v>
      </c>
      <c r="MO41" s="120">
        <v>2109284</v>
      </c>
      <c r="MP41" s="143">
        <v>2109284</v>
      </c>
      <c r="MQ41" s="142">
        <v>0</v>
      </c>
      <c r="MR41" s="119">
        <v>0</v>
      </c>
      <c r="MS41" s="120">
        <v>0</v>
      </c>
      <c r="MT41" s="145"/>
      <c r="MU41" s="119">
        <v>0</v>
      </c>
      <c r="MV41" s="119">
        <v>0</v>
      </c>
      <c r="MW41" s="119">
        <v>0</v>
      </c>
      <c r="MX41" s="119">
        <v>808740</v>
      </c>
      <c r="MY41" s="119">
        <v>312984</v>
      </c>
      <c r="MZ41" s="120">
        <v>1121724</v>
      </c>
      <c r="NA41" s="143">
        <v>1121724</v>
      </c>
      <c r="NB41" s="142">
        <v>0</v>
      </c>
      <c r="NC41" s="119">
        <v>0</v>
      </c>
      <c r="ND41" s="120">
        <v>0</v>
      </c>
      <c r="NE41" s="145"/>
      <c r="NF41" s="119">
        <v>230560</v>
      </c>
      <c r="NG41" s="119">
        <v>491011</v>
      </c>
      <c r="NH41" s="119">
        <v>265989</v>
      </c>
      <c r="NI41" s="119">
        <v>0</v>
      </c>
      <c r="NJ41" s="119">
        <v>0</v>
      </c>
      <c r="NK41" s="120">
        <v>987560</v>
      </c>
      <c r="NL41" s="320">
        <v>987560</v>
      </c>
      <c r="NM41" s="142">
        <v>0</v>
      </c>
      <c r="NN41" s="119">
        <v>0</v>
      </c>
      <c r="NO41" s="120">
        <v>0</v>
      </c>
      <c r="NP41" s="145"/>
      <c r="NQ41" s="119">
        <v>0</v>
      </c>
      <c r="NR41" s="119">
        <v>0</v>
      </c>
      <c r="NS41" s="119">
        <v>0</v>
      </c>
      <c r="NT41" s="119">
        <v>0</v>
      </c>
      <c r="NU41" s="119">
        <v>0</v>
      </c>
      <c r="NV41" s="120">
        <v>0</v>
      </c>
      <c r="NW41" s="121">
        <v>0</v>
      </c>
      <c r="NX41" s="142">
        <v>0</v>
      </c>
      <c r="NY41" s="119">
        <v>0</v>
      </c>
      <c r="NZ41" s="120">
        <v>0</v>
      </c>
      <c r="OA41" s="145"/>
      <c r="OB41" s="119">
        <v>0</v>
      </c>
      <c r="OC41" s="119">
        <v>0</v>
      </c>
      <c r="OD41" s="119">
        <v>0</v>
      </c>
      <c r="OE41" s="119">
        <v>0</v>
      </c>
      <c r="OF41" s="119">
        <v>0</v>
      </c>
      <c r="OG41" s="120">
        <v>0</v>
      </c>
      <c r="OH41" s="121">
        <v>0</v>
      </c>
      <c r="OI41" s="142">
        <v>0</v>
      </c>
      <c r="OJ41" s="119">
        <v>128759</v>
      </c>
      <c r="OK41" s="141">
        <v>128759</v>
      </c>
      <c r="OL41" s="118">
        <v>0</v>
      </c>
      <c r="OM41" s="119">
        <v>923368</v>
      </c>
      <c r="ON41" s="119">
        <v>1401624</v>
      </c>
      <c r="OO41" s="119">
        <v>718609</v>
      </c>
      <c r="OP41" s="119">
        <v>1024404</v>
      </c>
      <c r="OQ41" s="119">
        <v>349816</v>
      </c>
      <c r="OR41" s="120">
        <v>4417821</v>
      </c>
      <c r="OS41" s="143">
        <v>4546580</v>
      </c>
    </row>
    <row r="42" spans="2:409" ht="21" customHeight="1" thickBot="1" x14ac:dyDescent="0.25">
      <c r="B42" s="127" t="s">
        <v>37</v>
      </c>
      <c r="C42" s="117">
        <v>0</v>
      </c>
      <c r="D42" s="178">
        <v>38996</v>
      </c>
      <c r="E42" s="179">
        <v>38996</v>
      </c>
      <c r="F42" s="180">
        <v>0</v>
      </c>
      <c r="G42" s="178">
        <v>0</v>
      </c>
      <c r="H42" s="178">
        <v>120104</v>
      </c>
      <c r="I42" s="178">
        <v>0</v>
      </c>
      <c r="J42" s="178">
        <v>234528</v>
      </c>
      <c r="K42" s="178">
        <v>0</v>
      </c>
      <c r="L42" s="180">
        <v>354632</v>
      </c>
      <c r="M42" s="181">
        <v>393628</v>
      </c>
      <c r="N42" s="117">
        <v>0</v>
      </c>
      <c r="O42" s="178">
        <v>0</v>
      </c>
      <c r="P42" s="179">
        <v>0</v>
      </c>
      <c r="Q42" s="117">
        <v>0</v>
      </c>
      <c r="R42" s="178">
        <v>0</v>
      </c>
      <c r="S42" s="178">
        <v>21490</v>
      </c>
      <c r="T42" s="178">
        <v>0</v>
      </c>
      <c r="U42" s="178">
        <v>12480</v>
      </c>
      <c r="V42" s="178">
        <v>0</v>
      </c>
      <c r="W42" s="179">
        <v>33970</v>
      </c>
      <c r="X42" s="181">
        <v>33970</v>
      </c>
      <c r="Y42" s="117">
        <v>0</v>
      </c>
      <c r="Z42" s="178">
        <v>0</v>
      </c>
      <c r="AA42" s="179">
        <v>0</v>
      </c>
      <c r="AB42" s="117">
        <v>0</v>
      </c>
      <c r="AC42" s="178">
        <v>0</v>
      </c>
      <c r="AD42" s="178">
        <v>0</v>
      </c>
      <c r="AE42" s="178">
        <v>0</v>
      </c>
      <c r="AF42" s="178">
        <v>0</v>
      </c>
      <c r="AG42" s="178">
        <v>0</v>
      </c>
      <c r="AH42" s="179">
        <v>0</v>
      </c>
      <c r="AI42" s="181">
        <v>0</v>
      </c>
      <c r="AJ42" s="117">
        <v>0</v>
      </c>
      <c r="AK42" s="178">
        <v>0</v>
      </c>
      <c r="AL42" s="179">
        <v>0</v>
      </c>
      <c r="AM42" s="117">
        <v>0</v>
      </c>
      <c r="AN42" s="178">
        <v>0</v>
      </c>
      <c r="AO42" s="178">
        <v>0</v>
      </c>
      <c r="AP42" s="178">
        <v>0</v>
      </c>
      <c r="AQ42" s="178">
        <v>0</v>
      </c>
      <c r="AR42" s="178">
        <v>0</v>
      </c>
      <c r="AS42" s="179">
        <v>0</v>
      </c>
      <c r="AT42" s="181">
        <v>0</v>
      </c>
      <c r="AU42" s="117">
        <v>0</v>
      </c>
      <c r="AV42" s="178">
        <v>0</v>
      </c>
      <c r="AW42" s="179">
        <v>0</v>
      </c>
      <c r="AX42" s="117">
        <v>0</v>
      </c>
      <c r="AY42" s="178">
        <v>0</v>
      </c>
      <c r="AZ42" s="178">
        <v>0</v>
      </c>
      <c r="BA42" s="178">
        <v>0</v>
      </c>
      <c r="BB42" s="178">
        <v>0</v>
      </c>
      <c r="BC42" s="178">
        <v>0</v>
      </c>
      <c r="BD42" s="179">
        <v>0</v>
      </c>
      <c r="BE42" s="181">
        <v>0</v>
      </c>
      <c r="BF42" s="117">
        <v>0</v>
      </c>
      <c r="BG42" s="178">
        <v>0</v>
      </c>
      <c r="BH42" s="183">
        <v>0</v>
      </c>
      <c r="BI42" s="182">
        <v>0</v>
      </c>
      <c r="BJ42" s="178">
        <v>0</v>
      </c>
      <c r="BK42" s="178">
        <v>21490</v>
      </c>
      <c r="BL42" s="178">
        <v>0</v>
      </c>
      <c r="BM42" s="178">
        <v>0</v>
      </c>
      <c r="BN42" s="178">
        <v>0</v>
      </c>
      <c r="BO42" s="179">
        <v>21490</v>
      </c>
      <c r="BP42" s="181">
        <v>21490</v>
      </c>
      <c r="BQ42" s="117">
        <v>0</v>
      </c>
      <c r="BR42" s="178">
        <v>0</v>
      </c>
      <c r="BS42" s="179">
        <v>0</v>
      </c>
      <c r="BT42" s="117">
        <v>0</v>
      </c>
      <c r="BU42" s="178">
        <v>0</v>
      </c>
      <c r="BV42" s="178">
        <v>0</v>
      </c>
      <c r="BW42" s="178">
        <v>0</v>
      </c>
      <c r="BX42" s="178">
        <v>12480</v>
      </c>
      <c r="BY42" s="178">
        <v>0</v>
      </c>
      <c r="BZ42" s="179">
        <v>12480</v>
      </c>
      <c r="CA42" s="181">
        <v>12480</v>
      </c>
      <c r="CB42" s="117">
        <v>0</v>
      </c>
      <c r="CC42" s="178">
        <v>37796</v>
      </c>
      <c r="CD42" s="179">
        <v>37796</v>
      </c>
      <c r="CE42" s="117">
        <v>0</v>
      </c>
      <c r="CF42" s="178">
        <v>0</v>
      </c>
      <c r="CG42" s="178">
        <v>79606</v>
      </c>
      <c r="CH42" s="178">
        <v>0</v>
      </c>
      <c r="CI42" s="178">
        <v>0</v>
      </c>
      <c r="CJ42" s="178">
        <v>0</v>
      </c>
      <c r="CK42" s="179">
        <v>79606</v>
      </c>
      <c r="CL42" s="181">
        <v>117402</v>
      </c>
      <c r="CM42" s="117">
        <v>0</v>
      </c>
      <c r="CN42" s="178">
        <v>0</v>
      </c>
      <c r="CO42" s="179">
        <v>0</v>
      </c>
      <c r="CP42" s="182">
        <v>0</v>
      </c>
      <c r="CQ42" s="178">
        <v>0</v>
      </c>
      <c r="CR42" s="178">
        <v>79606</v>
      </c>
      <c r="CS42" s="178">
        <v>0</v>
      </c>
      <c r="CT42" s="178">
        <v>0</v>
      </c>
      <c r="CU42" s="178">
        <v>0</v>
      </c>
      <c r="CV42" s="179">
        <v>79606</v>
      </c>
      <c r="CW42" s="181">
        <v>79606</v>
      </c>
      <c r="CX42" s="117">
        <v>0</v>
      </c>
      <c r="CY42" s="178">
        <v>37796</v>
      </c>
      <c r="CZ42" s="179">
        <v>37796</v>
      </c>
      <c r="DA42" s="117">
        <v>0</v>
      </c>
      <c r="DB42" s="178">
        <v>0</v>
      </c>
      <c r="DC42" s="178">
        <v>0</v>
      </c>
      <c r="DD42" s="178">
        <v>0</v>
      </c>
      <c r="DE42" s="178">
        <v>0</v>
      </c>
      <c r="DF42" s="178">
        <v>0</v>
      </c>
      <c r="DG42" s="179">
        <v>0</v>
      </c>
      <c r="DH42" s="181">
        <v>37796</v>
      </c>
      <c r="DI42" s="117">
        <v>0</v>
      </c>
      <c r="DJ42" s="178">
        <v>0</v>
      </c>
      <c r="DK42" s="183">
        <v>0</v>
      </c>
      <c r="DL42" s="182">
        <v>0</v>
      </c>
      <c r="DM42" s="178">
        <v>0</v>
      </c>
      <c r="DN42" s="178">
        <v>0</v>
      </c>
      <c r="DO42" s="178">
        <v>0</v>
      </c>
      <c r="DP42" s="178">
        <v>0</v>
      </c>
      <c r="DQ42" s="178">
        <v>0</v>
      </c>
      <c r="DR42" s="179">
        <v>0</v>
      </c>
      <c r="DS42" s="181">
        <v>0</v>
      </c>
      <c r="DT42" s="117">
        <v>0</v>
      </c>
      <c r="DU42" s="178">
        <v>0</v>
      </c>
      <c r="DV42" s="179">
        <v>0</v>
      </c>
      <c r="DW42" s="117">
        <v>0</v>
      </c>
      <c r="DX42" s="178">
        <v>0</v>
      </c>
      <c r="DY42" s="178">
        <v>0</v>
      </c>
      <c r="DZ42" s="178">
        <v>0</v>
      </c>
      <c r="EA42" s="178">
        <v>0</v>
      </c>
      <c r="EB42" s="178">
        <v>0</v>
      </c>
      <c r="EC42" s="179">
        <v>0</v>
      </c>
      <c r="ED42" s="181">
        <v>0</v>
      </c>
      <c r="EE42" s="117">
        <v>0</v>
      </c>
      <c r="EF42" s="183">
        <v>0</v>
      </c>
      <c r="EG42" s="179">
        <v>0</v>
      </c>
      <c r="EH42" s="117">
        <v>0</v>
      </c>
      <c r="EI42" s="178">
        <v>0</v>
      </c>
      <c r="EJ42" s="178">
        <v>0</v>
      </c>
      <c r="EK42" s="178">
        <v>0</v>
      </c>
      <c r="EL42" s="178">
        <v>0</v>
      </c>
      <c r="EM42" s="178">
        <v>0</v>
      </c>
      <c r="EN42" s="183">
        <v>0</v>
      </c>
      <c r="EO42" s="181">
        <v>0</v>
      </c>
      <c r="EP42" s="117">
        <v>0</v>
      </c>
      <c r="EQ42" s="178">
        <v>0</v>
      </c>
      <c r="ER42" s="183">
        <v>0</v>
      </c>
      <c r="ES42" s="182">
        <v>0</v>
      </c>
      <c r="ET42" s="178">
        <v>0</v>
      </c>
      <c r="EU42" s="178">
        <v>0</v>
      </c>
      <c r="EV42" s="178">
        <v>0</v>
      </c>
      <c r="EW42" s="178">
        <v>0</v>
      </c>
      <c r="EX42" s="178">
        <v>0</v>
      </c>
      <c r="EY42" s="179">
        <v>0</v>
      </c>
      <c r="EZ42" s="181">
        <v>0</v>
      </c>
      <c r="FA42" s="117">
        <v>0</v>
      </c>
      <c r="FB42" s="178">
        <v>0</v>
      </c>
      <c r="FC42" s="183">
        <v>0</v>
      </c>
      <c r="FD42" s="348"/>
      <c r="FE42" s="178">
        <v>0</v>
      </c>
      <c r="FF42" s="178">
        <v>0</v>
      </c>
      <c r="FG42" s="178">
        <v>0</v>
      </c>
      <c r="FH42" s="178">
        <v>0</v>
      </c>
      <c r="FI42" s="178">
        <v>0</v>
      </c>
      <c r="FJ42" s="179">
        <v>0</v>
      </c>
      <c r="FK42" s="181">
        <v>0</v>
      </c>
      <c r="FL42" s="117">
        <v>0</v>
      </c>
      <c r="FM42" s="178">
        <v>1200</v>
      </c>
      <c r="FN42" s="179">
        <v>1200</v>
      </c>
      <c r="FO42" s="117">
        <v>0</v>
      </c>
      <c r="FP42" s="178">
        <v>0</v>
      </c>
      <c r="FQ42" s="178">
        <v>19008</v>
      </c>
      <c r="FR42" s="178">
        <v>0</v>
      </c>
      <c r="FS42" s="178">
        <v>0</v>
      </c>
      <c r="FT42" s="178">
        <v>0</v>
      </c>
      <c r="FU42" s="179">
        <v>19008</v>
      </c>
      <c r="FV42" s="181">
        <v>20208</v>
      </c>
      <c r="FW42" s="184">
        <v>0</v>
      </c>
      <c r="FX42" s="178">
        <v>1200</v>
      </c>
      <c r="FY42" s="183">
        <v>1200</v>
      </c>
      <c r="FZ42" s="182">
        <v>0</v>
      </c>
      <c r="GA42" s="178">
        <v>0</v>
      </c>
      <c r="GB42" s="178">
        <v>19008</v>
      </c>
      <c r="GC42" s="178">
        <v>0</v>
      </c>
      <c r="GD42" s="178">
        <v>0</v>
      </c>
      <c r="GE42" s="178">
        <v>0</v>
      </c>
      <c r="GF42" s="179">
        <v>19008</v>
      </c>
      <c r="GG42" s="319">
        <v>20208</v>
      </c>
      <c r="GH42" s="184">
        <v>0</v>
      </c>
      <c r="GI42" s="178">
        <v>0</v>
      </c>
      <c r="GJ42" s="183">
        <v>0</v>
      </c>
      <c r="GK42" s="182">
        <v>0</v>
      </c>
      <c r="GL42" s="178">
        <v>0</v>
      </c>
      <c r="GM42" s="178">
        <v>0</v>
      </c>
      <c r="GN42" s="178">
        <v>0</v>
      </c>
      <c r="GO42" s="178">
        <v>0</v>
      </c>
      <c r="GP42" s="178">
        <v>0</v>
      </c>
      <c r="GQ42" s="179">
        <v>0</v>
      </c>
      <c r="GR42" s="181">
        <v>0</v>
      </c>
      <c r="GS42" s="117">
        <v>0</v>
      </c>
      <c r="GT42" s="178">
        <v>0</v>
      </c>
      <c r="GU42" s="179">
        <v>0</v>
      </c>
      <c r="GV42" s="117">
        <v>0</v>
      </c>
      <c r="GW42" s="178">
        <v>0</v>
      </c>
      <c r="GX42" s="178">
        <v>0</v>
      </c>
      <c r="GY42" s="178">
        <v>0</v>
      </c>
      <c r="GZ42" s="178">
        <v>0</v>
      </c>
      <c r="HA42" s="178">
        <v>0</v>
      </c>
      <c r="HB42" s="183">
        <v>0</v>
      </c>
      <c r="HC42" s="181">
        <v>0</v>
      </c>
      <c r="HD42" s="117">
        <v>0</v>
      </c>
      <c r="HE42" s="178">
        <v>0</v>
      </c>
      <c r="HF42" s="183">
        <v>0</v>
      </c>
      <c r="HG42" s="182">
        <v>0</v>
      </c>
      <c r="HH42" s="178">
        <v>0</v>
      </c>
      <c r="HI42" s="178">
        <v>0</v>
      </c>
      <c r="HJ42" s="178">
        <v>0</v>
      </c>
      <c r="HK42" s="178">
        <v>222048</v>
      </c>
      <c r="HL42" s="178">
        <v>0</v>
      </c>
      <c r="HM42" s="179">
        <v>222048</v>
      </c>
      <c r="HN42" s="180">
        <v>222048</v>
      </c>
      <c r="HO42" s="334"/>
      <c r="HP42" s="335"/>
      <c r="HQ42" s="336"/>
      <c r="HR42" s="337"/>
      <c r="HS42" s="335"/>
      <c r="HT42" s="335"/>
      <c r="HU42" s="335"/>
      <c r="HV42" s="335"/>
      <c r="HW42" s="335"/>
      <c r="HX42" s="338"/>
      <c r="HY42" s="339"/>
      <c r="HZ42" s="151">
        <v>0</v>
      </c>
      <c r="IA42" s="152">
        <v>0</v>
      </c>
      <c r="IB42" s="153">
        <v>0</v>
      </c>
      <c r="IC42" s="154">
        <v>0</v>
      </c>
      <c r="ID42" s="155">
        <v>0</v>
      </c>
      <c r="IE42" s="156">
        <v>0</v>
      </c>
      <c r="IF42" s="157">
        <v>0</v>
      </c>
      <c r="IG42" s="155">
        <v>0</v>
      </c>
      <c r="IH42" s="157">
        <v>0</v>
      </c>
      <c r="II42" s="158">
        <v>0</v>
      </c>
      <c r="IJ42" s="159">
        <v>0</v>
      </c>
      <c r="IK42" s="233">
        <v>0</v>
      </c>
      <c r="IL42" s="238">
        <v>0</v>
      </c>
      <c r="IM42" s="239">
        <v>0</v>
      </c>
      <c r="IN42" s="160"/>
      <c r="IO42" s="161">
        <v>0</v>
      </c>
      <c r="IP42" s="161">
        <v>0</v>
      </c>
      <c r="IQ42" s="161">
        <v>0</v>
      </c>
      <c r="IR42" s="161">
        <v>0</v>
      </c>
      <c r="IS42" s="161">
        <v>0</v>
      </c>
      <c r="IT42" s="162">
        <v>0</v>
      </c>
      <c r="IU42" s="321">
        <v>0</v>
      </c>
      <c r="IV42" s="163">
        <v>0</v>
      </c>
      <c r="IW42" s="161">
        <v>0</v>
      </c>
      <c r="IX42" s="165">
        <v>0</v>
      </c>
      <c r="IY42" s="168"/>
      <c r="IZ42" s="161">
        <v>0</v>
      </c>
      <c r="JA42" s="161">
        <v>0</v>
      </c>
      <c r="JB42" s="161">
        <v>0</v>
      </c>
      <c r="JC42" s="161">
        <v>0</v>
      </c>
      <c r="JD42" s="161">
        <v>0</v>
      </c>
      <c r="JE42" s="165">
        <v>0</v>
      </c>
      <c r="JF42" s="166">
        <v>0</v>
      </c>
      <c r="JG42" s="163">
        <v>0</v>
      </c>
      <c r="JH42" s="161">
        <v>0</v>
      </c>
      <c r="JI42" s="162">
        <v>0</v>
      </c>
      <c r="JJ42" s="164">
        <v>0</v>
      </c>
      <c r="JK42" s="161">
        <v>0</v>
      </c>
      <c r="JL42" s="161">
        <v>0</v>
      </c>
      <c r="JM42" s="161">
        <v>0</v>
      </c>
      <c r="JN42" s="161">
        <v>0</v>
      </c>
      <c r="JO42" s="161">
        <v>0</v>
      </c>
      <c r="JP42" s="165">
        <v>0</v>
      </c>
      <c r="JQ42" s="321">
        <v>0</v>
      </c>
      <c r="JR42" s="163">
        <v>0</v>
      </c>
      <c r="JS42" s="161">
        <v>0</v>
      </c>
      <c r="JT42" s="162">
        <v>0</v>
      </c>
      <c r="JU42" s="164">
        <v>0</v>
      </c>
      <c r="JV42" s="161">
        <v>0</v>
      </c>
      <c r="JW42" s="161">
        <v>0</v>
      </c>
      <c r="JX42" s="161">
        <v>0</v>
      </c>
      <c r="JY42" s="161">
        <v>0</v>
      </c>
      <c r="JZ42" s="161">
        <v>0</v>
      </c>
      <c r="KA42" s="165">
        <v>0</v>
      </c>
      <c r="KB42" s="321">
        <v>0</v>
      </c>
      <c r="KC42" s="235">
        <v>0</v>
      </c>
      <c r="KD42" s="231">
        <v>0</v>
      </c>
      <c r="KE42" s="165">
        <v>0</v>
      </c>
      <c r="KF42" s="164">
        <v>0</v>
      </c>
      <c r="KG42" s="161">
        <v>0</v>
      </c>
      <c r="KH42" s="161">
        <v>0</v>
      </c>
      <c r="KI42" s="161">
        <v>0</v>
      </c>
      <c r="KJ42" s="161">
        <v>0</v>
      </c>
      <c r="KK42" s="161">
        <v>0</v>
      </c>
      <c r="KL42" s="165">
        <v>0</v>
      </c>
      <c r="KM42" s="167">
        <v>0</v>
      </c>
      <c r="KN42" s="233">
        <v>0</v>
      </c>
      <c r="KO42" s="238">
        <v>0</v>
      </c>
      <c r="KP42" s="239">
        <v>0</v>
      </c>
      <c r="KQ42" s="160"/>
      <c r="KR42" s="161">
        <v>0</v>
      </c>
      <c r="KS42" s="161">
        <v>0</v>
      </c>
      <c r="KT42" s="161">
        <v>0</v>
      </c>
      <c r="KU42" s="161">
        <v>0</v>
      </c>
      <c r="KV42" s="161">
        <v>0</v>
      </c>
      <c r="KW42" s="165">
        <v>0</v>
      </c>
      <c r="KX42" s="321">
        <v>0</v>
      </c>
      <c r="KY42" s="163">
        <v>0</v>
      </c>
      <c r="KZ42" s="161">
        <v>0</v>
      </c>
      <c r="LA42" s="165">
        <v>0</v>
      </c>
      <c r="LB42" s="169"/>
      <c r="LC42" s="161">
        <v>0</v>
      </c>
      <c r="LD42" s="161">
        <v>0</v>
      </c>
      <c r="LE42" s="161">
        <v>0</v>
      </c>
      <c r="LF42" s="161">
        <v>0</v>
      </c>
      <c r="LG42" s="161">
        <v>0</v>
      </c>
      <c r="LH42" s="165">
        <v>0</v>
      </c>
      <c r="LI42" s="166">
        <v>0</v>
      </c>
      <c r="LJ42" s="163">
        <v>0</v>
      </c>
      <c r="LK42" s="161">
        <v>0</v>
      </c>
      <c r="LL42" s="165">
        <v>0</v>
      </c>
      <c r="LM42" s="169"/>
      <c r="LN42" s="161">
        <v>0</v>
      </c>
      <c r="LO42" s="161">
        <v>0</v>
      </c>
      <c r="LP42" s="161">
        <v>0</v>
      </c>
      <c r="LQ42" s="161">
        <v>0</v>
      </c>
      <c r="LR42" s="161">
        <v>0</v>
      </c>
      <c r="LS42" s="165">
        <v>0</v>
      </c>
      <c r="LT42" s="321">
        <v>0</v>
      </c>
      <c r="LU42" s="163">
        <v>0</v>
      </c>
      <c r="LV42" s="161">
        <v>0</v>
      </c>
      <c r="LW42" s="165">
        <v>0</v>
      </c>
      <c r="LX42" s="169"/>
      <c r="LY42" s="161">
        <v>0</v>
      </c>
      <c r="LZ42" s="161">
        <v>0</v>
      </c>
      <c r="MA42" s="161">
        <v>0</v>
      </c>
      <c r="MB42" s="161">
        <v>0</v>
      </c>
      <c r="MC42" s="161">
        <v>0</v>
      </c>
      <c r="MD42" s="165">
        <v>0</v>
      </c>
      <c r="ME42" s="166">
        <v>0</v>
      </c>
      <c r="MF42" s="163">
        <v>0</v>
      </c>
      <c r="MG42" s="161">
        <v>0</v>
      </c>
      <c r="MH42" s="165">
        <v>0</v>
      </c>
      <c r="MI42" s="169"/>
      <c r="MJ42" s="161">
        <v>0</v>
      </c>
      <c r="MK42" s="161">
        <v>0</v>
      </c>
      <c r="ML42" s="161">
        <v>233548</v>
      </c>
      <c r="MM42" s="161">
        <v>14022</v>
      </c>
      <c r="MN42" s="161">
        <v>0</v>
      </c>
      <c r="MO42" s="165">
        <v>247570</v>
      </c>
      <c r="MP42" s="167">
        <v>247570</v>
      </c>
      <c r="MQ42" s="163">
        <v>0</v>
      </c>
      <c r="MR42" s="161">
        <v>0</v>
      </c>
      <c r="MS42" s="165">
        <v>0</v>
      </c>
      <c r="MT42" s="169"/>
      <c r="MU42" s="161">
        <v>0</v>
      </c>
      <c r="MV42" s="161">
        <v>0</v>
      </c>
      <c r="MW42" s="161">
        <v>233548</v>
      </c>
      <c r="MX42" s="161">
        <v>14022</v>
      </c>
      <c r="MY42" s="161">
        <v>0</v>
      </c>
      <c r="MZ42" s="165">
        <v>247570</v>
      </c>
      <c r="NA42" s="167">
        <v>247570</v>
      </c>
      <c r="NB42" s="163">
        <v>0</v>
      </c>
      <c r="NC42" s="161">
        <v>0</v>
      </c>
      <c r="ND42" s="165">
        <v>0</v>
      </c>
      <c r="NE42" s="169"/>
      <c r="NF42" s="161">
        <v>0</v>
      </c>
      <c r="NG42" s="161">
        <v>0</v>
      </c>
      <c r="NH42" s="161">
        <v>0</v>
      </c>
      <c r="NI42" s="161">
        <v>0</v>
      </c>
      <c r="NJ42" s="161">
        <v>0</v>
      </c>
      <c r="NK42" s="165">
        <v>0</v>
      </c>
      <c r="NL42" s="321">
        <v>0</v>
      </c>
      <c r="NM42" s="163">
        <v>0</v>
      </c>
      <c r="NN42" s="161">
        <v>0</v>
      </c>
      <c r="NO42" s="165">
        <v>0</v>
      </c>
      <c r="NP42" s="169"/>
      <c r="NQ42" s="161">
        <v>0</v>
      </c>
      <c r="NR42" s="161">
        <v>0</v>
      </c>
      <c r="NS42" s="161">
        <v>0</v>
      </c>
      <c r="NT42" s="161">
        <v>0</v>
      </c>
      <c r="NU42" s="161">
        <v>0</v>
      </c>
      <c r="NV42" s="165">
        <v>0</v>
      </c>
      <c r="NW42" s="166">
        <v>0</v>
      </c>
      <c r="NX42" s="163">
        <v>0</v>
      </c>
      <c r="NY42" s="161">
        <v>0</v>
      </c>
      <c r="NZ42" s="165">
        <v>0</v>
      </c>
      <c r="OA42" s="169"/>
      <c r="OB42" s="161">
        <v>0</v>
      </c>
      <c r="OC42" s="161">
        <v>0</v>
      </c>
      <c r="OD42" s="161">
        <v>0</v>
      </c>
      <c r="OE42" s="161">
        <v>0</v>
      </c>
      <c r="OF42" s="161">
        <v>0</v>
      </c>
      <c r="OG42" s="165">
        <v>0</v>
      </c>
      <c r="OH42" s="166">
        <v>0</v>
      </c>
      <c r="OI42" s="163">
        <v>0</v>
      </c>
      <c r="OJ42" s="161">
        <v>38996</v>
      </c>
      <c r="OK42" s="162">
        <v>38996</v>
      </c>
      <c r="OL42" s="164">
        <v>0</v>
      </c>
      <c r="OM42" s="161">
        <v>0</v>
      </c>
      <c r="ON42" s="161">
        <v>120104</v>
      </c>
      <c r="OO42" s="161">
        <v>233548</v>
      </c>
      <c r="OP42" s="161">
        <v>248550</v>
      </c>
      <c r="OQ42" s="161">
        <v>0</v>
      </c>
      <c r="OR42" s="165">
        <v>602202</v>
      </c>
      <c r="OS42" s="167">
        <v>641198</v>
      </c>
    </row>
    <row r="43" spans="2:409" x14ac:dyDescent="0.2">
      <c r="B43" s="44" t="s">
        <v>84</v>
      </c>
    </row>
  </sheetData>
  <mergeCells count="158">
    <mergeCell ref="OH7:OH8"/>
    <mergeCell ref="OI7:OK7"/>
    <mergeCell ref="OL7:OR7"/>
    <mergeCell ref="OS7:OS8"/>
    <mergeCell ref="NL7:NL8"/>
    <mergeCell ref="NM7:NO7"/>
    <mergeCell ref="NP7:NV7"/>
    <mergeCell ref="NW7:NW8"/>
    <mergeCell ref="NX7:NZ7"/>
    <mergeCell ref="NA7:NA8"/>
    <mergeCell ref="NB7:ND7"/>
    <mergeCell ref="NE7:NK7"/>
    <mergeCell ref="LX7:MD7"/>
    <mergeCell ref="ME7:ME8"/>
    <mergeCell ref="MF7:MH7"/>
    <mergeCell ref="MI7:MO7"/>
    <mergeCell ref="MP7:MP8"/>
    <mergeCell ref="OA7:OG7"/>
    <mergeCell ref="LT7:LT8"/>
    <mergeCell ref="LU7:LW7"/>
    <mergeCell ref="KN7:KP7"/>
    <mergeCell ref="KQ7:KW7"/>
    <mergeCell ref="KX7:KX8"/>
    <mergeCell ref="KY7:LA7"/>
    <mergeCell ref="LB7:LH7"/>
    <mergeCell ref="MQ7:MS7"/>
    <mergeCell ref="MT7:MZ7"/>
    <mergeCell ref="JU7:KA7"/>
    <mergeCell ref="KB7:KB8"/>
    <mergeCell ref="KC7:KE7"/>
    <mergeCell ref="KF7:KL7"/>
    <mergeCell ref="KM7:KM8"/>
    <mergeCell ref="NB5:NL6"/>
    <mergeCell ref="NM5:NW6"/>
    <mergeCell ref="NX5:OH6"/>
    <mergeCell ref="HZ7:IB7"/>
    <mergeCell ref="IC7:II7"/>
    <mergeCell ref="IJ7:IJ8"/>
    <mergeCell ref="IK7:IM7"/>
    <mergeCell ref="IN7:IT7"/>
    <mergeCell ref="IU7:IU8"/>
    <mergeCell ref="IV7:IX7"/>
    <mergeCell ref="IY7:JE7"/>
    <mergeCell ref="JF7:JF8"/>
    <mergeCell ref="JG7:JI7"/>
    <mergeCell ref="JJ7:JP7"/>
    <mergeCell ref="JQ7:JQ8"/>
    <mergeCell ref="JR7:JT7"/>
    <mergeCell ref="LI7:LI8"/>
    <mergeCell ref="LJ7:LL7"/>
    <mergeCell ref="LM7:LS7"/>
    <mergeCell ref="ID1:IE1"/>
    <mergeCell ref="HZ4:ME4"/>
    <mergeCell ref="MF4:OH4"/>
    <mergeCell ref="OI4:OS6"/>
    <mergeCell ref="HZ5:IJ6"/>
    <mergeCell ref="IK5:IU6"/>
    <mergeCell ref="IV5:JF6"/>
    <mergeCell ref="JG5:JQ6"/>
    <mergeCell ref="JR5:KB6"/>
    <mergeCell ref="KC5:KM6"/>
    <mergeCell ref="KN5:KX6"/>
    <mergeCell ref="KY5:LI6"/>
    <mergeCell ref="LJ5:LT6"/>
    <mergeCell ref="LU5:ME6"/>
    <mergeCell ref="MF5:MP6"/>
    <mergeCell ref="MQ5:NA6"/>
    <mergeCell ref="DI5:FK5"/>
    <mergeCell ref="B4:B8"/>
    <mergeCell ref="C4:M6"/>
    <mergeCell ref="N4:HY4"/>
    <mergeCell ref="N5:CA5"/>
    <mergeCell ref="CB5:DH5"/>
    <mergeCell ref="FL5:HC5"/>
    <mergeCell ref="HD5:HN6"/>
    <mergeCell ref="HO5:HY6"/>
    <mergeCell ref="EE6:EO6"/>
    <mergeCell ref="N6:X6"/>
    <mergeCell ref="Y6:AI6"/>
    <mergeCell ref="AJ6:AT6"/>
    <mergeCell ref="AU6:BE6"/>
    <mergeCell ref="BF6:BP6"/>
    <mergeCell ref="BQ6:CA6"/>
    <mergeCell ref="CB6:CL6"/>
    <mergeCell ref="CM6:CW6"/>
    <mergeCell ref="CX6:DH6"/>
    <mergeCell ref="DI6:DS6"/>
    <mergeCell ref="DT6:ED6"/>
    <mergeCell ref="C7:E7"/>
    <mergeCell ref="F7:L7"/>
    <mergeCell ref="M7:M8"/>
    <mergeCell ref="N7:P7"/>
    <mergeCell ref="Q7:W7"/>
    <mergeCell ref="BI7:BO7"/>
    <mergeCell ref="X7:X8"/>
    <mergeCell ref="Y7:AA7"/>
    <mergeCell ref="AB7:AH7"/>
    <mergeCell ref="AI7:AI8"/>
    <mergeCell ref="AJ7:AL7"/>
    <mergeCell ref="AM7:AS7"/>
    <mergeCell ref="AT7:AT8"/>
    <mergeCell ref="AU7:AW7"/>
    <mergeCell ref="AX7:BD7"/>
    <mergeCell ref="EP7:ER7"/>
    <mergeCell ref="BE7:BE8"/>
    <mergeCell ref="BF7:BH7"/>
    <mergeCell ref="DA7:DG7"/>
    <mergeCell ref="BP7:BP8"/>
    <mergeCell ref="BQ7:BS7"/>
    <mergeCell ref="BT7:BZ7"/>
    <mergeCell ref="CA7:CA8"/>
    <mergeCell ref="CB7:CD7"/>
    <mergeCell ref="CE7:CK7"/>
    <mergeCell ref="CL7:CL8"/>
    <mergeCell ref="CM7:CO7"/>
    <mergeCell ref="CP7:CV7"/>
    <mergeCell ref="CW7:CW8"/>
    <mergeCell ref="CX7:CZ7"/>
    <mergeCell ref="DW7:EC7"/>
    <mergeCell ref="ED7:ED8"/>
    <mergeCell ref="EE7:EG7"/>
    <mergeCell ref="DH7:DH8"/>
    <mergeCell ref="DI7:DK7"/>
    <mergeCell ref="DL7:DR7"/>
    <mergeCell ref="DS7:DS8"/>
    <mergeCell ref="GH6:GR6"/>
    <mergeCell ref="GR7:GR8"/>
    <mergeCell ref="GS7:GU7"/>
    <mergeCell ref="ES7:EY7"/>
    <mergeCell ref="FA7:FC7"/>
    <mergeCell ref="FD7:FJ7"/>
    <mergeCell ref="FK7:FK8"/>
    <mergeCell ref="GS6:HC6"/>
    <mergeCell ref="FA6:FK6"/>
    <mergeCell ref="G1:H1"/>
    <mergeCell ref="HY7:HY8"/>
    <mergeCell ref="HC7:HC8"/>
    <mergeCell ref="HD7:HF7"/>
    <mergeCell ref="HG7:HM7"/>
    <mergeCell ref="HN7:HN8"/>
    <mergeCell ref="HO7:HQ7"/>
    <mergeCell ref="HR7:HX7"/>
    <mergeCell ref="GV7:HB7"/>
    <mergeCell ref="EZ7:EZ8"/>
    <mergeCell ref="FL7:FN7"/>
    <mergeCell ref="FO7:FU7"/>
    <mergeCell ref="FV7:FV8"/>
    <mergeCell ref="FW7:FY7"/>
    <mergeCell ref="FZ7:GF7"/>
    <mergeCell ref="GG7:GG8"/>
    <mergeCell ref="EH7:EN7"/>
    <mergeCell ref="EO7:EO8"/>
    <mergeCell ref="DT7:DV7"/>
    <mergeCell ref="GH7:GJ7"/>
    <mergeCell ref="GK7:GQ7"/>
    <mergeCell ref="EP6:EZ6"/>
    <mergeCell ref="FL6:FV6"/>
    <mergeCell ref="FW6:GG6"/>
  </mergeCells>
  <phoneticPr fontId="4"/>
  <pageMargins left="0.78740157480314965" right="0.78740157480314965" top="0.39370078740157483" bottom="0.43307086614173229" header="0.19685039370078741" footer="0.19685039370078741"/>
  <pageSetup paperSize="9" scale="55" orientation="landscape" r:id="rId1"/>
  <headerFooter alignWithMargins="0">
    <oddFooter>&amp;L&amp;20&amp;A&amp;C&amp;P/&amp;N</oddFooter>
  </headerFooter>
  <colBreaks count="9" manualBreakCount="9">
    <brk id="24" max="1048575" man="1"/>
    <brk id="46" max="1048575" man="1"/>
    <brk id="68" max="1048575" man="1"/>
    <brk id="90" max="1048575" man="1"/>
    <brk id="112" max="1048575" man="1"/>
    <brk id="134" max="1048575" man="1"/>
    <brk id="167" max="1048575" man="1"/>
    <brk id="189" max="1048575" man="1"/>
    <brk id="211" max="1048575" man="1"/>
  </colBreaks>
</worksheet>
</file>

<file path=xl/worksheets/sheet2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6"/>
  </sheetPr>
  <dimension ref="A1:OS43"/>
  <sheetViews>
    <sheetView zoomScaleNormal="100" workbookViewId="0">
      <pane xSplit="2" ySplit="9" topLeftCell="C10" activePane="bottomRight" state="frozen"/>
      <selection activeCell="F37" sqref="F37"/>
      <selection pane="topRight" activeCell="F37" sqref="F37"/>
      <selection pane="bottomLeft" activeCell="F37" sqref="F37"/>
      <selection pane="bottomRight" activeCell="B1" sqref="B1"/>
    </sheetView>
  </sheetViews>
  <sheetFormatPr defaultColWidth="8.21875" defaultRowHeight="13.2" x14ac:dyDescent="0.2"/>
  <cols>
    <col min="1" max="1" width="2.77734375" style="44" customWidth="1"/>
    <col min="2" max="2" width="9" style="44" customWidth="1"/>
    <col min="3" max="3" width="8.21875" style="44" customWidth="1"/>
    <col min="4" max="5" width="10" style="44" customWidth="1"/>
    <col min="6" max="6" width="7.21875" style="44" customWidth="1"/>
    <col min="7" max="8" width="10" style="44" customWidth="1"/>
    <col min="9" max="9" width="9.88671875" style="44" customWidth="1"/>
    <col min="10" max="10" width="9.77734375" style="44" customWidth="1"/>
    <col min="11" max="11" width="9.88671875" style="44" customWidth="1"/>
    <col min="12" max="12" width="10.88671875" style="44" customWidth="1"/>
    <col min="13" max="13" width="11.109375" style="44" customWidth="1"/>
    <col min="14" max="16" width="8.21875" style="44" customWidth="1"/>
    <col min="17" max="17" width="7.21875" style="44" customWidth="1"/>
    <col min="18" max="18" width="8.21875" style="44" customWidth="1"/>
    <col min="19" max="19" width="10.109375" style="44" customWidth="1"/>
    <col min="20" max="20" width="9.109375" style="44" customWidth="1"/>
    <col min="21" max="21" width="9.77734375" style="44" customWidth="1"/>
    <col min="22" max="22" width="10.33203125" style="44" customWidth="1"/>
    <col min="23" max="23" width="10.44140625" style="44" customWidth="1"/>
    <col min="24" max="24" width="11" style="44" customWidth="1"/>
    <col min="25" max="27" width="8.21875" style="44" customWidth="1"/>
    <col min="28" max="28" width="7" style="44" customWidth="1"/>
    <col min="29" max="33" width="8.21875" style="44" customWidth="1"/>
    <col min="34" max="34" width="10.6640625" style="44" customWidth="1"/>
    <col min="35" max="35" width="10" style="44" customWidth="1"/>
    <col min="36" max="38" width="8.21875" style="44" customWidth="1"/>
    <col min="39" max="39" width="7" style="44" customWidth="1"/>
    <col min="40" max="49" width="8.21875" style="44" customWidth="1"/>
    <col min="50" max="50" width="7.21875" style="44" customWidth="1"/>
    <col min="51" max="55" width="8.21875" style="44" customWidth="1"/>
    <col min="56" max="57" width="9.33203125" style="44" customWidth="1"/>
    <col min="58" max="60" width="8.21875" style="44" customWidth="1"/>
    <col min="61" max="61" width="6.88671875" style="44" customWidth="1"/>
    <col min="62" max="71" width="8.21875" style="44" customWidth="1"/>
    <col min="72" max="72" width="7.21875" style="44" customWidth="1"/>
    <col min="73" max="79" width="8.21875" style="44" customWidth="1"/>
    <col min="80" max="82" width="8.21875" style="324" customWidth="1"/>
    <col min="83" max="83" width="7.6640625" style="324" customWidth="1"/>
    <col min="84" max="84" width="9.88671875" style="324" customWidth="1"/>
    <col min="85" max="85" width="10" style="324" customWidth="1"/>
    <col min="86" max="86" width="9.77734375" style="324" customWidth="1"/>
    <col min="87" max="87" width="9.21875" style="324" customWidth="1"/>
    <col min="88" max="88" width="8.77734375" style="324" customWidth="1"/>
    <col min="89" max="89" width="9.88671875" style="324" customWidth="1"/>
    <col min="90" max="90" width="9.77734375" style="324" customWidth="1"/>
    <col min="91" max="93" width="8.21875" style="44" customWidth="1"/>
    <col min="94" max="94" width="7.33203125" style="44" customWidth="1"/>
    <col min="95" max="95" width="9.88671875" style="44" bestFit="1" customWidth="1"/>
    <col min="96" max="96" width="10" style="44" customWidth="1"/>
    <col min="97" max="97" width="9.6640625" style="44" customWidth="1"/>
    <col min="98" max="99" width="8.21875" style="44" customWidth="1"/>
    <col min="100" max="101" width="9.88671875" style="44" customWidth="1"/>
    <col min="102" max="104" width="8.21875" style="44" customWidth="1"/>
    <col min="105" max="105" width="7.44140625" style="44" customWidth="1"/>
    <col min="106" max="110" width="8.21875" style="44" customWidth="1"/>
    <col min="111" max="111" width="10" style="44" customWidth="1"/>
    <col min="112" max="112" width="9.88671875" style="44" customWidth="1"/>
    <col min="113" max="115" width="8.21875" style="324" customWidth="1"/>
    <col min="116" max="116" width="7.21875" style="324" customWidth="1"/>
    <col min="117" max="121" width="8.21875" style="324" customWidth="1"/>
    <col min="122" max="122" width="10.109375" style="324" customWidth="1"/>
    <col min="123" max="123" width="9.77734375" style="324" customWidth="1"/>
    <col min="124" max="126" width="8.21875" style="44" customWidth="1"/>
    <col min="127" max="127" width="7.33203125" style="44" customWidth="1"/>
    <col min="128" max="132" width="8.21875" style="44" customWidth="1"/>
    <col min="133" max="133" width="10.33203125" style="44" customWidth="1"/>
    <col min="134" max="134" width="10.109375" style="44" customWidth="1"/>
    <col min="135" max="137" width="8.21875" style="44" customWidth="1"/>
    <col min="138" max="138" width="7.109375" style="44" customWidth="1"/>
    <col min="139" max="148" width="8.21875" style="44" customWidth="1"/>
    <col min="149" max="149" width="7.21875" style="44" customWidth="1"/>
    <col min="150" max="159" width="8.21875" style="44" customWidth="1"/>
    <col min="160" max="160" width="7.21875" style="44" customWidth="1"/>
    <col min="161" max="167" width="8.21875" style="44" customWidth="1"/>
    <col min="168" max="170" width="8.21875" style="324" customWidth="1"/>
    <col min="171" max="171" width="6.6640625" style="324" customWidth="1"/>
    <col min="172" max="176" width="8.21875" style="324" customWidth="1"/>
    <col min="177" max="177" width="10.109375" style="324" customWidth="1"/>
    <col min="178" max="178" width="9.88671875" style="324" customWidth="1"/>
    <col min="179" max="181" width="8.21875" style="44" customWidth="1"/>
    <col min="182" max="182" width="7.33203125" style="44" customWidth="1"/>
    <col min="183" max="187" width="8.21875" style="44" customWidth="1"/>
    <col min="188" max="188" width="10" style="44" customWidth="1"/>
    <col min="189" max="189" width="10.6640625" style="44" customWidth="1"/>
    <col min="190" max="192" width="8.21875" style="44" customWidth="1"/>
    <col min="193" max="193" width="7.21875" style="44" customWidth="1"/>
    <col min="194" max="203" width="8.21875" style="44" customWidth="1"/>
    <col min="204" max="204" width="7.109375" style="44" customWidth="1"/>
    <col min="205" max="214" width="8.21875" style="44" customWidth="1"/>
    <col min="215" max="215" width="7.109375" style="44" customWidth="1"/>
    <col min="216" max="220" width="8.21875" style="44" customWidth="1"/>
    <col min="221" max="222" width="9.77734375" style="44" customWidth="1"/>
    <col min="223" max="225" width="8.21875" style="44" customWidth="1"/>
    <col min="226" max="226" width="7.21875" style="44" customWidth="1"/>
    <col min="227" max="231" width="8.21875" style="44" customWidth="1"/>
    <col min="232" max="233" width="10" style="44" customWidth="1"/>
    <col min="234" max="235" width="7.44140625" style="39" customWidth="1"/>
    <col min="236" max="236" width="9.33203125" style="39" customWidth="1"/>
    <col min="237" max="237" width="7.44140625" style="39" customWidth="1"/>
    <col min="238" max="244" width="10.109375" style="39" customWidth="1"/>
    <col min="245" max="247" width="10.109375" style="1" customWidth="1"/>
    <col min="248" max="248" width="7.109375" style="1" customWidth="1"/>
    <col min="249" max="258" width="10.109375" style="1" customWidth="1"/>
    <col min="259" max="259" width="7.33203125" style="1" customWidth="1"/>
    <col min="260" max="269" width="10.109375" style="1" customWidth="1"/>
    <col min="270" max="270" width="7.21875" style="1" customWidth="1"/>
    <col min="271" max="280" width="10.109375" style="1" customWidth="1"/>
    <col min="281" max="281" width="7.6640625" style="1" customWidth="1"/>
    <col min="282" max="291" width="10.109375" style="1" customWidth="1"/>
    <col min="292" max="292" width="6.33203125" style="1" customWidth="1"/>
    <col min="293" max="302" width="10.109375" style="1" customWidth="1"/>
    <col min="303" max="303" width="7.44140625" style="1" customWidth="1"/>
    <col min="304" max="310" width="10.109375" style="1" customWidth="1"/>
    <col min="311" max="313" width="10.109375" style="39" customWidth="1"/>
    <col min="314" max="314" width="7.109375" style="39" customWidth="1"/>
    <col min="315" max="324" width="10.109375" style="39" customWidth="1"/>
    <col min="325" max="325" width="7.44140625" style="39" customWidth="1"/>
    <col min="326" max="335" width="10.109375" style="39" customWidth="1"/>
    <col min="336" max="336" width="6.88671875" style="39" customWidth="1"/>
    <col min="337" max="343" width="10.109375" style="39" customWidth="1"/>
    <col min="344" max="346" width="10.109375" style="1" customWidth="1"/>
    <col min="347" max="347" width="7.21875" style="1" customWidth="1"/>
    <col min="348" max="357" width="10.109375" style="1" customWidth="1"/>
    <col min="358" max="358" width="7.21875" style="1" customWidth="1"/>
    <col min="359" max="368" width="10.109375" style="1" customWidth="1"/>
    <col min="369" max="369" width="7" style="1" customWidth="1"/>
    <col min="370" max="379" width="10.109375" style="1" customWidth="1"/>
    <col min="380" max="380" width="6.88671875" style="1" customWidth="1"/>
    <col min="381" max="385" width="10.109375" style="1" customWidth="1"/>
    <col min="386" max="387" width="10.33203125" style="1" customWidth="1"/>
    <col min="388" max="390" width="10.109375" style="1" customWidth="1"/>
    <col min="391" max="391" width="6.88671875" style="1" customWidth="1"/>
    <col min="392" max="396" width="10.109375" style="1" customWidth="1"/>
    <col min="397" max="398" width="10.33203125" style="1" customWidth="1"/>
    <col min="399" max="401" width="9.21875" style="1" customWidth="1"/>
    <col min="402" max="402" width="7" style="1" customWidth="1"/>
    <col min="403" max="404" width="9.21875" style="1" customWidth="1"/>
    <col min="405" max="405" width="10.44140625" style="1" customWidth="1"/>
    <col min="406" max="406" width="12.109375" style="1" customWidth="1"/>
    <col min="407" max="407" width="10.109375" style="1" customWidth="1"/>
    <col min="408" max="409" width="10.33203125" style="1" customWidth="1"/>
    <col min="410" max="16384" width="8.21875" style="44"/>
  </cols>
  <sheetData>
    <row r="1" spans="1:409" ht="24" customHeight="1" x14ac:dyDescent="0.2">
      <c r="B1" s="20" t="s">
        <v>136</v>
      </c>
      <c r="E1" s="500">
        <f>第１表!F2</f>
        <v>5</v>
      </c>
      <c r="F1" s="246">
        <f>第１表!G2</f>
        <v>2</v>
      </c>
      <c r="G1" s="679">
        <f>IF(F1&lt;3,F1-2+12,F1-2)</f>
        <v>12</v>
      </c>
      <c r="H1" s="679"/>
      <c r="IB1" s="367"/>
      <c r="IC1" s="252"/>
      <c r="ID1" s="649"/>
      <c r="IE1" s="649"/>
    </row>
    <row r="2" spans="1:409" ht="24" customHeight="1" x14ac:dyDescent="0.2">
      <c r="B2" s="20" t="s">
        <v>147</v>
      </c>
      <c r="E2" s="249"/>
      <c r="F2" s="250"/>
      <c r="G2" s="354"/>
      <c r="H2" s="354"/>
      <c r="IB2" s="251"/>
      <c r="IC2" s="252"/>
      <c r="ID2" s="370"/>
      <c r="IE2" s="370"/>
    </row>
    <row r="3" spans="1:409" ht="24" customHeight="1" thickBot="1" x14ac:dyDescent="0.25">
      <c r="B3" s="20" t="s">
        <v>156</v>
      </c>
    </row>
    <row r="4" spans="1:409" ht="21" customHeight="1" thickBot="1" x14ac:dyDescent="0.25">
      <c r="B4" s="709" t="s">
        <v>42</v>
      </c>
      <c r="C4" s="712" t="s">
        <v>63</v>
      </c>
      <c r="D4" s="712"/>
      <c r="E4" s="712"/>
      <c r="F4" s="712"/>
      <c r="G4" s="712"/>
      <c r="H4" s="712"/>
      <c r="I4" s="712"/>
      <c r="J4" s="712"/>
      <c r="K4" s="712"/>
      <c r="L4" s="712"/>
      <c r="M4" s="712"/>
      <c r="N4" s="715"/>
      <c r="O4" s="715"/>
      <c r="P4" s="715"/>
      <c r="Q4" s="715"/>
      <c r="R4" s="715"/>
      <c r="S4" s="715"/>
      <c r="T4" s="715"/>
      <c r="U4" s="715"/>
      <c r="V4" s="715"/>
      <c r="W4" s="715"/>
      <c r="X4" s="715"/>
      <c r="Y4" s="715"/>
      <c r="Z4" s="715"/>
      <c r="AA4" s="715"/>
      <c r="AB4" s="715"/>
      <c r="AC4" s="715"/>
      <c r="AD4" s="715"/>
      <c r="AE4" s="715"/>
      <c r="AF4" s="715"/>
      <c r="AG4" s="715"/>
      <c r="AH4" s="715"/>
      <c r="AI4" s="715"/>
      <c r="AJ4" s="715"/>
      <c r="AK4" s="715"/>
      <c r="AL4" s="715"/>
      <c r="AM4" s="715"/>
      <c r="AN4" s="715"/>
      <c r="AO4" s="715"/>
      <c r="AP4" s="715"/>
      <c r="AQ4" s="715"/>
      <c r="AR4" s="715"/>
      <c r="AS4" s="715"/>
      <c r="AT4" s="715"/>
      <c r="AU4" s="715"/>
      <c r="AV4" s="715"/>
      <c r="AW4" s="715"/>
      <c r="AX4" s="715"/>
      <c r="AY4" s="715"/>
      <c r="AZ4" s="715"/>
      <c r="BA4" s="715"/>
      <c r="BB4" s="715"/>
      <c r="BC4" s="715"/>
      <c r="BD4" s="715"/>
      <c r="BE4" s="715"/>
      <c r="BF4" s="715"/>
      <c r="BG4" s="715"/>
      <c r="BH4" s="715"/>
      <c r="BI4" s="715"/>
      <c r="BJ4" s="715"/>
      <c r="BK4" s="715"/>
      <c r="BL4" s="715"/>
      <c r="BM4" s="715"/>
      <c r="BN4" s="715"/>
      <c r="BO4" s="715"/>
      <c r="BP4" s="715"/>
      <c r="BQ4" s="715"/>
      <c r="BR4" s="715"/>
      <c r="BS4" s="715"/>
      <c r="BT4" s="715"/>
      <c r="BU4" s="715"/>
      <c r="BV4" s="715"/>
      <c r="BW4" s="715"/>
      <c r="BX4" s="715"/>
      <c r="BY4" s="715"/>
      <c r="BZ4" s="715"/>
      <c r="CA4" s="715"/>
      <c r="CB4" s="715"/>
      <c r="CC4" s="715"/>
      <c r="CD4" s="715"/>
      <c r="CE4" s="715"/>
      <c r="CF4" s="715"/>
      <c r="CG4" s="715"/>
      <c r="CH4" s="715"/>
      <c r="CI4" s="715"/>
      <c r="CJ4" s="715"/>
      <c r="CK4" s="715"/>
      <c r="CL4" s="715"/>
      <c r="CM4" s="715"/>
      <c r="CN4" s="715"/>
      <c r="CO4" s="715"/>
      <c r="CP4" s="715"/>
      <c r="CQ4" s="715"/>
      <c r="CR4" s="715"/>
      <c r="CS4" s="715"/>
      <c r="CT4" s="715"/>
      <c r="CU4" s="715"/>
      <c r="CV4" s="715"/>
      <c r="CW4" s="715"/>
      <c r="CX4" s="715"/>
      <c r="CY4" s="715"/>
      <c r="CZ4" s="715"/>
      <c r="DA4" s="715"/>
      <c r="DB4" s="715"/>
      <c r="DC4" s="715"/>
      <c r="DD4" s="715"/>
      <c r="DE4" s="715"/>
      <c r="DF4" s="715"/>
      <c r="DG4" s="715"/>
      <c r="DH4" s="715"/>
      <c r="DI4" s="715"/>
      <c r="DJ4" s="715"/>
      <c r="DK4" s="715"/>
      <c r="DL4" s="715"/>
      <c r="DM4" s="715"/>
      <c r="DN4" s="715"/>
      <c r="DO4" s="715"/>
      <c r="DP4" s="715"/>
      <c r="DQ4" s="715"/>
      <c r="DR4" s="715"/>
      <c r="DS4" s="715"/>
      <c r="DT4" s="715"/>
      <c r="DU4" s="715"/>
      <c r="DV4" s="715"/>
      <c r="DW4" s="715"/>
      <c r="DX4" s="715"/>
      <c r="DY4" s="715"/>
      <c r="DZ4" s="715"/>
      <c r="EA4" s="715"/>
      <c r="EB4" s="715"/>
      <c r="EC4" s="715"/>
      <c r="ED4" s="715"/>
      <c r="EE4" s="715"/>
      <c r="EF4" s="715"/>
      <c r="EG4" s="715"/>
      <c r="EH4" s="715"/>
      <c r="EI4" s="715"/>
      <c r="EJ4" s="715"/>
      <c r="EK4" s="715"/>
      <c r="EL4" s="715"/>
      <c r="EM4" s="715"/>
      <c r="EN4" s="715"/>
      <c r="EO4" s="715"/>
      <c r="EP4" s="715"/>
      <c r="EQ4" s="715"/>
      <c r="ER4" s="715"/>
      <c r="ES4" s="715"/>
      <c r="ET4" s="715"/>
      <c r="EU4" s="715"/>
      <c r="EV4" s="715"/>
      <c r="EW4" s="715"/>
      <c r="EX4" s="715"/>
      <c r="EY4" s="715"/>
      <c r="EZ4" s="715"/>
      <c r="FA4" s="715"/>
      <c r="FB4" s="715"/>
      <c r="FC4" s="715"/>
      <c r="FD4" s="715"/>
      <c r="FE4" s="715"/>
      <c r="FF4" s="715"/>
      <c r="FG4" s="715"/>
      <c r="FH4" s="715"/>
      <c r="FI4" s="715"/>
      <c r="FJ4" s="715"/>
      <c r="FK4" s="715"/>
      <c r="FL4" s="715"/>
      <c r="FM4" s="715"/>
      <c r="FN4" s="715"/>
      <c r="FO4" s="715"/>
      <c r="FP4" s="715"/>
      <c r="FQ4" s="715"/>
      <c r="FR4" s="715"/>
      <c r="FS4" s="715"/>
      <c r="FT4" s="715"/>
      <c r="FU4" s="715"/>
      <c r="FV4" s="715"/>
      <c r="FW4" s="715"/>
      <c r="FX4" s="715"/>
      <c r="FY4" s="715"/>
      <c r="FZ4" s="715"/>
      <c r="GA4" s="715"/>
      <c r="GB4" s="715"/>
      <c r="GC4" s="715"/>
      <c r="GD4" s="715"/>
      <c r="GE4" s="715"/>
      <c r="GF4" s="715"/>
      <c r="GG4" s="715"/>
      <c r="GH4" s="715"/>
      <c r="GI4" s="715"/>
      <c r="GJ4" s="715"/>
      <c r="GK4" s="715"/>
      <c r="GL4" s="715"/>
      <c r="GM4" s="715"/>
      <c r="GN4" s="715"/>
      <c r="GO4" s="715"/>
      <c r="GP4" s="715"/>
      <c r="GQ4" s="715"/>
      <c r="GR4" s="715"/>
      <c r="GS4" s="715"/>
      <c r="GT4" s="715"/>
      <c r="GU4" s="715"/>
      <c r="GV4" s="715"/>
      <c r="GW4" s="715"/>
      <c r="GX4" s="715"/>
      <c r="GY4" s="715"/>
      <c r="GZ4" s="715"/>
      <c r="HA4" s="715"/>
      <c r="HB4" s="715"/>
      <c r="HC4" s="715"/>
      <c r="HD4" s="715"/>
      <c r="HE4" s="715"/>
      <c r="HF4" s="715"/>
      <c r="HG4" s="715"/>
      <c r="HH4" s="715"/>
      <c r="HI4" s="715"/>
      <c r="HJ4" s="715"/>
      <c r="HK4" s="715"/>
      <c r="HL4" s="715"/>
      <c r="HM4" s="715"/>
      <c r="HN4" s="715"/>
      <c r="HO4" s="715"/>
      <c r="HP4" s="715"/>
      <c r="HQ4" s="715"/>
      <c r="HR4" s="715"/>
      <c r="HS4" s="715"/>
      <c r="HT4" s="715"/>
      <c r="HU4" s="715"/>
      <c r="HV4" s="715"/>
      <c r="HW4" s="715"/>
      <c r="HX4" s="715"/>
      <c r="HY4" s="716"/>
      <c r="HZ4" s="610" t="s">
        <v>85</v>
      </c>
      <c r="IA4" s="611"/>
      <c r="IB4" s="611"/>
      <c r="IC4" s="611"/>
      <c r="ID4" s="611"/>
      <c r="IE4" s="611"/>
      <c r="IF4" s="611"/>
      <c r="IG4" s="611"/>
      <c r="IH4" s="611"/>
      <c r="II4" s="611"/>
      <c r="IJ4" s="611"/>
      <c r="IK4" s="611"/>
      <c r="IL4" s="611"/>
      <c r="IM4" s="611"/>
      <c r="IN4" s="611"/>
      <c r="IO4" s="611"/>
      <c r="IP4" s="611"/>
      <c r="IQ4" s="611"/>
      <c r="IR4" s="611"/>
      <c r="IS4" s="611"/>
      <c r="IT4" s="611"/>
      <c r="IU4" s="611"/>
      <c r="IV4" s="611"/>
      <c r="IW4" s="611"/>
      <c r="IX4" s="611"/>
      <c r="IY4" s="611"/>
      <c r="IZ4" s="611"/>
      <c r="JA4" s="611"/>
      <c r="JB4" s="611"/>
      <c r="JC4" s="611"/>
      <c r="JD4" s="611"/>
      <c r="JE4" s="611"/>
      <c r="JF4" s="611"/>
      <c r="JG4" s="611"/>
      <c r="JH4" s="611"/>
      <c r="JI4" s="611"/>
      <c r="JJ4" s="611"/>
      <c r="JK4" s="611"/>
      <c r="JL4" s="611"/>
      <c r="JM4" s="611"/>
      <c r="JN4" s="611"/>
      <c r="JO4" s="611"/>
      <c r="JP4" s="611"/>
      <c r="JQ4" s="611"/>
      <c r="JR4" s="611"/>
      <c r="JS4" s="611"/>
      <c r="JT4" s="611"/>
      <c r="JU4" s="611"/>
      <c r="JV4" s="611"/>
      <c r="JW4" s="611"/>
      <c r="JX4" s="611"/>
      <c r="JY4" s="611"/>
      <c r="JZ4" s="611"/>
      <c r="KA4" s="611"/>
      <c r="KB4" s="611"/>
      <c r="KC4" s="611"/>
      <c r="KD4" s="611"/>
      <c r="KE4" s="611"/>
      <c r="KF4" s="611"/>
      <c r="KG4" s="611"/>
      <c r="KH4" s="611"/>
      <c r="KI4" s="611"/>
      <c r="KJ4" s="611"/>
      <c r="KK4" s="611"/>
      <c r="KL4" s="611"/>
      <c r="KM4" s="611"/>
      <c r="KN4" s="611"/>
      <c r="KO4" s="611"/>
      <c r="KP4" s="611"/>
      <c r="KQ4" s="611"/>
      <c r="KR4" s="611"/>
      <c r="KS4" s="611"/>
      <c r="KT4" s="611"/>
      <c r="KU4" s="611"/>
      <c r="KV4" s="611"/>
      <c r="KW4" s="611"/>
      <c r="KX4" s="611"/>
      <c r="KY4" s="611"/>
      <c r="KZ4" s="611"/>
      <c r="LA4" s="611"/>
      <c r="LB4" s="611"/>
      <c r="LC4" s="611"/>
      <c r="LD4" s="611"/>
      <c r="LE4" s="611"/>
      <c r="LF4" s="611"/>
      <c r="LG4" s="611"/>
      <c r="LH4" s="611"/>
      <c r="LI4" s="611"/>
      <c r="LJ4" s="611"/>
      <c r="LK4" s="611"/>
      <c r="LL4" s="611"/>
      <c r="LM4" s="611"/>
      <c r="LN4" s="611"/>
      <c r="LO4" s="611"/>
      <c r="LP4" s="611"/>
      <c r="LQ4" s="611"/>
      <c r="LR4" s="611"/>
      <c r="LS4" s="611"/>
      <c r="LT4" s="611"/>
      <c r="LU4" s="611"/>
      <c r="LV4" s="611"/>
      <c r="LW4" s="611"/>
      <c r="LX4" s="611"/>
      <c r="LY4" s="611"/>
      <c r="LZ4" s="611"/>
      <c r="MA4" s="611"/>
      <c r="MB4" s="611"/>
      <c r="MC4" s="611"/>
      <c r="MD4" s="611"/>
      <c r="ME4" s="612"/>
      <c r="MF4" s="610" t="s">
        <v>86</v>
      </c>
      <c r="MG4" s="611"/>
      <c r="MH4" s="611"/>
      <c r="MI4" s="611"/>
      <c r="MJ4" s="611"/>
      <c r="MK4" s="611"/>
      <c r="ML4" s="611"/>
      <c r="MM4" s="611"/>
      <c r="MN4" s="611"/>
      <c r="MO4" s="611"/>
      <c r="MP4" s="611"/>
      <c r="MQ4" s="611"/>
      <c r="MR4" s="611"/>
      <c r="MS4" s="611"/>
      <c r="MT4" s="611"/>
      <c r="MU4" s="611"/>
      <c r="MV4" s="611"/>
      <c r="MW4" s="611"/>
      <c r="MX4" s="611"/>
      <c r="MY4" s="611"/>
      <c r="MZ4" s="611"/>
      <c r="NA4" s="611"/>
      <c r="NB4" s="611"/>
      <c r="NC4" s="611"/>
      <c r="ND4" s="611"/>
      <c r="NE4" s="611"/>
      <c r="NF4" s="611"/>
      <c r="NG4" s="611"/>
      <c r="NH4" s="611"/>
      <c r="NI4" s="611"/>
      <c r="NJ4" s="611"/>
      <c r="NK4" s="611"/>
      <c r="NL4" s="611"/>
      <c r="NM4" s="611"/>
      <c r="NN4" s="611"/>
      <c r="NO4" s="611"/>
      <c r="NP4" s="611"/>
      <c r="NQ4" s="611"/>
      <c r="NR4" s="611"/>
      <c r="NS4" s="611"/>
      <c r="NT4" s="611"/>
      <c r="NU4" s="611"/>
      <c r="NV4" s="611"/>
      <c r="NW4" s="611"/>
      <c r="NX4" s="611"/>
      <c r="NY4" s="611"/>
      <c r="NZ4" s="611"/>
      <c r="OA4" s="611"/>
      <c r="OB4" s="611"/>
      <c r="OC4" s="611"/>
      <c r="OD4" s="611"/>
      <c r="OE4" s="611"/>
      <c r="OF4" s="611"/>
      <c r="OG4" s="611"/>
      <c r="OH4" s="612"/>
      <c r="OI4" s="599" t="s">
        <v>60</v>
      </c>
      <c r="OJ4" s="504"/>
      <c r="OK4" s="504"/>
      <c r="OL4" s="504"/>
      <c r="OM4" s="504"/>
      <c r="ON4" s="504"/>
      <c r="OO4" s="504"/>
      <c r="OP4" s="504"/>
      <c r="OQ4" s="504"/>
      <c r="OR4" s="504"/>
      <c r="OS4" s="505"/>
    </row>
    <row r="5" spans="1:409" ht="21" customHeight="1" thickBot="1" x14ac:dyDescent="0.25">
      <c r="B5" s="710"/>
      <c r="C5" s="713"/>
      <c r="D5" s="713"/>
      <c r="E5" s="713"/>
      <c r="F5" s="713"/>
      <c r="G5" s="713"/>
      <c r="H5" s="713"/>
      <c r="I5" s="713"/>
      <c r="J5" s="713"/>
      <c r="K5" s="713"/>
      <c r="L5" s="713"/>
      <c r="M5" s="713"/>
      <c r="N5" s="717" t="s">
        <v>64</v>
      </c>
      <c r="O5" s="718"/>
      <c r="P5" s="718"/>
      <c r="Q5" s="718"/>
      <c r="R5" s="718"/>
      <c r="S5" s="718"/>
      <c r="T5" s="718"/>
      <c r="U5" s="718"/>
      <c r="V5" s="718"/>
      <c r="W5" s="718"/>
      <c r="X5" s="718"/>
      <c r="Y5" s="718"/>
      <c r="Z5" s="718"/>
      <c r="AA5" s="718"/>
      <c r="AB5" s="718"/>
      <c r="AC5" s="718"/>
      <c r="AD5" s="718"/>
      <c r="AE5" s="718"/>
      <c r="AF5" s="718"/>
      <c r="AG5" s="718"/>
      <c r="AH5" s="718"/>
      <c r="AI5" s="718"/>
      <c r="AJ5" s="718"/>
      <c r="AK5" s="718"/>
      <c r="AL5" s="718"/>
      <c r="AM5" s="718"/>
      <c r="AN5" s="718"/>
      <c r="AO5" s="718"/>
      <c r="AP5" s="718"/>
      <c r="AQ5" s="718"/>
      <c r="AR5" s="718"/>
      <c r="AS5" s="718"/>
      <c r="AT5" s="718"/>
      <c r="AU5" s="718"/>
      <c r="AV5" s="718"/>
      <c r="AW5" s="718"/>
      <c r="AX5" s="718"/>
      <c r="AY5" s="718"/>
      <c r="AZ5" s="718"/>
      <c r="BA5" s="718"/>
      <c r="BB5" s="718"/>
      <c r="BC5" s="718"/>
      <c r="BD5" s="718"/>
      <c r="BE5" s="718"/>
      <c r="BF5" s="718"/>
      <c r="BG5" s="718"/>
      <c r="BH5" s="718"/>
      <c r="BI5" s="718"/>
      <c r="BJ5" s="718"/>
      <c r="BK5" s="718"/>
      <c r="BL5" s="718"/>
      <c r="BM5" s="718"/>
      <c r="BN5" s="718"/>
      <c r="BO5" s="718"/>
      <c r="BP5" s="718"/>
      <c r="BQ5" s="718"/>
      <c r="BR5" s="718"/>
      <c r="BS5" s="718"/>
      <c r="BT5" s="718"/>
      <c r="BU5" s="718"/>
      <c r="BV5" s="718"/>
      <c r="BW5" s="718"/>
      <c r="BX5" s="718"/>
      <c r="BY5" s="718"/>
      <c r="BZ5" s="718"/>
      <c r="CA5" s="719"/>
      <c r="CB5" s="717" t="s">
        <v>65</v>
      </c>
      <c r="CC5" s="718"/>
      <c r="CD5" s="718"/>
      <c r="CE5" s="718"/>
      <c r="CF5" s="718"/>
      <c r="CG5" s="718"/>
      <c r="CH5" s="718"/>
      <c r="CI5" s="718"/>
      <c r="CJ5" s="718"/>
      <c r="CK5" s="718"/>
      <c r="CL5" s="718"/>
      <c r="CM5" s="718"/>
      <c r="CN5" s="718"/>
      <c r="CO5" s="718"/>
      <c r="CP5" s="718"/>
      <c r="CQ5" s="718"/>
      <c r="CR5" s="718"/>
      <c r="CS5" s="718"/>
      <c r="CT5" s="718"/>
      <c r="CU5" s="718"/>
      <c r="CV5" s="718"/>
      <c r="CW5" s="718"/>
      <c r="CX5" s="718"/>
      <c r="CY5" s="718"/>
      <c r="CZ5" s="718"/>
      <c r="DA5" s="718"/>
      <c r="DB5" s="718"/>
      <c r="DC5" s="718"/>
      <c r="DD5" s="718"/>
      <c r="DE5" s="718"/>
      <c r="DF5" s="718"/>
      <c r="DG5" s="718"/>
      <c r="DH5" s="719"/>
      <c r="DI5" s="521" t="s">
        <v>66</v>
      </c>
      <c r="DJ5" s="522"/>
      <c r="DK5" s="522"/>
      <c r="DL5" s="522"/>
      <c r="DM5" s="522"/>
      <c r="DN5" s="522"/>
      <c r="DO5" s="522"/>
      <c r="DP5" s="522"/>
      <c r="DQ5" s="522"/>
      <c r="DR5" s="522"/>
      <c r="DS5" s="522"/>
      <c r="DT5" s="522"/>
      <c r="DU5" s="522"/>
      <c r="DV5" s="522"/>
      <c r="DW5" s="522"/>
      <c r="DX5" s="522"/>
      <c r="DY5" s="522"/>
      <c r="DZ5" s="522"/>
      <c r="EA5" s="522"/>
      <c r="EB5" s="522"/>
      <c r="EC5" s="522"/>
      <c r="ED5" s="522"/>
      <c r="EE5" s="522"/>
      <c r="EF5" s="522"/>
      <c r="EG5" s="522"/>
      <c r="EH5" s="522"/>
      <c r="EI5" s="522"/>
      <c r="EJ5" s="522"/>
      <c r="EK5" s="522"/>
      <c r="EL5" s="522"/>
      <c r="EM5" s="522"/>
      <c r="EN5" s="522"/>
      <c r="EO5" s="522"/>
      <c r="EP5" s="522"/>
      <c r="EQ5" s="522"/>
      <c r="ER5" s="522"/>
      <c r="ES5" s="522"/>
      <c r="ET5" s="522"/>
      <c r="EU5" s="522"/>
      <c r="EV5" s="522"/>
      <c r="EW5" s="522"/>
      <c r="EX5" s="522"/>
      <c r="EY5" s="522"/>
      <c r="EZ5" s="522"/>
      <c r="FA5" s="522"/>
      <c r="FB5" s="522"/>
      <c r="FC5" s="522"/>
      <c r="FD5" s="522"/>
      <c r="FE5" s="522"/>
      <c r="FF5" s="522"/>
      <c r="FG5" s="522"/>
      <c r="FH5" s="522"/>
      <c r="FI5" s="522"/>
      <c r="FJ5" s="522"/>
      <c r="FK5" s="523"/>
      <c r="FL5" s="717" t="s">
        <v>67</v>
      </c>
      <c r="FM5" s="718"/>
      <c r="FN5" s="718"/>
      <c r="FO5" s="718"/>
      <c r="FP5" s="718"/>
      <c r="FQ5" s="718"/>
      <c r="FR5" s="718"/>
      <c r="FS5" s="718"/>
      <c r="FT5" s="718"/>
      <c r="FU5" s="718"/>
      <c r="FV5" s="718"/>
      <c r="FW5" s="718"/>
      <c r="FX5" s="718"/>
      <c r="FY5" s="718"/>
      <c r="FZ5" s="718"/>
      <c r="GA5" s="718"/>
      <c r="GB5" s="718"/>
      <c r="GC5" s="718"/>
      <c r="GD5" s="718"/>
      <c r="GE5" s="718"/>
      <c r="GF5" s="718"/>
      <c r="GG5" s="718"/>
      <c r="GH5" s="718"/>
      <c r="GI5" s="718"/>
      <c r="GJ5" s="718"/>
      <c r="GK5" s="718"/>
      <c r="GL5" s="718"/>
      <c r="GM5" s="718"/>
      <c r="GN5" s="718"/>
      <c r="GO5" s="718"/>
      <c r="GP5" s="718"/>
      <c r="GQ5" s="718"/>
      <c r="GR5" s="718"/>
      <c r="GS5" s="718"/>
      <c r="GT5" s="718"/>
      <c r="GU5" s="718"/>
      <c r="GV5" s="718"/>
      <c r="GW5" s="718"/>
      <c r="GX5" s="718"/>
      <c r="GY5" s="718"/>
      <c r="GZ5" s="718"/>
      <c r="HA5" s="718"/>
      <c r="HB5" s="718"/>
      <c r="HC5" s="719"/>
      <c r="HD5" s="720" t="s">
        <v>68</v>
      </c>
      <c r="HE5" s="721"/>
      <c r="HF5" s="721"/>
      <c r="HG5" s="721"/>
      <c r="HH5" s="721"/>
      <c r="HI5" s="721"/>
      <c r="HJ5" s="721"/>
      <c r="HK5" s="721"/>
      <c r="HL5" s="721"/>
      <c r="HM5" s="721"/>
      <c r="HN5" s="722"/>
      <c r="HO5" s="720" t="s">
        <v>69</v>
      </c>
      <c r="HP5" s="721"/>
      <c r="HQ5" s="721"/>
      <c r="HR5" s="721"/>
      <c r="HS5" s="721"/>
      <c r="HT5" s="721"/>
      <c r="HU5" s="721"/>
      <c r="HV5" s="721"/>
      <c r="HW5" s="721"/>
      <c r="HX5" s="721"/>
      <c r="HY5" s="722"/>
      <c r="HZ5" s="661"/>
      <c r="IA5" s="662"/>
      <c r="IB5" s="662"/>
      <c r="IC5" s="662"/>
      <c r="ID5" s="662"/>
      <c r="IE5" s="662"/>
      <c r="IF5" s="662"/>
      <c r="IG5" s="662"/>
      <c r="IH5" s="662"/>
      <c r="II5" s="662"/>
      <c r="IJ5" s="663"/>
      <c r="IK5" s="599" t="s">
        <v>94</v>
      </c>
      <c r="IL5" s="504"/>
      <c r="IM5" s="504"/>
      <c r="IN5" s="504"/>
      <c r="IO5" s="504"/>
      <c r="IP5" s="504"/>
      <c r="IQ5" s="504"/>
      <c r="IR5" s="504"/>
      <c r="IS5" s="504"/>
      <c r="IT5" s="504"/>
      <c r="IU5" s="505"/>
      <c r="IV5" s="599" t="s">
        <v>88</v>
      </c>
      <c r="IW5" s="504"/>
      <c r="IX5" s="504"/>
      <c r="IY5" s="504"/>
      <c r="IZ5" s="504"/>
      <c r="JA5" s="504"/>
      <c r="JB5" s="504"/>
      <c r="JC5" s="504"/>
      <c r="JD5" s="504"/>
      <c r="JE5" s="504"/>
      <c r="JF5" s="505"/>
      <c r="JG5" s="664" t="s">
        <v>144</v>
      </c>
      <c r="JH5" s="665"/>
      <c r="JI5" s="665"/>
      <c r="JJ5" s="665"/>
      <c r="JK5" s="665"/>
      <c r="JL5" s="665"/>
      <c r="JM5" s="665"/>
      <c r="JN5" s="665"/>
      <c r="JO5" s="665"/>
      <c r="JP5" s="665"/>
      <c r="JQ5" s="666"/>
      <c r="JR5" s="599" t="s">
        <v>90</v>
      </c>
      <c r="JS5" s="504"/>
      <c r="JT5" s="504"/>
      <c r="JU5" s="504"/>
      <c r="JV5" s="504"/>
      <c r="JW5" s="504"/>
      <c r="JX5" s="504"/>
      <c r="JY5" s="504"/>
      <c r="JZ5" s="504"/>
      <c r="KA5" s="504"/>
      <c r="KB5" s="505"/>
      <c r="KC5" s="599" t="s">
        <v>89</v>
      </c>
      <c r="KD5" s="504"/>
      <c r="KE5" s="504"/>
      <c r="KF5" s="504"/>
      <c r="KG5" s="504"/>
      <c r="KH5" s="504"/>
      <c r="KI5" s="504"/>
      <c r="KJ5" s="504"/>
      <c r="KK5" s="504"/>
      <c r="KL5" s="504"/>
      <c r="KM5" s="505"/>
      <c r="KN5" s="599" t="s">
        <v>91</v>
      </c>
      <c r="KO5" s="504"/>
      <c r="KP5" s="504"/>
      <c r="KQ5" s="504"/>
      <c r="KR5" s="504"/>
      <c r="KS5" s="504"/>
      <c r="KT5" s="504"/>
      <c r="KU5" s="504"/>
      <c r="KV5" s="504"/>
      <c r="KW5" s="504"/>
      <c r="KX5" s="505"/>
      <c r="KY5" s="599" t="s">
        <v>92</v>
      </c>
      <c r="KZ5" s="504"/>
      <c r="LA5" s="504"/>
      <c r="LB5" s="504"/>
      <c r="LC5" s="504"/>
      <c r="LD5" s="504"/>
      <c r="LE5" s="504"/>
      <c r="LF5" s="504"/>
      <c r="LG5" s="504"/>
      <c r="LH5" s="504"/>
      <c r="LI5" s="505"/>
      <c r="LJ5" s="670" t="s">
        <v>93</v>
      </c>
      <c r="LK5" s="671"/>
      <c r="LL5" s="671"/>
      <c r="LM5" s="671"/>
      <c r="LN5" s="671"/>
      <c r="LO5" s="671"/>
      <c r="LP5" s="671"/>
      <c r="LQ5" s="671"/>
      <c r="LR5" s="671"/>
      <c r="LS5" s="671"/>
      <c r="LT5" s="672"/>
      <c r="LU5" s="673" t="s">
        <v>145</v>
      </c>
      <c r="LV5" s="674"/>
      <c r="LW5" s="674"/>
      <c r="LX5" s="674"/>
      <c r="LY5" s="674"/>
      <c r="LZ5" s="674"/>
      <c r="MA5" s="674"/>
      <c r="MB5" s="674"/>
      <c r="MC5" s="674"/>
      <c r="MD5" s="674"/>
      <c r="ME5" s="675"/>
      <c r="MF5" s="661"/>
      <c r="MG5" s="662"/>
      <c r="MH5" s="662"/>
      <c r="MI5" s="662"/>
      <c r="MJ5" s="662"/>
      <c r="MK5" s="662"/>
      <c r="ML5" s="662"/>
      <c r="MM5" s="662"/>
      <c r="MN5" s="662"/>
      <c r="MO5" s="662"/>
      <c r="MP5" s="663"/>
      <c r="MQ5" s="599" t="s">
        <v>57</v>
      </c>
      <c r="MR5" s="504"/>
      <c r="MS5" s="504"/>
      <c r="MT5" s="504"/>
      <c r="MU5" s="504"/>
      <c r="MV5" s="504"/>
      <c r="MW5" s="504"/>
      <c r="MX5" s="504"/>
      <c r="MY5" s="504"/>
      <c r="MZ5" s="504"/>
      <c r="NA5" s="505"/>
      <c r="NB5" s="599" t="s">
        <v>58</v>
      </c>
      <c r="NC5" s="504"/>
      <c r="ND5" s="504"/>
      <c r="NE5" s="504"/>
      <c r="NF5" s="504"/>
      <c r="NG5" s="504"/>
      <c r="NH5" s="504"/>
      <c r="NI5" s="504"/>
      <c r="NJ5" s="504"/>
      <c r="NK5" s="504"/>
      <c r="NL5" s="505"/>
      <c r="NM5" s="599" t="s">
        <v>59</v>
      </c>
      <c r="NN5" s="504"/>
      <c r="NO5" s="504"/>
      <c r="NP5" s="504"/>
      <c r="NQ5" s="504"/>
      <c r="NR5" s="504"/>
      <c r="NS5" s="504"/>
      <c r="NT5" s="504"/>
      <c r="NU5" s="504"/>
      <c r="NV5" s="504"/>
      <c r="NW5" s="505"/>
      <c r="NX5" s="651" t="s">
        <v>151</v>
      </c>
      <c r="NY5" s="652"/>
      <c r="NZ5" s="652"/>
      <c r="OA5" s="652"/>
      <c r="OB5" s="652"/>
      <c r="OC5" s="652"/>
      <c r="OD5" s="652"/>
      <c r="OE5" s="652"/>
      <c r="OF5" s="652"/>
      <c r="OG5" s="652"/>
      <c r="OH5" s="653"/>
      <c r="OI5" s="658"/>
      <c r="OJ5" s="659"/>
      <c r="OK5" s="659"/>
      <c r="OL5" s="659"/>
      <c r="OM5" s="659"/>
      <c r="ON5" s="659"/>
      <c r="OO5" s="659"/>
      <c r="OP5" s="659"/>
      <c r="OQ5" s="659"/>
      <c r="OR5" s="659"/>
      <c r="OS5" s="660"/>
    </row>
    <row r="6" spans="1:409" ht="21" customHeight="1" thickBot="1" x14ac:dyDescent="0.25">
      <c r="B6" s="710"/>
      <c r="C6" s="714"/>
      <c r="D6" s="714"/>
      <c r="E6" s="714"/>
      <c r="F6" s="714"/>
      <c r="G6" s="714"/>
      <c r="H6" s="714"/>
      <c r="I6" s="714"/>
      <c r="J6" s="714"/>
      <c r="K6" s="714"/>
      <c r="L6" s="714"/>
      <c r="M6" s="714"/>
      <c r="N6" s="513"/>
      <c r="O6" s="514"/>
      <c r="P6" s="514"/>
      <c r="Q6" s="514"/>
      <c r="R6" s="514"/>
      <c r="S6" s="514"/>
      <c r="T6" s="514"/>
      <c r="U6" s="514"/>
      <c r="V6" s="514"/>
      <c r="W6" s="514"/>
      <c r="X6" s="515"/>
      <c r="Y6" s="702" t="s">
        <v>70</v>
      </c>
      <c r="Z6" s="517"/>
      <c r="AA6" s="517"/>
      <c r="AB6" s="517"/>
      <c r="AC6" s="517"/>
      <c r="AD6" s="517"/>
      <c r="AE6" s="517"/>
      <c r="AF6" s="517"/>
      <c r="AG6" s="517"/>
      <c r="AH6" s="517"/>
      <c r="AI6" s="518"/>
      <c r="AJ6" s="697" t="s">
        <v>71</v>
      </c>
      <c r="AK6" s="698"/>
      <c r="AL6" s="698"/>
      <c r="AM6" s="698"/>
      <c r="AN6" s="698"/>
      <c r="AO6" s="698"/>
      <c r="AP6" s="698"/>
      <c r="AQ6" s="698"/>
      <c r="AR6" s="698"/>
      <c r="AS6" s="698"/>
      <c r="AT6" s="699"/>
      <c r="AU6" s="697" t="s">
        <v>72</v>
      </c>
      <c r="AV6" s="698"/>
      <c r="AW6" s="698"/>
      <c r="AX6" s="698"/>
      <c r="AY6" s="698"/>
      <c r="AZ6" s="698"/>
      <c r="BA6" s="698"/>
      <c r="BB6" s="698"/>
      <c r="BC6" s="698"/>
      <c r="BD6" s="698"/>
      <c r="BE6" s="699"/>
      <c r="BF6" s="697" t="s">
        <v>73</v>
      </c>
      <c r="BG6" s="698"/>
      <c r="BH6" s="698"/>
      <c r="BI6" s="698"/>
      <c r="BJ6" s="698"/>
      <c r="BK6" s="698"/>
      <c r="BL6" s="698"/>
      <c r="BM6" s="698"/>
      <c r="BN6" s="698"/>
      <c r="BO6" s="698"/>
      <c r="BP6" s="699"/>
      <c r="BQ6" s="697" t="s">
        <v>74</v>
      </c>
      <c r="BR6" s="698"/>
      <c r="BS6" s="698"/>
      <c r="BT6" s="698"/>
      <c r="BU6" s="698"/>
      <c r="BV6" s="698"/>
      <c r="BW6" s="698"/>
      <c r="BX6" s="698"/>
      <c r="BY6" s="698"/>
      <c r="BZ6" s="698"/>
      <c r="CA6" s="699"/>
      <c r="CB6" s="700"/>
      <c r="CC6" s="701"/>
      <c r="CD6" s="701"/>
      <c r="CE6" s="701"/>
      <c r="CF6" s="701"/>
      <c r="CG6" s="701"/>
      <c r="CH6" s="701"/>
      <c r="CI6" s="701"/>
      <c r="CJ6" s="701"/>
      <c r="CK6" s="701"/>
      <c r="CL6" s="726"/>
      <c r="CM6" s="697" t="s">
        <v>75</v>
      </c>
      <c r="CN6" s="698"/>
      <c r="CO6" s="698"/>
      <c r="CP6" s="698"/>
      <c r="CQ6" s="698"/>
      <c r="CR6" s="698"/>
      <c r="CS6" s="698"/>
      <c r="CT6" s="698"/>
      <c r="CU6" s="698"/>
      <c r="CV6" s="698"/>
      <c r="CW6" s="699"/>
      <c r="CX6" s="697" t="s">
        <v>76</v>
      </c>
      <c r="CY6" s="698"/>
      <c r="CZ6" s="698"/>
      <c r="DA6" s="698"/>
      <c r="DB6" s="698"/>
      <c r="DC6" s="698"/>
      <c r="DD6" s="698"/>
      <c r="DE6" s="698"/>
      <c r="DF6" s="698"/>
      <c r="DG6" s="698"/>
      <c r="DH6" s="699"/>
      <c r="DI6" s="700"/>
      <c r="DJ6" s="701"/>
      <c r="DK6" s="701"/>
      <c r="DL6" s="701"/>
      <c r="DM6" s="701"/>
      <c r="DN6" s="701"/>
      <c r="DO6" s="701"/>
      <c r="DP6" s="701"/>
      <c r="DQ6" s="701"/>
      <c r="DR6" s="701"/>
      <c r="DS6" s="701"/>
      <c r="DT6" s="697" t="s">
        <v>77</v>
      </c>
      <c r="DU6" s="698"/>
      <c r="DV6" s="698"/>
      <c r="DW6" s="698"/>
      <c r="DX6" s="698"/>
      <c r="DY6" s="698"/>
      <c r="DZ6" s="698"/>
      <c r="EA6" s="698"/>
      <c r="EB6" s="698"/>
      <c r="EC6" s="698"/>
      <c r="ED6" s="699"/>
      <c r="EE6" s="697" t="s">
        <v>78</v>
      </c>
      <c r="EF6" s="698"/>
      <c r="EG6" s="698"/>
      <c r="EH6" s="698"/>
      <c r="EI6" s="698"/>
      <c r="EJ6" s="698"/>
      <c r="EK6" s="698"/>
      <c r="EL6" s="698"/>
      <c r="EM6" s="698"/>
      <c r="EN6" s="698"/>
      <c r="EO6" s="699"/>
      <c r="EP6" s="697" t="s">
        <v>79</v>
      </c>
      <c r="EQ6" s="698"/>
      <c r="ER6" s="698"/>
      <c r="ES6" s="698"/>
      <c r="ET6" s="698"/>
      <c r="EU6" s="698"/>
      <c r="EV6" s="698"/>
      <c r="EW6" s="698"/>
      <c r="EX6" s="698"/>
      <c r="EY6" s="698"/>
      <c r="EZ6" s="699"/>
      <c r="FA6" s="619" t="s">
        <v>152</v>
      </c>
      <c r="FB6" s="698"/>
      <c r="FC6" s="698"/>
      <c r="FD6" s="698"/>
      <c r="FE6" s="698"/>
      <c r="FF6" s="698"/>
      <c r="FG6" s="698"/>
      <c r="FH6" s="698"/>
      <c r="FI6" s="698"/>
      <c r="FJ6" s="698"/>
      <c r="FK6" s="699"/>
      <c r="FL6" s="700"/>
      <c r="FM6" s="701"/>
      <c r="FN6" s="701"/>
      <c r="FO6" s="701"/>
      <c r="FP6" s="701"/>
      <c r="FQ6" s="701"/>
      <c r="FR6" s="701"/>
      <c r="FS6" s="701"/>
      <c r="FT6" s="701"/>
      <c r="FU6" s="701"/>
      <c r="FV6" s="701"/>
      <c r="FW6" s="697" t="s">
        <v>80</v>
      </c>
      <c r="FX6" s="698"/>
      <c r="FY6" s="698"/>
      <c r="FZ6" s="698"/>
      <c r="GA6" s="698"/>
      <c r="GB6" s="698"/>
      <c r="GC6" s="698"/>
      <c r="GD6" s="698"/>
      <c r="GE6" s="698"/>
      <c r="GF6" s="698"/>
      <c r="GG6" s="699"/>
      <c r="GH6" s="702" t="s">
        <v>81</v>
      </c>
      <c r="GI6" s="517"/>
      <c r="GJ6" s="517"/>
      <c r="GK6" s="517"/>
      <c r="GL6" s="517"/>
      <c r="GM6" s="517"/>
      <c r="GN6" s="517"/>
      <c r="GO6" s="517"/>
      <c r="GP6" s="517"/>
      <c r="GQ6" s="517"/>
      <c r="GR6" s="518"/>
      <c r="GS6" s="702" t="s">
        <v>82</v>
      </c>
      <c r="GT6" s="517"/>
      <c r="GU6" s="517"/>
      <c r="GV6" s="517"/>
      <c r="GW6" s="517"/>
      <c r="GX6" s="517"/>
      <c r="GY6" s="517"/>
      <c r="GZ6" s="517"/>
      <c r="HA6" s="517"/>
      <c r="HB6" s="517"/>
      <c r="HC6" s="518"/>
      <c r="HD6" s="723"/>
      <c r="HE6" s="724"/>
      <c r="HF6" s="724"/>
      <c r="HG6" s="724"/>
      <c r="HH6" s="724"/>
      <c r="HI6" s="724"/>
      <c r="HJ6" s="724"/>
      <c r="HK6" s="724"/>
      <c r="HL6" s="724"/>
      <c r="HM6" s="724"/>
      <c r="HN6" s="725"/>
      <c r="HO6" s="723"/>
      <c r="HP6" s="724"/>
      <c r="HQ6" s="724"/>
      <c r="HR6" s="724"/>
      <c r="HS6" s="724"/>
      <c r="HT6" s="724"/>
      <c r="HU6" s="724"/>
      <c r="HV6" s="724"/>
      <c r="HW6" s="724"/>
      <c r="HX6" s="724"/>
      <c r="HY6" s="725"/>
      <c r="HZ6" s="613"/>
      <c r="IA6" s="614"/>
      <c r="IB6" s="614"/>
      <c r="IC6" s="614"/>
      <c r="ID6" s="614"/>
      <c r="IE6" s="614"/>
      <c r="IF6" s="614"/>
      <c r="IG6" s="614"/>
      <c r="IH6" s="614"/>
      <c r="II6" s="614"/>
      <c r="IJ6" s="615"/>
      <c r="IK6" s="600"/>
      <c r="IL6" s="593"/>
      <c r="IM6" s="593"/>
      <c r="IN6" s="593"/>
      <c r="IO6" s="593"/>
      <c r="IP6" s="593"/>
      <c r="IQ6" s="593"/>
      <c r="IR6" s="593"/>
      <c r="IS6" s="593"/>
      <c r="IT6" s="593"/>
      <c r="IU6" s="601"/>
      <c r="IV6" s="600"/>
      <c r="IW6" s="593"/>
      <c r="IX6" s="593"/>
      <c r="IY6" s="593"/>
      <c r="IZ6" s="593"/>
      <c r="JA6" s="593"/>
      <c r="JB6" s="593"/>
      <c r="JC6" s="593"/>
      <c r="JD6" s="593"/>
      <c r="JE6" s="593"/>
      <c r="JF6" s="601"/>
      <c r="JG6" s="667"/>
      <c r="JH6" s="668"/>
      <c r="JI6" s="668"/>
      <c r="JJ6" s="668"/>
      <c r="JK6" s="668"/>
      <c r="JL6" s="668"/>
      <c r="JM6" s="668"/>
      <c r="JN6" s="668"/>
      <c r="JO6" s="668"/>
      <c r="JP6" s="668"/>
      <c r="JQ6" s="669"/>
      <c r="JR6" s="600"/>
      <c r="JS6" s="593"/>
      <c r="JT6" s="593"/>
      <c r="JU6" s="593"/>
      <c r="JV6" s="593"/>
      <c r="JW6" s="593"/>
      <c r="JX6" s="593"/>
      <c r="JY6" s="593"/>
      <c r="JZ6" s="593"/>
      <c r="KA6" s="593"/>
      <c r="KB6" s="601"/>
      <c r="KC6" s="600"/>
      <c r="KD6" s="593"/>
      <c r="KE6" s="593"/>
      <c r="KF6" s="593"/>
      <c r="KG6" s="593"/>
      <c r="KH6" s="593"/>
      <c r="KI6" s="593"/>
      <c r="KJ6" s="593"/>
      <c r="KK6" s="593"/>
      <c r="KL6" s="593"/>
      <c r="KM6" s="601"/>
      <c r="KN6" s="600"/>
      <c r="KO6" s="593"/>
      <c r="KP6" s="593"/>
      <c r="KQ6" s="593"/>
      <c r="KR6" s="593"/>
      <c r="KS6" s="593"/>
      <c r="KT6" s="593"/>
      <c r="KU6" s="593"/>
      <c r="KV6" s="593"/>
      <c r="KW6" s="593"/>
      <c r="KX6" s="601"/>
      <c r="KY6" s="600"/>
      <c r="KZ6" s="593"/>
      <c r="LA6" s="593"/>
      <c r="LB6" s="593"/>
      <c r="LC6" s="593"/>
      <c r="LD6" s="593"/>
      <c r="LE6" s="593"/>
      <c r="LF6" s="593"/>
      <c r="LG6" s="593"/>
      <c r="LH6" s="593"/>
      <c r="LI6" s="601"/>
      <c r="LJ6" s="613"/>
      <c r="LK6" s="614"/>
      <c r="LL6" s="614"/>
      <c r="LM6" s="614"/>
      <c r="LN6" s="614"/>
      <c r="LO6" s="614"/>
      <c r="LP6" s="614"/>
      <c r="LQ6" s="614"/>
      <c r="LR6" s="614"/>
      <c r="LS6" s="614"/>
      <c r="LT6" s="615"/>
      <c r="LU6" s="676"/>
      <c r="LV6" s="677"/>
      <c r="LW6" s="677"/>
      <c r="LX6" s="677"/>
      <c r="LY6" s="677"/>
      <c r="LZ6" s="677"/>
      <c r="MA6" s="677"/>
      <c r="MB6" s="677"/>
      <c r="MC6" s="677"/>
      <c r="MD6" s="677"/>
      <c r="ME6" s="678"/>
      <c r="MF6" s="613"/>
      <c r="MG6" s="614"/>
      <c r="MH6" s="614"/>
      <c r="MI6" s="614"/>
      <c r="MJ6" s="614"/>
      <c r="MK6" s="614"/>
      <c r="ML6" s="614"/>
      <c r="MM6" s="614"/>
      <c r="MN6" s="614"/>
      <c r="MO6" s="614"/>
      <c r="MP6" s="615"/>
      <c r="MQ6" s="600"/>
      <c r="MR6" s="593"/>
      <c r="MS6" s="593"/>
      <c r="MT6" s="593"/>
      <c r="MU6" s="593"/>
      <c r="MV6" s="593"/>
      <c r="MW6" s="593"/>
      <c r="MX6" s="593"/>
      <c r="MY6" s="593"/>
      <c r="MZ6" s="593"/>
      <c r="NA6" s="601"/>
      <c r="NB6" s="600"/>
      <c r="NC6" s="593"/>
      <c r="ND6" s="593"/>
      <c r="NE6" s="593"/>
      <c r="NF6" s="593"/>
      <c r="NG6" s="593"/>
      <c r="NH6" s="593"/>
      <c r="NI6" s="593"/>
      <c r="NJ6" s="593"/>
      <c r="NK6" s="593"/>
      <c r="NL6" s="601"/>
      <c r="NM6" s="600"/>
      <c r="NN6" s="593"/>
      <c r="NO6" s="593"/>
      <c r="NP6" s="593"/>
      <c r="NQ6" s="593"/>
      <c r="NR6" s="593"/>
      <c r="NS6" s="593"/>
      <c r="NT6" s="593"/>
      <c r="NU6" s="593"/>
      <c r="NV6" s="593"/>
      <c r="NW6" s="601"/>
      <c r="NX6" s="654"/>
      <c r="NY6" s="655"/>
      <c r="NZ6" s="655"/>
      <c r="OA6" s="655"/>
      <c r="OB6" s="655"/>
      <c r="OC6" s="655"/>
      <c r="OD6" s="655"/>
      <c r="OE6" s="655"/>
      <c r="OF6" s="655"/>
      <c r="OG6" s="655"/>
      <c r="OH6" s="656"/>
      <c r="OI6" s="600"/>
      <c r="OJ6" s="593"/>
      <c r="OK6" s="593"/>
      <c r="OL6" s="593"/>
      <c r="OM6" s="593"/>
      <c r="ON6" s="593"/>
      <c r="OO6" s="593"/>
      <c r="OP6" s="593"/>
      <c r="OQ6" s="593"/>
      <c r="OR6" s="593"/>
      <c r="OS6" s="601"/>
    </row>
    <row r="7" spans="1:409" ht="21" customHeight="1" x14ac:dyDescent="0.2">
      <c r="B7" s="710"/>
      <c r="C7" s="695" t="s">
        <v>61</v>
      </c>
      <c r="D7" s="695"/>
      <c r="E7" s="695"/>
      <c r="F7" s="707" t="s">
        <v>62</v>
      </c>
      <c r="G7" s="695"/>
      <c r="H7" s="695"/>
      <c r="I7" s="695"/>
      <c r="J7" s="695"/>
      <c r="K7" s="695"/>
      <c r="L7" s="695"/>
      <c r="M7" s="707" t="s">
        <v>52</v>
      </c>
      <c r="N7" s="706" t="s">
        <v>61</v>
      </c>
      <c r="O7" s="695"/>
      <c r="P7" s="695"/>
      <c r="Q7" s="707" t="s">
        <v>62</v>
      </c>
      <c r="R7" s="695"/>
      <c r="S7" s="695"/>
      <c r="T7" s="695"/>
      <c r="U7" s="695"/>
      <c r="V7" s="695"/>
      <c r="W7" s="708"/>
      <c r="X7" s="703" t="s">
        <v>52</v>
      </c>
      <c r="Y7" s="513" t="s">
        <v>61</v>
      </c>
      <c r="Z7" s="514"/>
      <c r="AA7" s="689"/>
      <c r="AB7" s="688" t="s">
        <v>62</v>
      </c>
      <c r="AC7" s="514"/>
      <c r="AD7" s="514"/>
      <c r="AE7" s="514"/>
      <c r="AF7" s="514"/>
      <c r="AG7" s="514"/>
      <c r="AH7" s="689"/>
      <c r="AI7" s="515" t="s">
        <v>52</v>
      </c>
      <c r="AJ7" s="683" t="s">
        <v>61</v>
      </c>
      <c r="AK7" s="684"/>
      <c r="AL7" s="685"/>
      <c r="AM7" s="686" t="s">
        <v>62</v>
      </c>
      <c r="AN7" s="684"/>
      <c r="AO7" s="684"/>
      <c r="AP7" s="684"/>
      <c r="AQ7" s="684"/>
      <c r="AR7" s="684"/>
      <c r="AS7" s="687"/>
      <c r="AT7" s="515" t="s">
        <v>52</v>
      </c>
      <c r="AU7" s="683" t="s">
        <v>61</v>
      </c>
      <c r="AV7" s="684"/>
      <c r="AW7" s="685"/>
      <c r="AX7" s="686" t="s">
        <v>62</v>
      </c>
      <c r="AY7" s="684"/>
      <c r="AZ7" s="684"/>
      <c r="BA7" s="684"/>
      <c r="BB7" s="684"/>
      <c r="BC7" s="684"/>
      <c r="BD7" s="687"/>
      <c r="BE7" s="515" t="s">
        <v>52</v>
      </c>
      <c r="BF7" s="683" t="s">
        <v>61</v>
      </c>
      <c r="BG7" s="684"/>
      <c r="BH7" s="685"/>
      <c r="BI7" s="686" t="s">
        <v>62</v>
      </c>
      <c r="BJ7" s="684"/>
      <c r="BK7" s="684"/>
      <c r="BL7" s="684"/>
      <c r="BM7" s="684"/>
      <c r="BN7" s="684"/>
      <c r="BO7" s="687"/>
      <c r="BP7" s="515" t="s">
        <v>52</v>
      </c>
      <c r="BQ7" s="683" t="s">
        <v>61</v>
      </c>
      <c r="BR7" s="684"/>
      <c r="BS7" s="685"/>
      <c r="BT7" s="686" t="s">
        <v>62</v>
      </c>
      <c r="BU7" s="684"/>
      <c r="BV7" s="684"/>
      <c r="BW7" s="684"/>
      <c r="BX7" s="684"/>
      <c r="BY7" s="684"/>
      <c r="BZ7" s="687"/>
      <c r="CA7" s="515" t="s">
        <v>52</v>
      </c>
      <c r="CB7" s="690" t="s">
        <v>61</v>
      </c>
      <c r="CC7" s="691"/>
      <c r="CD7" s="692"/>
      <c r="CE7" s="693" t="s">
        <v>62</v>
      </c>
      <c r="CF7" s="691"/>
      <c r="CG7" s="691"/>
      <c r="CH7" s="691"/>
      <c r="CI7" s="691"/>
      <c r="CJ7" s="691"/>
      <c r="CK7" s="694"/>
      <c r="CL7" s="703" t="s">
        <v>52</v>
      </c>
      <c r="CM7" s="683" t="s">
        <v>61</v>
      </c>
      <c r="CN7" s="684"/>
      <c r="CO7" s="687"/>
      <c r="CP7" s="686" t="s">
        <v>62</v>
      </c>
      <c r="CQ7" s="684"/>
      <c r="CR7" s="684"/>
      <c r="CS7" s="684"/>
      <c r="CT7" s="684"/>
      <c r="CU7" s="684"/>
      <c r="CV7" s="687"/>
      <c r="CW7" s="705" t="s">
        <v>52</v>
      </c>
      <c r="CX7" s="683" t="s">
        <v>61</v>
      </c>
      <c r="CY7" s="684"/>
      <c r="CZ7" s="687"/>
      <c r="DA7" s="686" t="s">
        <v>62</v>
      </c>
      <c r="DB7" s="684"/>
      <c r="DC7" s="684"/>
      <c r="DD7" s="684"/>
      <c r="DE7" s="684"/>
      <c r="DF7" s="684"/>
      <c r="DG7" s="687"/>
      <c r="DH7" s="705" t="s">
        <v>52</v>
      </c>
      <c r="DI7" s="690" t="s">
        <v>61</v>
      </c>
      <c r="DJ7" s="691"/>
      <c r="DK7" s="694"/>
      <c r="DL7" s="693" t="s">
        <v>62</v>
      </c>
      <c r="DM7" s="691"/>
      <c r="DN7" s="691"/>
      <c r="DO7" s="691"/>
      <c r="DP7" s="691"/>
      <c r="DQ7" s="691"/>
      <c r="DR7" s="694"/>
      <c r="DS7" s="703" t="s">
        <v>52</v>
      </c>
      <c r="DT7" s="683" t="s">
        <v>61</v>
      </c>
      <c r="DU7" s="684"/>
      <c r="DV7" s="685"/>
      <c r="DW7" s="686" t="s">
        <v>62</v>
      </c>
      <c r="DX7" s="684"/>
      <c r="DY7" s="684"/>
      <c r="DZ7" s="684"/>
      <c r="EA7" s="684"/>
      <c r="EB7" s="684"/>
      <c r="EC7" s="687"/>
      <c r="ED7" s="515" t="s">
        <v>52</v>
      </c>
      <c r="EE7" s="683" t="s">
        <v>61</v>
      </c>
      <c r="EF7" s="684"/>
      <c r="EG7" s="685"/>
      <c r="EH7" s="686" t="s">
        <v>62</v>
      </c>
      <c r="EI7" s="684"/>
      <c r="EJ7" s="684"/>
      <c r="EK7" s="684"/>
      <c r="EL7" s="684"/>
      <c r="EM7" s="684"/>
      <c r="EN7" s="687"/>
      <c r="EO7" s="515" t="s">
        <v>52</v>
      </c>
      <c r="EP7" s="683" t="s">
        <v>61</v>
      </c>
      <c r="EQ7" s="684"/>
      <c r="ER7" s="685"/>
      <c r="ES7" s="686" t="s">
        <v>62</v>
      </c>
      <c r="ET7" s="684"/>
      <c r="EU7" s="684"/>
      <c r="EV7" s="684"/>
      <c r="EW7" s="684"/>
      <c r="EX7" s="684"/>
      <c r="EY7" s="687"/>
      <c r="EZ7" s="515" t="s">
        <v>52</v>
      </c>
      <c r="FA7" s="683" t="s">
        <v>61</v>
      </c>
      <c r="FB7" s="684"/>
      <c r="FC7" s="685"/>
      <c r="FD7" s="686" t="s">
        <v>62</v>
      </c>
      <c r="FE7" s="684"/>
      <c r="FF7" s="684"/>
      <c r="FG7" s="684"/>
      <c r="FH7" s="684"/>
      <c r="FI7" s="684"/>
      <c r="FJ7" s="687"/>
      <c r="FK7" s="515" t="s">
        <v>52</v>
      </c>
      <c r="FL7" s="690" t="s">
        <v>61</v>
      </c>
      <c r="FM7" s="691"/>
      <c r="FN7" s="692"/>
      <c r="FO7" s="693" t="s">
        <v>62</v>
      </c>
      <c r="FP7" s="691"/>
      <c r="FQ7" s="691"/>
      <c r="FR7" s="691"/>
      <c r="FS7" s="691"/>
      <c r="FT7" s="691"/>
      <c r="FU7" s="694"/>
      <c r="FV7" s="695" t="s">
        <v>52</v>
      </c>
      <c r="FW7" s="683" t="s">
        <v>61</v>
      </c>
      <c r="FX7" s="684"/>
      <c r="FY7" s="685"/>
      <c r="FZ7" s="686" t="s">
        <v>62</v>
      </c>
      <c r="GA7" s="684"/>
      <c r="GB7" s="684"/>
      <c r="GC7" s="684"/>
      <c r="GD7" s="684"/>
      <c r="GE7" s="684"/>
      <c r="GF7" s="687"/>
      <c r="GG7" s="515" t="s">
        <v>52</v>
      </c>
      <c r="GH7" s="513" t="s">
        <v>61</v>
      </c>
      <c r="GI7" s="514"/>
      <c r="GJ7" s="514"/>
      <c r="GK7" s="688" t="s">
        <v>62</v>
      </c>
      <c r="GL7" s="514"/>
      <c r="GM7" s="514"/>
      <c r="GN7" s="514"/>
      <c r="GO7" s="514"/>
      <c r="GP7" s="514"/>
      <c r="GQ7" s="689"/>
      <c r="GR7" s="681" t="s">
        <v>52</v>
      </c>
      <c r="GS7" s="513" t="s">
        <v>61</v>
      </c>
      <c r="GT7" s="514"/>
      <c r="GU7" s="689"/>
      <c r="GV7" s="688" t="s">
        <v>62</v>
      </c>
      <c r="GW7" s="514"/>
      <c r="GX7" s="514"/>
      <c r="GY7" s="514"/>
      <c r="GZ7" s="514"/>
      <c r="HA7" s="514"/>
      <c r="HB7" s="689"/>
      <c r="HC7" s="681" t="s">
        <v>52</v>
      </c>
      <c r="HD7" s="683" t="s">
        <v>61</v>
      </c>
      <c r="HE7" s="684"/>
      <c r="HF7" s="685"/>
      <c r="HG7" s="686" t="s">
        <v>62</v>
      </c>
      <c r="HH7" s="684"/>
      <c r="HI7" s="684"/>
      <c r="HJ7" s="684"/>
      <c r="HK7" s="684"/>
      <c r="HL7" s="684"/>
      <c r="HM7" s="687"/>
      <c r="HN7" s="515" t="s">
        <v>52</v>
      </c>
      <c r="HO7" s="683" t="s">
        <v>61</v>
      </c>
      <c r="HP7" s="684"/>
      <c r="HQ7" s="685"/>
      <c r="HR7" s="686" t="s">
        <v>62</v>
      </c>
      <c r="HS7" s="684"/>
      <c r="HT7" s="684"/>
      <c r="HU7" s="684"/>
      <c r="HV7" s="684"/>
      <c r="HW7" s="684"/>
      <c r="HX7" s="687"/>
      <c r="HY7" s="515" t="s">
        <v>52</v>
      </c>
      <c r="HZ7" s="581" t="s">
        <v>61</v>
      </c>
      <c r="IA7" s="582"/>
      <c r="IB7" s="583"/>
      <c r="IC7" s="642" t="s">
        <v>62</v>
      </c>
      <c r="ID7" s="582"/>
      <c r="IE7" s="582"/>
      <c r="IF7" s="582"/>
      <c r="IG7" s="582"/>
      <c r="IH7" s="582"/>
      <c r="II7" s="643"/>
      <c r="IJ7" s="585" t="s">
        <v>52</v>
      </c>
      <c r="IK7" s="589" t="s">
        <v>61</v>
      </c>
      <c r="IL7" s="590"/>
      <c r="IM7" s="591"/>
      <c r="IN7" s="624" t="s">
        <v>62</v>
      </c>
      <c r="IO7" s="590"/>
      <c r="IP7" s="590"/>
      <c r="IQ7" s="590"/>
      <c r="IR7" s="590"/>
      <c r="IS7" s="590"/>
      <c r="IT7" s="625"/>
      <c r="IU7" s="601" t="s">
        <v>52</v>
      </c>
      <c r="IV7" s="589" t="s">
        <v>61</v>
      </c>
      <c r="IW7" s="590"/>
      <c r="IX7" s="625"/>
      <c r="IY7" s="624" t="s">
        <v>62</v>
      </c>
      <c r="IZ7" s="590"/>
      <c r="JA7" s="590"/>
      <c r="JB7" s="590"/>
      <c r="JC7" s="590"/>
      <c r="JD7" s="590"/>
      <c r="JE7" s="625"/>
      <c r="JF7" s="601" t="s">
        <v>52</v>
      </c>
      <c r="JG7" s="589" t="s">
        <v>61</v>
      </c>
      <c r="JH7" s="590"/>
      <c r="JI7" s="591"/>
      <c r="JJ7" s="624" t="s">
        <v>62</v>
      </c>
      <c r="JK7" s="590"/>
      <c r="JL7" s="590"/>
      <c r="JM7" s="590"/>
      <c r="JN7" s="590"/>
      <c r="JO7" s="590"/>
      <c r="JP7" s="625"/>
      <c r="JQ7" s="648" t="s">
        <v>52</v>
      </c>
      <c r="JR7" s="589" t="s">
        <v>61</v>
      </c>
      <c r="JS7" s="590"/>
      <c r="JT7" s="591"/>
      <c r="JU7" s="624" t="s">
        <v>62</v>
      </c>
      <c r="JV7" s="590"/>
      <c r="JW7" s="590"/>
      <c r="JX7" s="590"/>
      <c r="JY7" s="590"/>
      <c r="JZ7" s="590"/>
      <c r="KA7" s="625"/>
      <c r="KB7" s="648" t="s">
        <v>52</v>
      </c>
      <c r="KC7" s="589" t="s">
        <v>61</v>
      </c>
      <c r="KD7" s="590"/>
      <c r="KE7" s="591"/>
      <c r="KF7" s="624" t="s">
        <v>62</v>
      </c>
      <c r="KG7" s="590"/>
      <c r="KH7" s="590"/>
      <c r="KI7" s="590"/>
      <c r="KJ7" s="590"/>
      <c r="KK7" s="590"/>
      <c r="KL7" s="625"/>
      <c r="KM7" s="648" t="s">
        <v>52</v>
      </c>
      <c r="KN7" s="589" t="s">
        <v>61</v>
      </c>
      <c r="KO7" s="590"/>
      <c r="KP7" s="591"/>
      <c r="KQ7" s="624" t="s">
        <v>62</v>
      </c>
      <c r="KR7" s="590"/>
      <c r="KS7" s="590"/>
      <c r="KT7" s="590"/>
      <c r="KU7" s="590"/>
      <c r="KV7" s="590"/>
      <c r="KW7" s="625"/>
      <c r="KX7" s="648" t="s">
        <v>52</v>
      </c>
      <c r="KY7" s="589" t="s">
        <v>61</v>
      </c>
      <c r="KZ7" s="590"/>
      <c r="LA7" s="591"/>
      <c r="LB7" s="624" t="s">
        <v>62</v>
      </c>
      <c r="LC7" s="590"/>
      <c r="LD7" s="590"/>
      <c r="LE7" s="590"/>
      <c r="LF7" s="590"/>
      <c r="LG7" s="590"/>
      <c r="LH7" s="625"/>
      <c r="LI7" s="648" t="s">
        <v>52</v>
      </c>
      <c r="LJ7" s="589" t="s">
        <v>61</v>
      </c>
      <c r="LK7" s="590"/>
      <c r="LL7" s="591"/>
      <c r="LM7" s="624" t="s">
        <v>62</v>
      </c>
      <c r="LN7" s="590"/>
      <c r="LO7" s="590"/>
      <c r="LP7" s="590"/>
      <c r="LQ7" s="590"/>
      <c r="LR7" s="590"/>
      <c r="LS7" s="625"/>
      <c r="LT7" s="648" t="s">
        <v>52</v>
      </c>
      <c r="LU7" s="589" t="s">
        <v>61</v>
      </c>
      <c r="LV7" s="590"/>
      <c r="LW7" s="591"/>
      <c r="LX7" s="624" t="s">
        <v>62</v>
      </c>
      <c r="LY7" s="590"/>
      <c r="LZ7" s="590"/>
      <c r="MA7" s="590"/>
      <c r="MB7" s="590"/>
      <c r="MC7" s="590"/>
      <c r="MD7" s="625"/>
      <c r="ME7" s="648" t="s">
        <v>52</v>
      </c>
      <c r="MF7" s="581" t="s">
        <v>61</v>
      </c>
      <c r="MG7" s="582"/>
      <c r="MH7" s="583"/>
      <c r="MI7" s="642" t="s">
        <v>62</v>
      </c>
      <c r="MJ7" s="582"/>
      <c r="MK7" s="582"/>
      <c r="ML7" s="582"/>
      <c r="MM7" s="582"/>
      <c r="MN7" s="582"/>
      <c r="MO7" s="643"/>
      <c r="MP7" s="626" t="s">
        <v>52</v>
      </c>
      <c r="MQ7" s="589" t="s">
        <v>61</v>
      </c>
      <c r="MR7" s="590"/>
      <c r="MS7" s="591"/>
      <c r="MT7" s="624" t="s">
        <v>62</v>
      </c>
      <c r="MU7" s="590"/>
      <c r="MV7" s="590"/>
      <c r="MW7" s="590"/>
      <c r="MX7" s="590"/>
      <c r="MY7" s="590"/>
      <c r="MZ7" s="625"/>
      <c r="NA7" s="648" t="s">
        <v>52</v>
      </c>
      <c r="NB7" s="589" t="s">
        <v>61</v>
      </c>
      <c r="NC7" s="590"/>
      <c r="ND7" s="591"/>
      <c r="NE7" s="624" t="s">
        <v>62</v>
      </c>
      <c r="NF7" s="590"/>
      <c r="NG7" s="590"/>
      <c r="NH7" s="590"/>
      <c r="NI7" s="590"/>
      <c r="NJ7" s="590"/>
      <c r="NK7" s="625"/>
      <c r="NL7" s="648" t="s">
        <v>52</v>
      </c>
      <c r="NM7" s="589" t="s">
        <v>61</v>
      </c>
      <c r="NN7" s="590"/>
      <c r="NO7" s="591"/>
      <c r="NP7" s="624" t="s">
        <v>62</v>
      </c>
      <c r="NQ7" s="590"/>
      <c r="NR7" s="590"/>
      <c r="NS7" s="590"/>
      <c r="NT7" s="590"/>
      <c r="NU7" s="590"/>
      <c r="NV7" s="625"/>
      <c r="NW7" s="648" t="s">
        <v>52</v>
      </c>
      <c r="NX7" s="589" t="s">
        <v>61</v>
      </c>
      <c r="NY7" s="590"/>
      <c r="NZ7" s="591"/>
      <c r="OA7" s="624" t="s">
        <v>62</v>
      </c>
      <c r="OB7" s="590"/>
      <c r="OC7" s="590"/>
      <c r="OD7" s="590"/>
      <c r="OE7" s="590"/>
      <c r="OF7" s="590"/>
      <c r="OG7" s="625"/>
      <c r="OH7" s="648" t="s">
        <v>52</v>
      </c>
      <c r="OI7" s="581" t="s">
        <v>61</v>
      </c>
      <c r="OJ7" s="582"/>
      <c r="OK7" s="583"/>
      <c r="OL7" s="642" t="s">
        <v>62</v>
      </c>
      <c r="OM7" s="582"/>
      <c r="ON7" s="582"/>
      <c r="OO7" s="582"/>
      <c r="OP7" s="582"/>
      <c r="OQ7" s="582"/>
      <c r="OR7" s="643"/>
      <c r="OS7" s="626" t="s">
        <v>52</v>
      </c>
    </row>
    <row r="8" spans="1:409" ht="30" customHeight="1" thickBot="1" x14ac:dyDescent="0.25">
      <c r="B8" s="711"/>
      <c r="C8" s="325" t="s">
        <v>43</v>
      </c>
      <c r="D8" s="47" t="s">
        <v>44</v>
      </c>
      <c r="E8" s="326" t="s">
        <v>45</v>
      </c>
      <c r="F8" s="52" t="s">
        <v>83</v>
      </c>
      <c r="G8" s="47" t="s">
        <v>47</v>
      </c>
      <c r="H8" s="47" t="s">
        <v>48</v>
      </c>
      <c r="I8" s="47" t="s">
        <v>49</v>
      </c>
      <c r="J8" s="47" t="s">
        <v>50</v>
      </c>
      <c r="K8" s="47" t="s">
        <v>51</v>
      </c>
      <c r="L8" s="48" t="s">
        <v>45</v>
      </c>
      <c r="M8" s="727"/>
      <c r="N8" s="51" t="s">
        <v>43</v>
      </c>
      <c r="O8" s="47" t="s">
        <v>44</v>
      </c>
      <c r="P8" s="48" t="s">
        <v>45</v>
      </c>
      <c r="Q8" s="52" t="s">
        <v>83</v>
      </c>
      <c r="R8" s="47" t="s">
        <v>47</v>
      </c>
      <c r="S8" s="47" t="s">
        <v>48</v>
      </c>
      <c r="T8" s="47" t="s">
        <v>49</v>
      </c>
      <c r="U8" s="47" t="s">
        <v>50</v>
      </c>
      <c r="V8" s="47" t="s">
        <v>51</v>
      </c>
      <c r="W8" s="48" t="s">
        <v>45</v>
      </c>
      <c r="X8" s="704"/>
      <c r="Y8" s="51" t="s">
        <v>43</v>
      </c>
      <c r="Z8" s="47" t="s">
        <v>44</v>
      </c>
      <c r="AA8" s="48" t="s">
        <v>45</v>
      </c>
      <c r="AB8" s="52" t="s">
        <v>83</v>
      </c>
      <c r="AC8" s="47" t="s">
        <v>47</v>
      </c>
      <c r="AD8" s="47" t="s">
        <v>48</v>
      </c>
      <c r="AE8" s="47" t="s">
        <v>49</v>
      </c>
      <c r="AF8" s="47" t="s">
        <v>50</v>
      </c>
      <c r="AG8" s="47" t="s">
        <v>51</v>
      </c>
      <c r="AH8" s="48" t="s">
        <v>45</v>
      </c>
      <c r="AI8" s="680"/>
      <c r="AJ8" s="51" t="s">
        <v>43</v>
      </c>
      <c r="AK8" s="47" t="s">
        <v>44</v>
      </c>
      <c r="AL8" s="326" t="s">
        <v>45</v>
      </c>
      <c r="AM8" s="52" t="s">
        <v>83</v>
      </c>
      <c r="AN8" s="47" t="s">
        <v>47</v>
      </c>
      <c r="AO8" s="47" t="s">
        <v>48</v>
      </c>
      <c r="AP8" s="47" t="s">
        <v>49</v>
      </c>
      <c r="AQ8" s="47" t="s">
        <v>50</v>
      </c>
      <c r="AR8" s="47" t="s">
        <v>51</v>
      </c>
      <c r="AS8" s="48" t="s">
        <v>45</v>
      </c>
      <c r="AT8" s="680"/>
      <c r="AU8" s="51" t="s">
        <v>43</v>
      </c>
      <c r="AV8" s="47" t="s">
        <v>44</v>
      </c>
      <c r="AW8" s="326" t="s">
        <v>45</v>
      </c>
      <c r="AX8" s="52" t="s">
        <v>83</v>
      </c>
      <c r="AY8" s="47" t="s">
        <v>47</v>
      </c>
      <c r="AZ8" s="47" t="s">
        <v>48</v>
      </c>
      <c r="BA8" s="47" t="s">
        <v>49</v>
      </c>
      <c r="BB8" s="47" t="s">
        <v>50</v>
      </c>
      <c r="BC8" s="47" t="s">
        <v>51</v>
      </c>
      <c r="BD8" s="48" t="s">
        <v>45</v>
      </c>
      <c r="BE8" s="680"/>
      <c r="BF8" s="327" t="s">
        <v>43</v>
      </c>
      <c r="BG8" s="47" t="s">
        <v>44</v>
      </c>
      <c r="BH8" s="326" t="s">
        <v>45</v>
      </c>
      <c r="BI8" s="52" t="s">
        <v>83</v>
      </c>
      <c r="BJ8" s="47" t="s">
        <v>47</v>
      </c>
      <c r="BK8" s="47" t="s">
        <v>48</v>
      </c>
      <c r="BL8" s="47" t="s">
        <v>49</v>
      </c>
      <c r="BM8" s="47" t="s">
        <v>50</v>
      </c>
      <c r="BN8" s="47" t="s">
        <v>51</v>
      </c>
      <c r="BO8" s="48" t="s">
        <v>45</v>
      </c>
      <c r="BP8" s="680"/>
      <c r="BQ8" s="51" t="s">
        <v>43</v>
      </c>
      <c r="BR8" s="47" t="s">
        <v>44</v>
      </c>
      <c r="BS8" s="326" t="s">
        <v>45</v>
      </c>
      <c r="BT8" s="52" t="s">
        <v>83</v>
      </c>
      <c r="BU8" s="47" t="s">
        <v>47</v>
      </c>
      <c r="BV8" s="47" t="s">
        <v>48</v>
      </c>
      <c r="BW8" s="47" t="s">
        <v>49</v>
      </c>
      <c r="BX8" s="47" t="s">
        <v>50</v>
      </c>
      <c r="BY8" s="47" t="s">
        <v>51</v>
      </c>
      <c r="BZ8" s="48" t="s">
        <v>45</v>
      </c>
      <c r="CA8" s="680"/>
      <c r="CB8" s="51" t="s">
        <v>43</v>
      </c>
      <c r="CC8" s="47" t="s">
        <v>44</v>
      </c>
      <c r="CD8" s="326" t="s">
        <v>45</v>
      </c>
      <c r="CE8" s="52" t="s">
        <v>83</v>
      </c>
      <c r="CF8" s="47" t="s">
        <v>47</v>
      </c>
      <c r="CG8" s="47" t="s">
        <v>48</v>
      </c>
      <c r="CH8" s="47" t="s">
        <v>49</v>
      </c>
      <c r="CI8" s="47" t="s">
        <v>50</v>
      </c>
      <c r="CJ8" s="47" t="s">
        <v>51</v>
      </c>
      <c r="CK8" s="48" t="s">
        <v>45</v>
      </c>
      <c r="CL8" s="704"/>
      <c r="CM8" s="51" t="s">
        <v>43</v>
      </c>
      <c r="CN8" s="47" t="s">
        <v>44</v>
      </c>
      <c r="CO8" s="48" t="s">
        <v>45</v>
      </c>
      <c r="CP8" s="52" t="s">
        <v>83</v>
      </c>
      <c r="CQ8" s="47" t="s">
        <v>47</v>
      </c>
      <c r="CR8" s="47" t="s">
        <v>48</v>
      </c>
      <c r="CS8" s="47" t="s">
        <v>49</v>
      </c>
      <c r="CT8" s="47" t="s">
        <v>50</v>
      </c>
      <c r="CU8" s="47" t="s">
        <v>51</v>
      </c>
      <c r="CV8" s="48" t="s">
        <v>45</v>
      </c>
      <c r="CW8" s="704"/>
      <c r="CX8" s="51" t="s">
        <v>43</v>
      </c>
      <c r="CY8" s="47" t="s">
        <v>44</v>
      </c>
      <c r="CZ8" s="48" t="s">
        <v>45</v>
      </c>
      <c r="DA8" s="52" t="s">
        <v>83</v>
      </c>
      <c r="DB8" s="47" t="s">
        <v>47</v>
      </c>
      <c r="DC8" s="47" t="s">
        <v>48</v>
      </c>
      <c r="DD8" s="47" t="s">
        <v>49</v>
      </c>
      <c r="DE8" s="47" t="s">
        <v>50</v>
      </c>
      <c r="DF8" s="47" t="s">
        <v>51</v>
      </c>
      <c r="DG8" s="48" t="s">
        <v>45</v>
      </c>
      <c r="DH8" s="704"/>
      <c r="DI8" s="51" t="s">
        <v>43</v>
      </c>
      <c r="DJ8" s="47" t="s">
        <v>44</v>
      </c>
      <c r="DK8" s="48" t="s">
        <v>45</v>
      </c>
      <c r="DL8" s="52" t="s">
        <v>83</v>
      </c>
      <c r="DM8" s="47" t="s">
        <v>47</v>
      </c>
      <c r="DN8" s="47" t="s">
        <v>48</v>
      </c>
      <c r="DO8" s="47" t="s">
        <v>49</v>
      </c>
      <c r="DP8" s="47" t="s">
        <v>50</v>
      </c>
      <c r="DQ8" s="47" t="s">
        <v>51</v>
      </c>
      <c r="DR8" s="48" t="s">
        <v>45</v>
      </c>
      <c r="DS8" s="704"/>
      <c r="DT8" s="51" t="s">
        <v>43</v>
      </c>
      <c r="DU8" s="47" t="s">
        <v>44</v>
      </c>
      <c r="DV8" s="326" t="s">
        <v>45</v>
      </c>
      <c r="DW8" s="52" t="s">
        <v>83</v>
      </c>
      <c r="DX8" s="47" t="s">
        <v>47</v>
      </c>
      <c r="DY8" s="47" t="s">
        <v>48</v>
      </c>
      <c r="DZ8" s="47" t="s">
        <v>49</v>
      </c>
      <c r="EA8" s="47" t="s">
        <v>50</v>
      </c>
      <c r="EB8" s="47" t="s">
        <v>51</v>
      </c>
      <c r="EC8" s="48" t="s">
        <v>45</v>
      </c>
      <c r="ED8" s="680"/>
      <c r="EE8" s="51" t="s">
        <v>43</v>
      </c>
      <c r="EF8" s="47" t="s">
        <v>44</v>
      </c>
      <c r="EG8" s="326" t="s">
        <v>45</v>
      </c>
      <c r="EH8" s="52" t="s">
        <v>83</v>
      </c>
      <c r="EI8" s="47" t="s">
        <v>47</v>
      </c>
      <c r="EJ8" s="47" t="s">
        <v>48</v>
      </c>
      <c r="EK8" s="47" t="s">
        <v>49</v>
      </c>
      <c r="EL8" s="47" t="s">
        <v>50</v>
      </c>
      <c r="EM8" s="47" t="s">
        <v>51</v>
      </c>
      <c r="EN8" s="48" t="s">
        <v>45</v>
      </c>
      <c r="EO8" s="680"/>
      <c r="EP8" s="51" t="s">
        <v>43</v>
      </c>
      <c r="EQ8" s="47" t="s">
        <v>44</v>
      </c>
      <c r="ER8" s="326" t="s">
        <v>45</v>
      </c>
      <c r="ES8" s="52" t="s">
        <v>83</v>
      </c>
      <c r="ET8" s="47" t="s">
        <v>47</v>
      </c>
      <c r="EU8" s="47" t="s">
        <v>48</v>
      </c>
      <c r="EV8" s="47" t="s">
        <v>49</v>
      </c>
      <c r="EW8" s="47" t="s">
        <v>50</v>
      </c>
      <c r="EX8" s="47" t="s">
        <v>51</v>
      </c>
      <c r="EY8" s="48" t="s">
        <v>45</v>
      </c>
      <c r="EZ8" s="680"/>
      <c r="FA8" s="51" t="s">
        <v>43</v>
      </c>
      <c r="FB8" s="47" t="s">
        <v>44</v>
      </c>
      <c r="FC8" s="326" t="s">
        <v>45</v>
      </c>
      <c r="FD8" s="52" t="s">
        <v>83</v>
      </c>
      <c r="FE8" s="47" t="s">
        <v>47</v>
      </c>
      <c r="FF8" s="47" t="s">
        <v>48</v>
      </c>
      <c r="FG8" s="47" t="s">
        <v>49</v>
      </c>
      <c r="FH8" s="47" t="s">
        <v>50</v>
      </c>
      <c r="FI8" s="47" t="s">
        <v>51</v>
      </c>
      <c r="FJ8" s="48" t="s">
        <v>45</v>
      </c>
      <c r="FK8" s="680"/>
      <c r="FL8" s="51" t="s">
        <v>43</v>
      </c>
      <c r="FM8" s="47" t="s">
        <v>44</v>
      </c>
      <c r="FN8" s="326" t="s">
        <v>45</v>
      </c>
      <c r="FO8" s="52" t="s">
        <v>83</v>
      </c>
      <c r="FP8" s="47" t="s">
        <v>47</v>
      </c>
      <c r="FQ8" s="47" t="s">
        <v>48</v>
      </c>
      <c r="FR8" s="47" t="s">
        <v>49</v>
      </c>
      <c r="FS8" s="47" t="s">
        <v>50</v>
      </c>
      <c r="FT8" s="47" t="s">
        <v>51</v>
      </c>
      <c r="FU8" s="48" t="s">
        <v>45</v>
      </c>
      <c r="FV8" s="696"/>
      <c r="FW8" s="51" t="s">
        <v>43</v>
      </c>
      <c r="FX8" s="47" t="s">
        <v>44</v>
      </c>
      <c r="FY8" s="326" t="s">
        <v>45</v>
      </c>
      <c r="FZ8" s="52" t="s">
        <v>83</v>
      </c>
      <c r="GA8" s="47" t="s">
        <v>47</v>
      </c>
      <c r="GB8" s="47" t="s">
        <v>48</v>
      </c>
      <c r="GC8" s="47" t="s">
        <v>49</v>
      </c>
      <c r="GD8" s="47" t="s">
        <v>50</v>
      </c>
      <c r="GE8" s="47" t="s">
        <v>51</v>
      </c>
      <c r="GF8" s="48" t="s">
        <v>45</v>
      </c>
      <c r="GG8" s="680"/>
      <c r="GH8" s="51" t="s">
        <v>43</v>
      </c>
      <c r="GI8" s="47" t="s">
        <v>44</v>
      </c>
      <c r="GJ8" s="326" t="s">
        <v>45</v>
      </c>
      <c r="GK8" s="52" t="s">
        <v>83</v>
      </c>
      <c r="GL8" s="47" t="s">
        <v>47</v>
      </c>
      <c r="GM8" s="47" t="s">
        <v>48</v>
      </c>
      <c r="GN8" s="47" t="s">
        <v>49</v>
      </c>
      <c r="GO8" s="47" t="s">
        <v>50</v>
      </c>
      <c r="GP8" s="47" t="s">
        <v>51</v>
      </c>
      <c r="GQ8" s="48" t="s">
        <v>45</v>
      </c>
      <c r="GR8" s="682"/>
      <c r="GS8" s="51" t="s">
        <v>43</v>
      </c>
      <c r="GT8" s="47" t="s">
        <v>44</v>
      </c>
      <c r="GU8" s="326" t="s">
        <v>45</v>
      </c>
      <c r="GV8" s="52" t="s">
        <v>83</v>
      </c>
      <c r="GW8" s="47" t="s">
        <v>47</v>
      </c>
      <c r="GX8" s="47" t="s">
        <v>48</v>
      </c>
      <c r="GY8" s="47" t="s">
        <v>49</v>
      </c>
      <c r="GZ8" s="47" t="s">
        <v>50</v>
      </c>
      <c r="HA8" s="47" t="s">
        <v>51</v>
      </c>
      <c r="HB8" s="48" t="s">
        <v>45</v>
      </c>
      <c r="HC8" s="682"/>
      <c r="HD8" s="51" t="s">
        <v>43</v>
      </c>
      <c r="HE8" s="47" t="s">
        <v>44</v>
      </c>
      <c r="HF8" s="326" t="s">
        <v>45</v>
      </c>
      <c r="HG8" s="52" t="s">
        <v>83</v>
      </c>
      <c r="HH8" s="47" t="s">
        <v>47</v>
      </c>
      <c r="HI8" s="47" t="s">
        <v>48</v>
      </c>
      <c r="HJ8" s="47" t="s">
        <v>49</v>
      </c>
      <c r="HK8" s="47" t="s">
        <v>50</v>
      </c>
      <c r="HL8" s="47" t="s">
        <v>51</v>
      </c>
      <c r="HM8" s="48" t="s">
        <v>45</v>
      </c>
      <c r="HN8" s="680"/>
      <c r="HO8" s="51" t="s">
        <v>43</v>
      </c>
      <c r="HP8" s="47" t="s">
        <v>44</v>
      </c>
      <c r="HQ8" s="326" t="s">
        <v>45</v>
      </c>
      <c r="HR8" s="52" t="s">
        <v>83</v>
      </c>
      <c r="HS8" s="47" t="s">
        <v>47</v>
      </c>
      <c r="HT8" s="47" t="s">
        <v>48</v>
      </c>
      <c r="HU8" s="47" t="s">
        <v>49</v>
      </c>
      <c r="HV8" s="47" t="s">
        <v>50</v>
      </c>
      <c r="HW8" s="47" t="s">
        <v>51</v>
      </c>
      <c r="HX8" s="48" t="s">
        <v>45</v>
      </c>
      <c r="HY8" s="680"/>
      <c r="HZ8" s="368" t="s">
        <v>43</v>
      </c>
      <c r="IA8" s="369" t="s">
        <v>44</v>
      </c>
      <c r="IB8" s="41" t="s">
        <v>45</v>
      </c>
      <c r="IC8" s="42" t="s">
        <v>83</v>
      </c>
      <c r="ID8" s="369" t="s">
        <v>47</v>
      </c>
      <c r="IE8" s="369" t="s">
        <v>48</v>
      </c>
      <c r="IF8" s="369" t="s">
        <v>49</v>
      </c>
      <c r="IG8" s="369" t="s">
        <v>50</v>
      </c>
      <c r="IH8" s="369" t="s">
        <v>51</v>
      </c>
      <c r="II8" s="17" t="s">
        <v>45</v>
      </c>
      <c r="IJ8" s="647"/>
      <c r="IK8" s="368" t="s">
        <v>43</v>
      </c>
      <c r="IL8" s="369" t="s">
        <v>44</v>
      </c>
      <c r="IM8" s="41" t="s">
        <v>45</v>
      </c>
      <c r="IN8" s="42" t="s">
        <v>83</v>
      </c>
      <c r="IO8" s="59" t="s">
        <v>47</v>
      </c>
      <c r="IP8" s="59" t="s">
        <v>48</v>
      </c>
      <c r="IQ8" s="59" t="s">
        <v>49</v>
      </c>
      <c r="IR8" s="59" t="s">
        <v>50</v>
      </c>
      <c r="IS8" s="59" t="s">
        <v>51</v>
      </c>
      <c r="IT8" s="64" t="s">
        <v>45</v>
      </c>
      <c r="IU8" s="657"/>
      <c r="IV8" s="61" t="s">
        <v>43</v>
      </c>
      <c r="IW8" s="59" t="s">
        <v>44</v>
      </c>
      <c r="IX8" s="64" t="s">
        <v>45</v>
      </c>
      <c r="IY8" s="33" t="s">
        <v>83</v>
      </c>
      <c r="IZ8" s="59" t="s">
        <v>47</v>
      </c>
      <c r="JA8" s="59" t="s">
        <v>48</v>
      </c>
      <c r="JB8" s="59" t="s">
        <v>49</v>
      </c>
      <c r="JC8" s="59" t="s">
        <v>50</v>
      </c>
      <c r="JD8" s="59" t="s">
        <v>51</v>
      </c>
      <c r="JE8" s="64" t="s">
        <v>45</v>
      </c>
      <c r="JF8" s="657"/>
      <c r="JG8" s="61" t="s">
        <v>43</v>
      </c>
      <c r="JH8" s="59" t="s">
        <v>44</v>
      </c>
      <c r="JI8" s="60" t="s">
        <v>45</v>
      </c>
      <c r="JJ8" s="33" t="s">
        <v>83</v>
      </c>
      <c r="JK8" s="59" t="s">
        <v>47</v>
      </c>
      <c r="JL8" s="59" t="s">
        <v>48</v>
      </c>
      <c r="JM8" s="59" t="s">
        <v>49</v>
      </c>
      <c r="JN8" s="59" t="s">
        <v>50</v>
      </c>
      <c r="JO8" s="59" t="s">
        <v>51</v>
      </c>
      <c r="JP8" s="64" t="s">
        <v>45</v>
      </c>
      <c r="JQ8" s="650"/>
      <c r="JR8" s="61" t="s">
        <v>43</v>
      </c>
      <c r="JS8" s="59" t="s">
        <v>44</v>
      </c>
      <c r="JT8" s="60" t="s">
        <v>45</v>
      </c>
      <c r="JU8" s="33" t="s">
        <v>83</v>
      </c>
      <c r="JV8" s="59" t="s">
        <v>47</v>
      </c>
      <c r="JW8" s="59" t="s">
        <v>48</v>
      </c>
      <c r="JX8" s="59" t="s">
        <v>49</v>
      </c>
      <c r="JY8" s="59" t="s">
        <v>50</v>
      </c>
      <c r="JZ8" s="59" t="s">
        <v>51</v>
      </c>
      <c r="KA8" s="64" t="s">
        <v>45</v>
      </c>
      <c r="KB8" s="650"/>
      <c r="KC8" s="61" t="s">
        <v>43</v>
      </c>
      <c r="KD8" s="59" t="s">
        <v>44</v>
      </c>
      <c r="KE8" s="60" t="s">
        <v>45</v>
      </c>
      <c r="KF8" s="33" t="s">
        <v>83</v>
      </c>
      <c r="KG8" s="59" t="s">
        <v>47</v>
      </c>
      <c r="KH8" s="59" t="s">
        <v>48</v>
      </c>
      <c r="KI8" s="59" t="s">
        <v>49</v>
      </c>
      <c r="KJ8" s="59" t="s">
        <v>50</v>
      </c>
      <c r="KK8" s="59" t="s">
        <v>51</v>
      </c>
      <c r="KL8" s="64" t="s">
        <v>45</v>
      </c>
      <c r="KM8" s="650"/>
      <c r="KN8" s="61" t="s">
        <v>43</v>
      </c>
      <c r="KO8" s="59" t="s">
        <v>44</v>
      </c>
      <c r="KP8" s="60" t="s">
        <v>45</v>
      </c>
      <c r="KQ8" s="42" t="s">
        <v>83</v>
      </c>
      <c r="KR8" s="59" t="s">
        <v>47</v>
      </c>
      <c r="KS8" s="59" t="s">
        <v>48</v>
      </c>
      <c r="KT8" s="59" t="s">
        <v>49</v>
      </c>
      <c r="KU8" s="59" t="s">
        <v>50</v>
      </c>
      <c r="KV8" s="59" t="s">
        <v>51</v>
      </c>
      <c r="KW8" s="64" t="s">
        <v>45</v>
      </c>
      <c r="KX8" s="650"/>
      <c r="KY8" s="61" t="s">
        <v>43</v>
      </c>
      <c r="KZ8" s="59" t="s">
        <v>44</v>
      </c>
      <c r="LA8" s="60" t="s">
        <v>45</v>
      </c>
      <c r="LB8" s="42" t="s">
        <v>83</v>
      </c>
      <c r="LC8" s="59" t="s">
        <v>47</v>
      </c>
      <c r="LD8" s="59" t="s">
        <v>48</v>
      </c>
      <c r="LE8" s="59" t="s">
        <v>49</v>
      </c>
      <c r="LF8" s="59" t="s">
        <v>50</v>
      </c>
      <c r="LG8" s="59" t="s">
        <v>51</v>
      </c>
      <c r="LH8" s="64" t="s">
        <v>45</v>
      </c>
      <c r="LI8" s="650"/>
      <c r="LJ8" s="61" t="s">
        <v>43</v>
      </c>
      <c r="LK8" s="59" t="s">
        <v>44</v>
      </c>
      <c r="LL8" s="60" t="s">
        <v>45</v>
      </c>
      <c r="LM8" s="42" t="s">
        <v>83</v>
      </c>
      <c r="LN8" s="59" t="s">
        <v>47</v>
      </c>
      <c r="LO8" s="59" t="s">
        <v>48</v>
      </c>
      <c r="LP8" s="59" t="s">
        <v>49</v>
      </c>
      <c r="LQ8" s="59" t="s">
        <v>50</v>
      </c>
      <c r="LR8" s="59" t="s">
        <v>51</v>
      </c>
      <c r="LS8" s="64" t="s">
        <v>45</v>
      </c>
      <c r="LT8" s="650"/>
      <c r="LU8" s="61" t="s">
        <v>43</v>
      </c>
      <c r="LV8" s="59" t="s">
        <v>44</v>
      </c>
      <c r="LW8" s="60" t="s">
        <v>45</v>
      </c>
      <c r="LX8" s="42" t="s">
        <v>83</v>
      </c>
      <c r="LY8" s="59" t="s">
        <v>47</v>
      </c>
      <c r="LZ8" s="59" t="s">
        <v>48</v>
      </c>
      <c r="MA8" s="59" t="s">
        <v>49</v>
      </c>
      <c r="MB8" s="59" t="s">
        <v>50</v>
      </c>
      <c r="MC8" s="59" t="s">
        <v>51</v>
      </c>
      <c r="MD8" s="64" t="s">
        <v>45</v>
      </c>
      <c r="ME8" s="650"/>
      <c r="MF8" s="61" t="s">
        <v>43</v>
      </c>
      <c r="MG8" s="59" t="s">
        <v>44</v>
      </c>
      <c r="MH8" s="60" t="s">
        <v>45</v>
      </c>
      <c r="MI8" s="42" t="s">
        <v>83</v>
      </c>
      <c r="MJ8" s="59" t="s">
        <v>47</v>
      </c>
      <c r="MK8" s="59" t="s">
        <v>48</v>
      </c>
      <c r="ML8" s="59" t="s">
        <v>49</v>
      </c>
      <c r="MM8" s="59" t="s">
        <v>50</v>
      </c>
      <c r="MN8" s="59" t="s">
        <v>51</v>
      </c>
      <c r="MO8" s="64" t="s">
        <v>45</v>
      </c>
      <c r="MP8" s="650"/>
      <c r="MQ8" s="61" t="s">
        <v>43</v>
      </c>
      <c r="MR8" s="59" t="s">
        <v>44</v>
      </c>
      <c r="MS8" s="60" t="s">
        <v>45</v>
      </c>
      <c r="MT8" s="42" t="s">
        <v>83</v>
      </c>
      <c r="MU8" s="59" t="s">
        <v>47</v>
      </c>
      <c r="MV8" s="59" t="s">
        <v>48</v>
      </c>
      <c r="MW8" s="59" t="s">
        <v>49</v>
      </c>
      <c r="MX8" s="59" t="s">
        <v>50</v>
      </c>
      <c r="MY8" s="59" t="s">
        <v>51</v>
      </c>
      <c r="MZ8" s="64" t="s">
        <v>45</v>
      </c>
      <c r="NA8" s="650"/>
      <c r="NB8" s="61" t="s">
        <v>43</v>
      </c>
      <c r="NC8" s="59" t="s">
        <v>44</v>
      </c>
      <c r="ND8" s="60" t="s">
        <v>45</v>
      </c>
      <c r="NE8" s="42" t="s">
        <v>83</v>
      </c>
      <c r="NF8" s="59" t="s">
        <v>47</v>
      </c>
      <c r="NG8" s="59" t="s">
        <v>48</v>
      </c>
      <c r="NH8" s="59" t="s">
        <v>49</v>
      </c>
      <c r="NI8" s="59" t="s">
        <v>50</v>
      </c>
      <c r="NJ8" s="59" t="s">
        <v>51</v>
      </c>
      <c r="NK8" s="64" t="s">
        <v>45</v>
      </c>
      <c r="NL8" s="650"/>
      <c r="NM8" s="61" t="s">
        <v>43</v>
      </c>
      <c r="NN8" s="59" t="s">
        <v>44</v>
      </c>
      <c r="NO8" s="60" t="s">
        <v>45</v>
      </c>
      <c r="NP8" s="42" t="s">
        <v>83</v>
      </c>
      <c r="NQ8" s="59" t="s">
        <v>47</v>
      </c>
      <c r="NR8" s="59" t="s">
        <v>48</v>
      </c>
      <c r="NS8" s="59" t="s">
        <v>49</v>
      </c>
      <c r="NT8" s="59" t="s">
        <v>50</v>
      </c>
      <c r="NU8" s="59" t="s">
        <v>51</v>
      </c>
      <c r="NV8" s="64" t="s">
        <v>45</v>
      </c>
      <c r="NW8" s="650"/>
      <c r="NX8" s="61" t="s">
        <v>43</v>
      </c>
      <c r="NY8" s="59" t="s">
        <v>44</v>
      </c>
      <c r="NZ8" s="60" t="s">
        <v>45</v>
      </c>
      <c r="OA8" s="42" t="s">
        <v>83</v>
      </c>
      <c r="OB8" s="59" t="s">
        <v>47</v>
      </c>
      <c r="OC8" s="59" t="s">
        <v>48</v>
      </c>
      <c r="OD8" s="59" t="s">
        <v>49</v>
      </c>
      <c r="OE8" s="59" t="s">
        <v>50</v>
      </c>
      <c r="OF8" s="59" t="s">
        <v>51</v>
      </c>
      <c r="OG8" s="64" t="s">
        <v>45</v>
      </c>
      <c r="OH8" s="650"/>
      <c r="OI8" s="61" t="s">
        <v>43</v>
      </c>
      <c r="OJ8" s="59" t="s">
        <v>44</v>
      </c>
      <c r="OK8" s="60" t="s">
        <v>45</v>
      </c>
      <c r="OL8" s="33" t="s">
        <v>83</v>
      </c>
      <c r="OM8" s="59" t="s">
        <v>47</v>
      </c>
      <c r="ON8" s="59" t="s">
        <v>48</v>
      </c>
      <c r="OO8" s="59" t="s">
        <v>49</v>
      </c>
      <c r="OP8" s="59" t="s">
        <v>50</v>
      </c>
      <c r="OQ8" s="59" t="s">
        <v>51</v>
      </c>
      <c r="OR8" s="64" t="s">
        <v>45</v>
      </c>
      <c r="OS8" s="650"/>
    </row>
    <row r="9" spans="1:409" s="473" customFormat="1" ht="21" customHeight="1" x14ac:dyDescent="0.2">
      <c r="A9" s="44"/>
      <c r="B9" s="467" t="s">
        <v>4</v>
      </c>
      <c r="C9" s="387">
        <v>2408235</v>
      </c>
      <c r="D9" s="388">
        <v>3384745</v>
      </c>
      <c r="E9" s="389">
        <v>5792980</v>
      </c>
      <c r="F9" s="390">
        <v>0</v>
      </c>
      <c r="G9" s="388">
        <v>3324266</v>
      </c>
      <c r="H9" s="388">
        <v>3118692</v>
      </c>
      <c r="I9" s="388">
        <v>2574413</v>
      </c>
      <c r="J9" s="388">
        <v>1208082</v>
      </c>
      <c r="K9" s="388">
        <v>779625</v>
      </c>
      <c r="L9" s="391">
        <v>11005078</v>
      </c>
      <c r="M9" s="392">
        <v>16798058</v>
      </c>
      <c r="N9" s="387">
        <v>0</v>
      </c>
      <c r="O9" s="388">
        <v>0</v>
      </c>
      <c r="P9" s="393">
        <v>0</v>
      </c>
      <c r="Q9" s="387">
        <v>0</v>
      </c>
      <c r="R9" s="388">
        <v>16694</v>
      </c>
      <c r="S9" s="388">
        <v>0</v>
      </c>
      <c r="T9" s="388">
        <v>0</v>
      </c>
      <c r="U9" s="388">
        <v>0</v>
      </c>
      <c r="V9" s="388">
        <v>0</v>
      </c>
      <c r="W9" s="393">
        <v>16694</v>
      </c>
      <c r="X9" s="392">
        <v>16694</v>
      </c>
      <c r="Y9" s="387">
        <v>0</v>
      </c>
      <c r="Z9" s="388">
        <v>0</v>
      </c>
      <c r="AA9" s="393">
        <v>0</v>
      </c>
      <c r="AB9" s="394">
        <v>0</v>
      </c>
      <c r="AC9" s="395">
        <v>16694</v>
      </c>
      <c r="AD9" s="395">
        <v>0</v>
      </c>
      <c r="AE9" s="395">
        <v>0</v>
      </c>
      <c r="AF9" s="395">
        <v>0</v>
      </c>
      <c r="AG9" s="395">
        <v>0</v>
      </c>
      <c r="AH9" s="393">
        <v>16694</v>
      </c>
      <c r="AI9" s="392">
        <v>16694</v>
      </c>
      <c r="AJ9" s="396">
        <v>0</v>
      </c>
      <c r="AK9" s="395">
        <v>0</v>
      </c>
      <c r="AL9" s="393">
        <v>0</v>
      </c>
      <c r="AM9" s="394">
        <v>0</v>
      </c>
      <c r="AN9" s="395">
        <v>0</v>
      </c>
      <c r="AO9" s="391">
        <v>0</v>
      </c>
      <c r="AP9" s="395">
        <v>0</v>
      </c>
      <c r="AQ9" s="395">
        <v>0</v>
      </c>
      <c r="AR9" s="395">
        <v>0</v>
      </c>
      <c r="AS9" s="393">
        <v>0</v>
      </c>
      <c r="AT9" s="392">
        <v>0</v>
      </c>
      <c r="AU9" s="396">
        <v>0</v>
      </c>
      <c r="AV9" s="395">
        <v>0</v>
      </c>
      <c r="AW9" s="393">
        <v>0</v>
      </c>
      <c r="AX9" s="394">
        <v>0</v>
      </c>
      <c r="AY9" s="395">
        <v>0</v>
      </c>
      <c r="AZ9" s="395">
        <v>0</v>
      </c>
      <c r="BA9" s="395">
        <v>0</v>
      </c>
      <c r="BB9" s="395">
        <v>0</v>
      </c>
      <c r="BC9" s="395">
        <v>0</v>
      </c>
      <c r="BD9" s="393">
        <v>0</v>
      </c>
      <c r="BE9" s="397">
        <v>0</v>
      </c>
      <c r="BF9" s="396">
        <v>0</v>
      </c>
      <c r="BG9" s="391">
        <v>0</v>
      </c>
      <c r="BH9" s="398">
        <v>0</v>
      </c>
      <c r="BI9" s="394">
        <v>0</v>
      </c>
      <c r="BJ9" s="395">
        <v>0</v>
      </c>
      <c r="BK9" s="395">
        <v>0</v>
      </c>
      <c r="BL9" s="395">
        <v>0</v>
      </c>
      <c r="BM9" s="395">
        <v>0</v>
      </c>
      <c r="BN9" s="395">
        <v>0</v>
      </c>
      <c r="BO9" s="393">
        <v>0</v>
      </c>
      <c r="BP9" s="392">
        <v>0</v>
      </c>
      <c r="BQ9" s="396">
        <v>0</v>
      </c>
      <c r="BR9" s="395">
        <v>0</v>
      </c>
      <c r="BS9" s="393">
        <v>0</v>
      </c>
      <c r="BT9" s="394">
        <v>0</v>
      </c>
      <c r="BU9" s="395">
        <v>0</v>
      </c>
      <c r="BV9" s="395">
        <v>0</v>
      </c>
      <c r="BW9" s="395">
        <v>0</v>
      </c>
      <c r="BX9" s="395">
        <v>0</v>
      </c>
      <c r="BY9" s="395">
        <v>0</v>
      </c>
      <c r="BZ9" s="393">
        <v>0</v>
      </c>
      <c r="CA9" s="392">
        <v>0</v>
      </c>
      <c r="CB9" s="396">
        <v>0</v>
      </c>
      <c r="CC9" s="395">
        <v>0</v>
      </c>
      <c r="CD9" s="393">
        <v>0</v>
      </c>
      <c r="CE9" s="394">
        <v>0</v>
      </c>
      <c r="CF9" s="395">
        <v>0</v>
      </c>
      <c r="CG9" s="395">
        <v>0</v>
      </c>
      <c r="CH9" s="399">
        <v>0</v>
      </c>
      <c r="CI9" s="395">
        <v>0</v>
      </c>
      <c r="CJ9" s="395">
        <v>0</v>
      </c>
      <c r="CK9" s="393">
        <v>0</v>
      </c>
      <c r="CL9" s="392">
        <v>0</v>
      </c>
      <c r="CM9" s="387">
        <v>0</v>
      </c>
      <c r="CN9" s="388">
        <v>0</v>
      </c>
      <c r="CO9" s="393">
        <v>0</v>
      </c>
      <c r="CP9" s="394">
        <v>0</v>
      </c>
      <c r="CQ9" s="395">
        <v>0</v>
      </c>
      <c r="CR9" s="395">
        <v>0</v>
      </c>
      <c r="CS9" s="395">
        <v>0</v>
      </c>
      <c r="CT9" s="395">
        <v>0</v>
      </c>
      <c r="CU9" s="395">
        <v>0</v>
      </c>
      <c r="CV9" s="400">
        <v>0</v>
      </c>
      <c r="CW9" s="392">
        <v>0</v>
      </c>
      <c r="CX9" s="396">
        <v>0</v>
      </c>
      <c r="CY9" s="395">
        <v>0</v>
      </c>
      <c r="CZ9" s="393">
        <v>0</v>
      </c>
      <c r="DA9" s="394">
        <v>0</v>
      </c>
      <c r="DB9" s="395">
        <v>0</v>
      </c>
      <c r="DC9" s="395">
        <v>0</v>
      </c>
      <c r="DD9" s="395">
        <v>0</v>
      </c>
      <c r="DE9" s="395">
        <v>0</v>
      </c>
      <c r="DF9" s="395">
        <v>0</v>
      </c>
      <c r="DG9" s="393">
        <v>0</v>
      </c>
      <c r="DH9" s="392">
        <v>0</v>
      </c>
      <c r="DI9" s="396">
        <v>0</v>
      </c>
      <c r="DJ9" s="395">
        <v>0</v>
      </c>
      <c r="DK9" s="398">
        <v>0</v>
      </c>
      <c r="DL9" s="394">
        <v>0</v>
      </c>
      <c r="DM9" s="395">
        <v>0</v>
      </c>
      <c r="DN9" s="395">
        <v>0</v>
      </c>
      <c r="DO9" s="395">
        <v>0</v>
      </c>
      <c r="DP9" s="395">
        <v>0</v>
      </c>
      <c r="DQ9" s="395">
        <v>0</v>
      </c>
      <c r="DR9" s="401">
        <v>0</v>
      </c>
      <c r="DS9" s="392">
        <v>0</v>
      </c>
      <c r="DT9" s="396">
        <v>0</v>
      </c>
      <c r="DU9" s="395">
        <v>0</v>
      </c>
      <c r="DV9" s="393">
        <v>0</v>
      </c>
      <c r="DW9" s="394">
        <v>0</v>
      </c>
      <c r="DX9" s="395">
        <v>0</v>
      </c>
      <c r="DY9" s="395">
        <v>0</v>
      </c>
      <c r="DZ9" s="395">
        <v>0</v>
      </c>
      <c r="EA9" s="395">
        <v>0</v>
      </c>
      <c r="EB9" s="395">
        <v>0</v>
      </c>
      <c r="EC9" s="393">
        <v>0</v>
      </c>
      <c r="ED9" s="392">
        <v>0</v>
      </c>
      <c r="EE9" s="396">
        <v>0</v>
      </c>
      <c r="EF9" s="391">
        <v>0</v>
      </c>
      <c r="EG9" s="393">
        <v>0</v>
      </c>
      <c r="EH9" s="397">
        <v>0</v>
      </c>
      <c r="EI9" s="395">
        <v>0</v>
      </c>
      <c r="EJ9" s="395">
        <v>0</v>
      </c>
      <c r="EK9" s="395">
        <v>0</v>
      </c>
      <c r="EL9" s="395">
        <v>0</v>
      </c>
      <c r="EM9" s="399">
        <v>0</v>
      </c>
      <c r="EN9" s="391">
        <v>0</v>
      </c>
      <c r="EO9" s="392">
        <v>0</v>
      </c>
      <c r="EP9" s="396">
        <v>0</v>
      </c>
      <c r="EQ9" s="395">
        <v>0</v>
      </c>
      <c r="ER9" s="391">
        <v>0</v>
      </c>
      <c r="ES9" s="394">
        <v>0</v>
      </c>
      <c r="ET9" s="395">
        <v>0</v>
      </c>
      <c r="EU9" s="395">
        <v>0</v>
      </c>
      <c r="EV9" s="395">
        <v>0</v>
      </c>
      <c r="EW9" s="395">
        <v>0</v>
      </c>
      <c r="EX9" s="395">
        <v>0</v>
      </c>
      <c r="EY9" s="400">
        <v>0</v>
      </c>
      <c r="EZ9" s="392">
        <v>0</v>
      </c>
      <c r="FA9" s="396">
        <v>0</v>
      </c>
      <c r="FB9" s="395">
        <v>0</v>
      </c>
      <c r="FC9" s="391">
        <v>0</v>
      </c>
      <c r="FD9" s="402"/>
      <c r="FE9" s="395">
        <v>0</v>
      </c>
      <c r="FF9" s="395">
        <v>0</v>
      </c>
      <c r="FG9" s="395">
        <v>0</v>
      </c>
      <c r="FH9" s="395">
        <v>0</v>
      </c>
      <c r="FI9" s="395">
        <v>0</v>
      </c>
      <c r="FJ9" s="400">
        <v>0</v>
      </c>
      <c r="FK9" s="392">
        <v>0</v>
      </c>
      <c r="FL9" s="396">
        <v>2408235</v>
      </c>
      <c r="FM9" s="395">
        <v>3384745</v>
      </c>
      <c r="FN9" s="393">
        <v>5792980</v>
      </c>
      <c r="FO9" s="394">
        <v>0</v>
      </c>
      <c r="FP9" s="395">
        <v>3307572</v>
      </c>
      <c r="FQ9" s="395">
        <v>3118692</v>
      </c>
      <c r="FR9" s="395">
        <v>2574413</v>
      </c>
      <c r="FS9" s="395">
        <v>1208082</v>
      </c>
      <c r="FT9" s="395">
        <v>779625</v>
      </c>
      <c r="FU9" s="393">
        <v>10988384</v>
      </c>
      <c r="FV9" s="392">
        <v>16781364</v>
      </c>
      <c r="FW9" s="396">
        <v>0</v>
      </c>
      <c r="FX9" s="395">
        <v>21420</v>
      </c>
      <c r="FY9" s="391">
        <v>21420</v>
      </c>
      <c r="FZ9" s="397">
        <v>0</v>
      </c>
      <c r="GA9" s="395">
        <v>0</v>
      </c>
      <c r="GB9" s="403">
        <v>24654</v>
      </c>
      <c r="GC9" s="395">
        <v>0</v>
      </c>
      <c r="GD9" s="403">
        <v>0</v>
      </c>
      <c r="GE9" s="395">
        <v>0</v>
      </c>
      <c r="GF9" s="400">
        <v>24654</v>
      </c>
      <c r="GG9" s="404">
        <v>46074</v>
      </c>
      <c r="GH9" s="405">
        <v>221840</v>
      </c>
      <c r="GI9" s="395">
        <v>514304</v>
      </c>
      <c r="GJ9" s="403">
        <v>736144</v>
      </c>
      <c r="GK9" s="390">
        <v>0</v>
      </c>
      <c r="GL9" s="395">
        <v>718433</v>
      </c>
      <c r="GM9" s="391">
        <v>965975</v>
      </c>
      <c r="GN9" s="395">
        <v>697907</v>
      </c>
      <c r="GO9" s="391">
        <v>609220</v>
      </c>
      <c r="GP9" s="395">
        <v>271285</v>
      </c>
      <c r="GQ9" s="401">
        <v>3262820</v>
      </c>
      <c r="GR9" s="392">
        <v>3998964</v>
      </c>
      <c r="GS9" s="391">
        <v>2186395</v>
      </c>
      <c r="GT9" s="395">
        <v>2849021</v>
      </c>
      <c r="GU9" s="393">
        <v>5035416</v>
      </c>
      <c r="GV9" s="391">
        <v>0</v>
      </c>
      <c r="GW9" s="395">
        <v>2589139</v>
      </c>
      <c r="GX9" s="391">
        <v>2128063</v>
      </c>
      <c r="GY9" s="395">
        <v>1876506</v>
      </c>
      <c r="GZ9" s="391">
        <v>598862</v>
      </c>
      <c r="HA9" s="395">
        <v>508340</v>
      </c>
      <c r="HB9" s="391">
        <v>7700910</v>
      </c>
      <c r="HC9" s="392">
        <v>12736326</v>
      </c>
      <c r="HD9" s="391">
        <v>0</v>
      </c>
      <c r="HE9" s="395">
        <v>0</v>
      </c>
      <c r="HF9" s="391">
        <v>0</v>
      </c>
      <c r="HG9" s="397">
        <v>0</v>
      </c>
      <c r="HH9" s="395">
        <v>0</v>
      </c>
      <c r="HI9" s="403">
        <v>0</v>
      </c>
      <c r="HJ9" s="395">
        <v>0</v>
      </c>
      <c r="HK9" s="403">
        <v>0</v>
      </c>
      <c r="HL9" s="395">
        <v>0</v>
      </c>
      <c r="HM9" s="400">
        <v>0</v>
      </c>
      <c r="HN9" s="391">
        <v>0</v>
      </c>
      <c r="HO9" s="468"/>
      <c r="HP9" s="469"/>
      <c r="HQ9" s="470"/>
      <c r="HR9" s="471"/>
      <c r="HS9" s="469"/>
      <c r="HT9" s="471"/>
      <c r="HU9" s="469"/>
      <c r="HV9" s="471"/>
      <c r="HW9" s="469"/>
      <c r="HX9" s="471"/>
      <c r="HY9" s="472"/>
      <c r="HZ9" s="406">
        <v>0</v>
      </c>
      <c r="IA9" s="407">
        <v>0</v>
      </c>
      <c r="IB9" s="408">
        <v>0</v>
      </c>
      <c r="IC9" s="409">
        <v>0</v>
      </c>
      <c r="ID9" s="407">
        <v>0</v>
      </c>
      <c r="IE9" s="410">
        <v>0</v>
      </c>
      <c r="IF9" s="411">
        <v>0</v>
      </c>
      <c r="IG9" s="407">
        <v>0</v>
      </c>
      <c r="IH9" s="411">
        <v>0</v>
      </c>
      <c r="II9" s="412">
        <v>0</v>
      </c>
      <c r="IJ9" s="413">
        <v>0</v>
      </c>
      <c r="IK9" s="414">
        <v>0</v>
      </c>
      <c r="IL9" s="415">
        <v>0</v>
      </c>
      <c r="IM9" s="416">
        <v>0</v>
      </c>
      <c r="IN9" s="417"/>
      <c r="IO9" s="418">
        <v>0</v>
      </c>
      <c r="IP9" s="418">
        <v>0</v>
      </c>
      <c r="IQ9" s="418">
        <v>0</v>
      </c>
      <c r="IR9" s="418">
        <v>0</v>
      </c>
      <c r="IS9" s="418">
        <v>0</v>
      </c>
      <c r="IT9" s="419">
        <v>0</v>
      </c>
      <c r="IU9" s="420">
        <v>0</v>
      </c>
      <c r="IV9" s="421">
        <v>0</v>
      </c>
      <c r="IW9" s="418">
        <v>0</v>
      </c>
      <c r="IX9" s="422">
        <v>0</v>
      </c>
      <c r="IY9" s="423"/>
      <c r="IZ9" s="418">
        <v>0</v>
      </c>
      <c r="JA9" s="418">
        <v>0</v>
      </c>
      <c r="JB9" s="418">
        <v>0</v>
      </c>
      <c r="JC9" s="418">
        <v>0</v>
      </c>
      <c r="JD9" s="418">
        <v>0</v>
      </c>
      <c r="JE9" s="422">
        <v>0</v>
      </c>
      <c r="JF9" s="424">
        <v>0</v>
      </c>
      <c r="JG9" s="421">
        <v>0</v>
      </c>
      <c r="JH9" s="418">
        <v>0</v>
      </c>
      <c r="JI9" s="419">
        <v>0</v>
      </c>
      <c r="JJ9" s="425">
        <v>0</v>
      </c>
      <c r="JK9" s="418">
        <v>0</v>
      </c>
      <c r="JL9" s="418">
        <v>0</v>
      </c>
      <c r="JM9" s="418">
        <v>0</v>
      </c>
      <c r="JN9" s="418">
        <v>0</v>
      </c>
      <c r="JO9" s="418">
        <v>0</v>
      </c>
      <c r="JP9" s="422">
        <v>0</v>
      </c>
      <c r="JQ9" s="420">
        <v>0</v>
      </c>
      <c r="JR9" s="421">
        <v>0</v>
      </c>
      <c r="JS9" s="418">
        <v>0</v>
      </c>
      <c r="JT9" s="419">
        <v>0</v>
      </c>
      <c r="JU9" s="425">
        <v>0</v>
      </c>
      <c r="JV9" s="418">
        <v>0</v>
      </c>
      <c r="JW9" s="418">
        <v>0</v>
      </c>
      <c r="JX9" s="418">
        <v>0</v>
      </c>
      <c r="JY9" s="418">
        <v>0</v>
      </c>
      <c r="JZ9" s="418">
        <v>0</v>
      </c>
      <c r="KA9" s="422">
        <v>0</v>
      </c>
      <c r="KB9" s="420">
        <v>0</v>
      </c>
      <c r="KC9" s="426">
        <v>0</v>
      </c>
      <c r="KD9" s="427">
        <v>0</v>
      </c>
      <c r="KE9" s="422">
        <v>0</v>
      </c>
      <c r="KF9" s="425">
        <v>0</v>
      </c>
      <c r="KG9" s="418">
        <v>0</v>
      </c>
      <c r="KH9" s="418">
        <v>0</v>
      </c>
      <c r="KI9" s="418">
        <v>0</v>
      </c>
      <c r="KJ9" s="418">
        <v>0</v>
      </c>
      <c r="KK9" s="418">
        <v>0</v>
      </c>
      <c r="KL9" s="422">
        <v>0</v>
      </c>
      <c r="KM9" s="428">
        <v>0</v>
      </c>
      <c r="KN9" s="414">
        <v>0</v>
      </c>
      <c r="KO9" s="415">
        <v>0</v>
      </c>
      <c r="KP9" s="416">
        <v>0</v>
      </c>
      <c r="KQ9" s="417"/>
      <c r="KR9" s="418">
        <v>0</v>
      </c>
      <c r="KS9" s="418">
        <v>0</v>
      </c>
      <c r="KT9" s="418">
        <v>0</v>
      </c>
      <c r="KU9" s="418">
        <v>0</v>
      </c>
      <c r="KV9" s="418">
        <v>0</v>
      </c>
      <c r="KW9" s="422">
        <v>0</v>
      </c>
      <c r="KX9" s="420">
        <v>0</v>
      </c>
      <c r="KY9" s="421">
        <v>0</v>
      </c>
      <c r="KZ9" s="418">
        <v>0</v>
      </c>
      <c r="LA9" s="422">
        <v>0</v>
      </c>
      <c r="LB9" s="429"/>
      <c r="LC9" s="418">
        <v>0</v>
      </c>
      <c r="LD9" s="418">
        <v>0</v>
      </c>
      <c r="LE9" s="418">
        <v>0</v>
      </c>
      <c r="LF9" s="418">
        <v>0</v>
      </c>
      <c r="LG9" s="418">
        <v>0</v>
      </c>
      <c r="LH9" s="422">
        <v>0</v>
      </c>
      <c r="LI9" s="424">
        <v>0</v>
      </c>
      <c r="LJ9" s="421">
        <v>0</v>
      </c>
      <c r="LK9" s="418">
        <v>0</v>
      </c>
      <c r="LL9" s="422">
        <v>0</v>
      </c>
      <c r="LM9" s="429"/>
      <c r="LN9" s="418">
        <v>0</v>
      </c>
      <c r="LO9" s="418">
        <v>0</v>
      </c>
      <c r="LP9" s="418">
        <v>0</v>
      </c>
      <c r="LQ9" s="418">
        <v>0</v>
      </c>
      <c r="LR9" s="418">
        <v>0</v>
      </c>
      <c r="LS9" s="422">
        <v>0</v>
      </c>
      <c r="LT9" s="420">
        <v>0</v>
      </c>
      <c r="LU9" s="421">
        <v>0</v>
      </c>
      <c r="LV9" s="418">
        <v>0</v>
      </c>
      <c r="LW9" s="422">
        <v>0</v>
      </c>
      <c r="LX9" s="429"/>
      <c r="LY9" s="418">
        <v>0</v>
      </c>
      <c r="LZ9" s="418">
        <v>0</v>
      </c>
      <c r="MA9" s="418">
        <v>0</v>
      </c>
      <c r="MB9" s="418">
        <v>0</v>
      </c>
      <c r="MC9" s="418">
        <v>0</v>
      </c>
      <c r="MD9" s="422">
        <v>0</v>
      </c>
      <c r="ME9" s="424">
        <v>0</v>
      </c>
      <c r="MF9" s="421">
        <v>0</v>
      </c>
      <c r="MG9" s="418">
        <v>0</v>
      </c>
      <c r="MH9" s="422">
        <v>0</v>
      </c>
      <c r="MI9" s="429"/>
      <c r="MJ9" s="418">
        <v>0</v>
      </c>
      <c r="MK9" s="418">
        <v>0</v>
      </c>
      <c r="ML9" s="418">
        <v>0</v>
      </c>
      <c r="MM9" s="418">
        <v>0</v>
      </c>
      <c r="MN9" s="418">
        <v>0</v>
      </c>
      <c r="MO9" s="422">
        <v>0</v>
      </c>
      <c r="MP9" s="428">
        <v>0</v>
      </c>
      <c r="MQ9" s="421">
        <v>0</v>
      </c>
      <c r="MR9" s="418">
        <v>0</v>
      </c>
      <c r="MS9" s="422">
        <v>0</v>
      </c>
      <c r="MT9" s="429"/>
      <c r="MU9" s="418">
        <v>0</v>
      </c>
      <c r="MV9" s="418">
        <v>0</v>
      </c>
      <c r="MW9" s="418">
        <v>0</v>
      </c>
      <c r="MX9" s="418">
        <v>0</v>
      </c>
      <c r="MY9" s="418">
        <v>0</v>
      </c>
      <c r="MZ9" s="422">
        <v>0</v>
      </c>
      <c r="NA9" s="428">
        <v>0</v>
      </c>
      <c r="NB9" s="421">
        <v>0</v>
      </c>
      <c r="NC9" s="418">
        <v>0</v>
      </c>
      <c r="ND9" s="422">
        <v>0</v>
      </c>
      <c r="NE9" s="429"/>
      <c r="NF9" s="418">
        <v>0</v>
      </c>
      <c r="NG9" s="418">
        <v>0</v>
      </c>
      <c r="NH9" s="418">
        <v>0</v>
      </c>
      <c r="NI9" s="418">
        <v>0</v>
      </c>
      <c r="NJ9" s="418">
        <v>0</v>
      </c>
      <c r="NK9" s="422">
        <v>0</v>
      </c>
      <c r="NL9" s="420">
        <v>0</v>
      </c>
      <c r="NM9" s="421">
        <v>0</v>
      </c>
      <c r="NN9" s="418">
        <v>0</v>
      </c>
      <c r="NO9" s="422">
        <v>0</v>
      </c>
      <c r="NP9" s="429"/>
      <c r="NQ9" s="418">
        <v>0</v>
      </c>
      <c r="NR9" s="418">
        <v>0</v>
      </c>
      <c r="NS9" s="418">
        <v>0</v>
      </c>
      <c r="NT9" s="418">
        <v>0</v>
      </c>
      <c r="NU9" s="418">
        <v>0</v>
      </c>
      <c r="NV9" s="422">
        <v>0</v>
      </c>
      <c r="NW9" s="424">
        <v>0</v>
      </c>
      <c r="NX9" s="421">
        <v>0</v>
      </c>
      <c r="NY9" s="418">
        <v>0</v>
      </c>
      <c r="NZ9" s="422">
        <v>0</v>
      </c>
      <c r="OA9" s="429"/>
      <c r="OB9" s="418">
        <v>0</v>
      </c>
      <c r="OC9" s="418">
        <v>0</v>
      </c>
      <c r="OD9" s="418">
        <v>0</v>
      </c>
      <c r="OE9" s="418">
        <v>0</v>
      </c>
      <c r="OF9" s="418">
        <v>0</v>
      </c>
      <c r="OG9" s="422">
        <v>0</v>
      </c>
      <c r="OH9" s="424">
        <v>0</v>
      </c>
      <c r="OI9" s="421">
        <v>2408235</v>
      </c>
      <c r="OJ9" s="418">
        <v>3384745</v>
      </c>
      <c r="OK9" s="419">
        <v>5792980</v>
      </c>
      <c r="OL9" s="425">
        <v>0</v>
      </c>
      <c r="OM9" s="418">
        <v>3324266</v>
      </c>
      <c r="ON9" s="418">
        <v>3118692</v>
      </c>
      <c r="OO9" s="418">
        <v>2574413</v>
      </c>
      <c r="OP9" s="418">
        <v>1208082</v>
      </c>
      <c r="OQ9" s="418">
        <v>779625</v>
      </c>
      <c r="OR9" s="422">
        <v>11005078</v>
      </c>
      <c r="OS9" s="428">
        <v>16798058</v>
      </c>
    </row>
    <row r="10" spans="1:409" s="473" customFormat="1" ht="21" customHeight="1" x14ac:dyDescent="0.2">
      <c r="A10" s="44"/>
      <c r="B10" s="474" t="s">
        <v>5</v>
      </c>
      <c r="C10" s="432">
        <v>1168485</v>
      </c>
      <c r="D10" s="433">
        <v>2039639</v>
      </c>
      <c r="E10" s="434">
        <v>3208124</v>
      </c>
      <c r="F10" s="435">
        <v>0</v>
      </c>
      <c r="G10" s="433">
        <v>1487029</v>
      </c>
      <c r="H10" s="433">
        <v>1466261</v>
      </c>
      <c r="I10" s="433">
        <v>1236605</v>
      </c>
      <c r="J10" s="433">
        <v>304951</v>
      </c>
      <c r="K10" s="433">
        <v>123935</v>
      </c>
      <c r="L10" s="435">
        <v>4618781</v>
      </c>
      <c r="M10" s="436">
        <v>7826905</v>
      </c>
      <c r="N10" s="432">
        <v>0</v>
      </c>
      <c r="O10" s="433">
        <v>0</v>
      </c>
      <c r="P10" s="434">
        <v>0</v>
      </c>
      <c r="Q10" s="432">
        <v>0</v>
      </c>
      <c r="R10" s="433">
        <v>16694</v>
      </c>
      <c r="S10" s="433">
        <v>0</v>
      </c>
      <c r="T10" s="433">
        <v>0</v>
      </c>
      <c r="U10" s="433">
        <v>0</v>
      </c>
      <c r="V10" s="433">
        <v>0</v>
      </c>
      <c r="W10" s="434">
        <v>16694</v>
      </c>
      <c r="X10" s="436">
        <v>16694</v>
      </c>
      <c r="Y10" s="432">
        <v>0</v>
      </c>
      <c r="Z10" s="433">
        <v>0</v>
      </c>
      <c r="AA10" s="434">
        <v>0</v>
      </c>
      <c r="AB10" s="432">
        <v>0</v>
      </c>
      <c r="AC10" s="433">
        <v>16694</v>
      </c>
      <c r="AD10" s="433">
        <v>0</v>
      </c>
      <c r="AE10" s="433">
        <v>0</v>
      </c>
      <c r="AF10" s="433">
        <v>0</v>
      </c>
      <c r="AG10" s="433">
        <v>0</v>
      </c>
      <c r="AH10" s="434">
        <v>16694</v>
      </c>
      <c r="AI10" s="436">
        <v>16694</v>
      </c>
      <c r="AJ10" s="432">
        <v>0</v>
      </c>
      <c r="AK10" s="433">
        <v>0</v>
      </c>
      <c r="AL10" s="434">
        <v>0</v>
      </c>
      <c r="AM10" s="432">
        <v>0</v>
      </c>
      <c r="AN10" s="433">
        <v>0</v>
      </c>
      <c r="AO10" s="433">
        <v>0</v>
      </c>
      <c r="AP10" s="433">
        <v>0</v>
      </c>
      <c r="AQ10" s="433">
        <v>0</v>
      </c>
      <c r="AR10" s="433">
        <v>0</v>
      </c>
      <c r="AS10" s="434">
        <v>0</v>
      </c>
      <c r="AT10" s="436">
        <v>0</v>
      </c>
      <c r="AU10" s="432">
        <v>0</v>
      </c>
      <c r="AV10" s="433">
        <v>0</v>
      </c>
      <c r="AW10" s="434">
        <v>0</v>
      </c>
      <c r="AX10" s="432">
        <v>0</v>
      </c>
      <c r="AY10" s="433">
        <v>0</v>
      </c>
      <c r="AZ10" s="433">
        <v>0</v>
      </c>
      <c r="BA10" s="433">
        <v>0</v>
      </c>
      <c r="BB10" s="433">
        <v>0</v>
      </c>
      <c r="BC10" s="433">
        <v>0</v>
      </c>
      <c r="BD10" s="434">
        <v>0</v>
      </c>
      <c r="BE10" s="436">
        <v>0</v>
      </c>
      <c r="BF10" s="432">
        <v>0</v>
      </c>
      <c r="BG10" s="433">
        <v>0</v>
      </c>
      <c r="BH10" s="437">
        <v>0</v>
      </c>
      <c r="BI10" s="438">
        <v>0</v>
      </c>
      <c r="BJ10" s="433">
        <v>0</v>
      </c>
      <c r="BK10" s="433">
        <v>0</v>
      </c>
      <c r="BL10" s="433">
        <v>0</v>
      </c>
      <c r="BM10" s="433">
        <v>0</v>
      </c>
      <c r="BN10" s="433">
        <v>0</v>
      </c>
      <c r="BO10" s="434">
        <v>0</v>
      </c>
      <c r="BP10" s="436">
        <v>0</v>
      </c>
      <c r="BQ10" s="432">
        <v>0</v>
      </c>
      <c r="BR10" s="433">
        <v>0</v>
      </c>
      <c r="BS10" s="434">
        <v>0</v>
      </c>
      <c r="BT10" s="432">
        <v>0</v>
      </c>
      <c r="BU10" s="433">
        <v>0</v>
      </c>
      <c r="BV10" s="433">
        <v>0</v>
      </c>
      <c r="BW10" s="433">
        <v>0</v>
      </c>
      <c r="BX10" s="433">
        <v>0</v>
      </c>
      <c r="BY10" s="433">
        <v>0</v>
      </c>
      <c r="BZ10" s="434">
        <v>0</v>
      </c>
      <c r="CA10" s="436">
        <v>0</v>
      </c>
      <c r="CB10" s="432">
        <v>0</v>
      </c>
      <c r="CC10" s="433">
        <v>0</v>
      </c>
      <c r="CD10" s="434">
        <v>0</v>
      </c>
      <c r="CE10" s="432">
        <v>0</v>
      </c>
      <c r="CF10" s="433">
        <v>0</v>
      </c>
      <c r="CG10" s="433">
        <v>0</v>
      </c>
      <c r="CH10" s="433">
        <v>0</v>
      </c>
      <c r="CI10" s="433">
        <v>0</v>
      </c>
      <c r="CJ10" s="433">
        <v>0</v>
      </c>
      <c r="CK10" s="434">
        <v>0</v>
      </c>
      <c r="CL10" s="436">
        <v>0</v>
      </c>
      <c r="CM10" s="432">
        <v>0</v>
      </c>
      <c r="CN10" s="433">
        <v>0</v>
      </c>
      <c r="CO10" s="434">
        <v>0</v>
      </c>
      <c r="CP10" s="438">
        <v>0</v>
      </c>
      <c r="CQ10" s="433">
        <v>0</v>
      </c>
      <c r="CR10" s="433">
        <v>0</v>
      </c>
      <c r="CS10" s="433">
        <v>0</v>
      </c>
      <c r="CT10" s="433">
        <v>0</v>
      </c>
      <c r="CU10" s="433">
        <v>0</v>
      </c>
      <c r="CV10" s="434">
        <v>0</v>
      </c>
      <c r="CW10" s="436">
        <v>0</v>
      </c>
      <c r="CX10" s="432">
        <v>0</v>
      </c>
      <c r="CY10" s="433">
        <v>0</v>
      </c>
      <c r="CZ10" s="434">
        <v>0</v>
      </c>
      <c r="DA10" s="432">
        <v>0</v>
      </c>
      <c r="DB10" s="433">
        <v>0</v>
      </c>
      <c r="DC10" s="433">
        <v>0</v>
      </c>
      <c r="DD10" s="433">
        <v>0</v>
      </c>
      <c r="DE10" s="433">
        <v>0</v>
      </c>
      <c r="DF10" s="433">
        <v>0</v>
      </c>
      <c r="DG10" s="434">
        <v>0</v>
      </c>
      <c r="DH10" s="436">
        <v>0</v>
      </c>
      <c r="DI10" s="432">
        <v>0</v>
      </c>
      <c r="DJ10" s="433">
        <v>0</v>
      </c>
      <c r="DK10" s="437">
        <v>0</v>
      </c>
      <c r="DL10" s="438">
        <v>0</v>
      </c>
      <c r="DM10" s="433">
        <v>0</v>
      </c>
      <c r="DN10" s="433">
        <v>0</v>
      </c>
      <c r="DO10" s="433">
        <v>0</v>
      </c>
      <c r="DP10" s="433">
        <v>0</v>
      </c>
      <c r="DQ10" s="433">
        <v>0</v>
      </c>
      <c r="DR10" s="434">
        <v>0</v>
      </c>
      <c r="DS10" s="436">
        <v>0</v>
      </c>
      <c r="DT10" s="432">
        <v>0</v>
      </c>
      <c r="DU10" s="433">
        <v>0</v>
      </c>
      <c r="DV10" s="434">
        <v>0</v>
      </c>
      <c r="DW10" s="432">
        <v>0</v>
      </c>
      <c r="DX10" s="433">
        <v>0</v>
      </c>
      <c r="DY10" s="433">
        <v>0</v>
      </c>
      <c r="DZ10" s="433">
        <v>0</v>
      </c>
      <c r="EA10" s="433">
        <v>0</v>
      </c>
      <c r="EB10" s="433">
        <v>0</v>
      </c>
      <c r="EC10" s="434">
        <v>0</v>
      </c>
      <c r="ED10" s="436">
        <v>0</v>
      </c>
      <c r="EE10" s="432">
        <v>0</v>
      </c>
      <c r="EF10" s="437">
        <v>0</v>
      </c>
      <c r="EG10" s="434">
        <v>0</v>
      </c>
      <c r="EH10" s="432">
        <v>0</v>
      </c>
      <c r="EI10" s="433">
        <v>0</v>
      </c>
      <c r="EJ10" s="433">
        <v>0</v>
      </c>
      <c r="EK10" s="433">
        <v>0</v>
      </c>
      <c r="EL10" s="433">
        <v>0</v>
      </c>
      <c r="EM10" s="433">
        <v>0</v>
      </c>
      <c r="EN10" s="437">
        <v>0</v>
      </c>
      <c r="EO10" s="436">
        <v>0</v>
      </c>
      <c r="EP10" s="432">
        <v>0</v>
      </c>
      <c r="EQ10" s="433">
        <v>0</v>
      </c>
      <c r="ER10" s="437">
        <v>0</v>
      </c>
      <c r="ES10" s="438">
        <v>0</v>
      </c>
      <c r="ET10" s="433">
        <v>0</v>
      </c>
      <c r="EU10" s="433">
        <v>0</v>
      </c>
      <c r="EV10" s="433">
        <v>0</v>
      </c>
      <c r="EW10" s="433">
        <v>0</v>
      </c>
      <c r="EX10" s="433">
        <v>0</v>
      </c>
      <c r="EY10" s="434">
        <v>0</v>
      </c>
      <c r="EZ10" s="436">
        <v>0</v>
      </c>
      <c r="FA10" s="432">
        <v>0</v>
      </c>
      <c r="FB10" s="433">
        <v>0</v>
      </c>
      <c r="FC10" s="437">
        <v>0</v>
      </c>
      <c r="FD10" s="439"/>
      <c r="FE10" s="433">
        <v>0</v>
      </c>
      <c r="FF10" s="433">
        <v>0</v>
      </c>
      <c r="FG10" s="433">
        <v>0</v>
      </c>
      <c r="FH10" s="433">
        <v>0</v>
      </c>
      <c r="FI10" s="433">
        <v>0</v>
      </c>
      <c r="FJ10" s="434">
        <v>0</v>
      </c>
      <c r="FK10" s="436">
        <v>0</v>
      </c>
      <c r="FL10" s="432">
        <v>1168485</v>
      </c>
      <c r="FM10" s="433">
        <v>2039639</v>
      </c>
      <c r="FN10" s="434">
        <v>3208124</v>
      </c>
      <c r="FO10" s="432">
        <v>0</v>
      </c>
      <c r="FP10" s="433">
        <v>1470335</v>
      </c>
      <c r="FQ10" s="433">
        <v>1466261</v>
      </c>
      <c r="FR10" s="433">
        <v>1236605</v>
      </c>
      <c r="FS10" s="433">
        <v>304951</v>
      </c>
      <c r="FT10" s="433">
        <v>123935</v>
      </c>
      <c r="FU10" s="434">
        <v>4602087</v>
      </c>
      <c r="FV10" s="436">
        <v>7810211</v>
      </c>
      <c r="FW10" s="440">
        <v>0</v>
      </c>
      <c r="FX10" s="433">
        <v>21420</v>
      </c>
      <c r="FY10" s="437">
        <v>21420</v>
      </c>
      <c r="FZ10" s="438">
        <v>0</v>
      </c>
      <c r="GA10" s="433">
        <v>0</v>
      </c>
      <c r="GB10" s="433">
        <v>24654</v>
      </c>
      <c r="GC10" s="433">
        <v>0</v>
      </c>
      <c r="GD10" s="433">
        <v>0</v>
      </c>
      <c r="GE10" s="433">
        <v>0</v>
      </c>
      <c r="GF10" s="434">
        <v>24654</v>
      </c>
      <c r="GG10" s="441">
        <v>46074</v>
      </c>
      <c r="GH10" s="440">
        <v>64141</v>
      </c>
      <c r="GI10" s="433">
        <v>297619</v>
      </c>
      <c r="GJ10" s="437">
        <v>361760</v>
      </c>
      <c r="GK10" s="438">
        <v>0</v>
      </c>
      <c r="GL10" s="433">
        <v>219606</v>
      </c>
      <c r="GM10" s="433">
        <v>348347</v>
      </c>
      <c r="GN10" s="433">
        <v>331279</v>
      </c>
      <c r="GO10" s="433">
        <v>264351</v>
      </c>
      <c r="GP10" s="433">
        <v>53935</v>
      </c>
      <c r="GQ10" s="434">
        <v>1217518</v>
      </c>
      <c r="GR10" s="436">
        <v>1579278</v>
      </c>
      <c r="GS10" s="432">
        <v>1104344</v>
      </c>
      <c r="GT10" s="433">
        <v>1720600</v>
      </c>
      <c r="GU10" s="434">
        <v>2824944</v>
      </c>
      <c r="GV10" s="432">
        <v>0</v>
      </c>
      <c r="GW10" s="433">
        <v>1250729</v>
      </c>
      <c r="GX10" s="433">
        <v>1093260</v>
      </c>
      <c r="GY10" s="433">
        <v>905326</v>
      </c>
      <c r="GZ10" s="433">
        <v>40600</v>
      </c>
      <c r="HA10" s="433">
        <v>70000</v>
      </c>
      <c r="HB10" s="437">
        <v>3359915</v>
      </c>
      <c r="HC10" s="436">
        <v>6184859</v>
      </c>
      <c r="HD10" s="432">
        <v>0</v>
      </c>
      <c r="HE10" s="433">
        <v>0</v>
      </c>
      <c r="HF10" s="437">
        <v>0</v>
      </c>
      <c r="HG10" s="438">
        <v>0</v>
      </c>
      <c r="HH10" s="433">
        <v>0</v>
      </c>
      <c r="HI10" s="433">
        <v>0</v>
      </c>
      <c r="HJ10" s="433">
        <v>0</v>
      </c>
      <c r="HK10" s="433">
        <v>0</v>
      </c>
      <c r="HL10" s="433">
        <v>0</v>
      </c>
      <c r="HM10" s="434">
        <v>0</v>
      </c>
      <c r="HN10" s="435">
        <v>0</v>
      </c>
      <c r="HO10" s="475"/>
      <c r="HP10" s="476"/>
      <c r="HQ10" s="477"/>
      <c r="HR10" s="478"/>
      <c r="HS10" s="476"/>
      <c r="HT10" s="476"/>
      <c r="HU10" s="476"/>
      <c r="HV10" s="476"/>
      <c r="HW10" s="476"/>
      <c r="HX10" s="479"/>
      <c r="HY10" s="480"/>
      <c r="HZ10" s="442">
        <v>0</v>
      </c>
      <c r="IA10" s="443">
        <v>0</v>
      </c>
      <c r="IB10" s="444">
        <v>0</v>
      </c>
      <c r="IC10" s="445">
        <v>0</v>
      </c>
      <c r="ID10" s="446">
        <v>0</v>
      </c>
      <c r="IE10" s="447">
        <v>0</v>
      </c>
      <c r="IF10" s="448">
        <v>0</v>
      </c>
      <c r="IG10" s="446">
        <v>0</v>
      </c>
      <c r="IH10" s="448">
        <v>0</v>
      </c>
      <c r="II10" s="449">
        <v>0</v>
      </c>
      <c r="IJ10" s="450">
        <v>0</v>
      </c>
      <c r="IK10" s="451">
        <v>0</v>
      </c>
      <c r="IL10" s="452">
        <v>0</v>
      </c>
      <c r="IM10" s="453">
        <v>0</v>
      </c>
      <c r="IN10" s="454"/>
      <c r="IO10" s="455">
        <v>0</v>
      </c>
      <c r="IP10" s="455">
        <v>0</v>
      </c>
      <c r="IQ10" s="455">
        <v>0</v>
      </c>
      <c r="IR10" s="455">
        <v>0</v>
      </c>
      <c r="IS10" s="455">
        <v>0</v>
      </c>
      <c r="IT10" s="456">
        <v>0</v>
      </c>
      <c r="IU10" s="457">
        <v>0</v>
      </c>
      <c r="IV10" s="458">
        <v>0</v>
      </c>
      <c r="IW10" s="455">
        <v>0</v>
      </c>
      <c r="IX10" s="459">
        <v>0</v>
      </c>
      <c r="IY10" s="460"/>
      <c r="IZ10" s="455">
        <v>0</v>
      </c>
      <c r="JA10" s="455">
        <v>0</v>
      </c>
      <c r="JB10" s="455">
        <v>0</v>
      </c>
      <c r="JC10" s="455">
        <v>0</v>
      </c>
      <c r="JD10" s="455">
        <v>0</v>
      </c>
      <c r="JE10" s="459">
        <v>0</v>
      </c>
      <c r="JF10" s="461">
        <v>0</v>
      </c>
      <c r="JG10" s="458">
        <v>0</v>
      </c>
      <c r="JH10" s="455">
        <v>0</v>
      </c>
      <c r="JI10" s="456">
        <v>0</v>
      </c>
      <c r="JJ10" s="462">
        <v>0</v>
      </c>
      <c r="JK10" s="455">
        <v>0</v>
      </c>
      <c r="JL10" s="455">
        <v>0</v>
      </c>
      <c r="JM10" s="455">
        <v>0</v>
      </c>
      <c r="JN10" s="455">
        <v>0</v>
      </c>
      <c r="JO10" s="455">
        <v>0</v>
      </c>
      <c r="JP10" s="459">
        <v>0</v>
      </c>
      <c r="JQ10" s="457">
        <v>0</v>
      </c>
      <c r="JR10" s="458">
        <v>0</v>
      </c>
      <c r="JS10" s="455">
        <v>0</v>
      </c>
      <c r="JT10" s="456">
        <v>0</v>
      </c>
      <c r="JU10" s="462">
        <v>0</v>
      </c>
      <c r="JV10" s="455">
        <v>0</v>
      </c>
      <c r="JW10" s="455">
        <v>0</v>
      </c>
      <c r="JX10" s="455">
        <v>0</v>
      </c>
      <c r="JY10" s="455">
        <v>0</v>
      </c>
      <c r="JZ10" s="455">
        <v>0</v>
      </c>
      <c r="KA10" s="459">
        <v>0</v>
      </c>
      <c r="KB10" s="457">
        <v>0</v>
      </c>
      <c r="KC10" s="463">
        <v>0</v>
      </c>
      <c r="KD10" s="464">
        <v>0</v>
      </c>
      <c r="KE10" s="459">
        <v>0</v>
      </c>
      <c r="KF10" s="462">
        <v>0</v>
      </c>
      <c r="KG10" s="455">
        <v>0</v>
      </c>
      <c r="KH10" s="455">
        <v>0</v>
      </c>
      <c r="KI10" s="455">
        <v>0</v>
      </c>
      <c r="KJ10" s="455">
        <v>0</v>
      </c>
      <c r="KK10" s="455">
        <v>0</v>
      </c>
      <c r="KL10" s="459">
        <v>0</v>
      </c>
      <c r="KM10" s="465">
        <v>0</v>
      </c>
      <c r="KN10" s="451">
        <v>0</v>
      </c>
      <c r="KO10" s="452">
        <v>0</v>
      </c>
      <c r="KP10" s="453">
        <v>0</v>
      </c>
      <c r="KQ10" s="454"/>
      <c r="KR10" s="455">
        <v>0</v>
      </c>
      <c r="KS10" s="455">
        <v>0</v>
      </c>
      <c r="KT10" s="455">
        <v>0</v>
      </c>
      <c r="KU10" s="455">
        <v>0</v>
      </c>
      <c r="KV10" s="455">
        <v>0</v>
      </c>
      <c r="KW10" s="459">
        <v>0</v>
      </c>
      <c r="KX10" s="457">
        <v>0</v>
      </c>
      <c r="KY10" s="458">
        <v>0</v>
      </c>
      <c r="KZ10" s="455">
        <v>0</v>
      </c>
      <c r="LA10" s="459">
        <v>0</v>
      </c>
      <c r="LB10" s="466"/>
      <c r="LC10" s="455">
        <v>0</v>
      </c>
      <c r="LD10" s="455">
        <v>0</v>
      </c>
      <c r="LE10" s="455">
        <v>0</v>
      </c>
      <c r="LF10" s="455">
        <v>0</v>
      </c>
      <c r="LG10" s="455">
        <v>0</v>
      </c>
      <c r="LH10" s="459">
        <v>0</v>
      </c>
      <c r="LI10" s="461">
        <v>0</v>
      </c>
      <c r="LJ10" s="458">
        <v>0</v>
      </c>
      <c r="LK10" s="455">
        <v>0</v>
      </c>
      <c r="LL10" s="459">
        <v>0</v>
      </c>
      <c r="LM10" s="466"/>
      <c r="LN10" s="455">
        <v>0</v>
      </c>
      <c r="LO10" s="455">
        <v>0</v>
      </c>
      <c r="LP10" s="455">
        <v>0</v>
      </c>
      <c r="LQ10" s="455">
        <v>0</v>
      </c>
      <c r="LR10" s="455">
        <v>0</v>
      </c>
      <c r="LS10" s="459">
        <v>0</v>
      </c>
      <c r="LT10" s="457">
        <v>0</v>
      </c>
      <c r="LU10" s="458">
        <v>0</v>
      </c>
      <c r="LV10" s="455">
        <v>0</v>
      </c>
      <c r="LW10" s="459">
        <v>0</v>
      </c>
      <c r="LX10" s="466"/>
      <c r="LY10" s="455">
        <v>0</v>
      </c>
      <c r="LZ10" s="455">
        <v>0</v>
      </c>
      <c r="MA10" s="455">
        <v>0</v>
      </c>
      <c r="MB10" s="455">
        <v>0</v>
      </c>
      <c r="MC10" s="455">
        <v>0</v>
      </c>
      <c r="MD10" s="459">
        <v>0</v>
      </c>
      <c r="ME10" s="461">
        <v>0</v>
      </c>
      <c r="MF10" s="458">
        <v>0</v>
      </c>
      <c r="MG10" s="455">
        <v>0</v>
      </c>
      <c r="MH10" s="459">
        <v>0</v>
      </c>
      <c r="MI10" s="466"/>
      <c r="MJ10" s="455">
        <v>0</v>
      </c>
      <c r="MK10" s="455">
        <v>0</v>
      </c>
      <c r="ML10" s="455">
        <v>0</v>
      </c>
      <c r="MM10" s="455">
        <v>0</v>
      </c>
      <c r="MN10" s="455">
        <v>0</v>
      </c>
      <c r="MO10" s="459">
        <v>0</v>
      </c>
      <c r="MP10" s="465">
        <v>0</v>
      </c>
      <c r="MQ10" s="458">
        <v>0</v>
      </c>
      <c r="MR10" s="455">
        <v>0</v>
      </c>
      <c r="MS10" s="459">
        <v>0</v>
      </c>
      <c r="MT10" s="466"/>
      <c r="MU10" s="455">
        <v>0</v>
      </c>
      <c r="MV10" s="455">
        <v>0</v>
      </c>
      <c r="MW10" s="455">
        <v>0</v>
      </c>
      <c r="MX10" s="455">
        <v>0</v>
      </c>
      <c r="MY10" s="455">
        <v>0</v>
      </c>
      <c r="MZ10" s="459">
        <v>0</v>
      </c>
      <c r="NA10" s="465">
        <v>0</v>
      </c>
      <c r="NB10" s="458">
        <v>0</v>
      </c>
      <c r="NC10" s="455">
        <v>0</v>
      </c>
      <c r="ND10" s="459">
        <v>0</v>
      </c>
      <c r="NE10" s="466"/>
      <c r="NF10" s="455">
        <v>0</v>
      </c>
      <c r="NG10" s="455">
        <v>0</v>
      </c>
      <c r="NH10" s="455">
        <v>0</v>
      </c>
      <c r="NI10" s="455">
        <v>0</v>
      </c>
      <c r="NJ10" s="455">
        <v>0</v>
      </c>
      <c r="NK10" s="459">
        <v>0</v>
      </c>
      <c r="NL10" s="457">
        <v>0</v>
      </c>
      <c r="NM10" s="458">
        <v>0</v>
      </c>
      <c r="NN10" s="455">
        <v>0</v>
      </c>
      <c r="NO10" s="459">
        <v>0</v>
      </c>
      <c r="NP10" s="466"/>
      <c r="NQ10" s="455">
        <v>0</v>
      </c>
      <c r="NR10" s="455">
        <v>0</v>
      </c>
      <c r="NS10" s="455">
        <v>0</v>
      </c>
      <c r="NT10" s="455">
        <v>0</v>
      </c>
      <c r="NU10" s="455">
        <v>0</v>
      </c>
      <c r="NV10" s="459">
        <v>0</v>
      </c>
      <c r="NW10" s="461">
        <v>0</v>
      </c>
      <c r="NX10" s="458">
        <v>0</v>
      </c>
      <c r="NY10" s="455">
        <v>0</v>
      </c>
      <c r="NZ10" s="459">
        <v>0</v>
      </c>
      <c r="OA10" s="466"/>
      <c r="OB10" s="455">
        <v>0</v>
      </c>
      <c r="OC10" s="455">
        <v>0</v>
      </c>
      <c r="OD10" s="455">
        <v>0</v>
      </c>
      <c r="OE10" s="455">
        <v>0</v>
      </c>
      <c r="OF10" s="455">
        <v>0</v>
      </c>
      <c r="OG10" s="459">
        <v>0</v>
      </c>
      <c r="OH10" s="461">
        <v>0</v>
      </c>
      <c r="OI10" s="458">
        <v>1168485</v>
      </c>
      <c r="OJ10" s="455">
        <v>2039639</v>
      </c>
      <c r="OK10" s="456">
        <v>3208124</v>
      </c>
      <c r="OL10" s="462">
        <v>0</v>
      </c>
      <c r="OM10" s="455">
        <v>1487029</v>
      </c>
      <c r="ON10" s="455">
        <v>1466261</v>
      </c>
      <c r="OO10" s="455">
        <v>1236605</v>
      </c>
      <c r="OP10" s="455">
        <v>304951</v>
      </c>
      <c r="OQ10" s="455">
        <v>123935</v>
      </c>
      <c r="OR10" s="459">
        <v>4618781</v>
      </c>
      <c r="OS10" s="465">
        <v>7826905</v>
      </c>
    </row>
    <row r="11" spans="1:409" ht="21" customHeight="1" x14ac:dyDescent="0.2">
      <c r="B11" s="126" t="s">
        <v>6</v>
      </c>
      <c r="C11" s="110">
        <v>299023</v>
      </c>
      <c r="D11" s="114">
        <v>241395</v>
      </c>
      <c r="E11" s="113">
        <v>540418</v>
      </c>
      <c r="F11" s="109">
        <v>0</v>
      </c>
      <c r="G11" s="114">
        <v>620731</v>
      </c>
      <c r="H11" s="114">
        <v>697949</v>
      </c>
      <c r="I11" s="114">
        <v>557245</v>
      </c>
      <c r="J11" s="114">
        <v>289112</v>
      </c>
      <c r="K11" s="114">
        <v>77840</v>
      </c>
      <c r="L11" s="109">
        <v>2242877</v>
      </c>
      <c r="M11" s="116">
        <v>2783295</v>
      </c>
      <c r="N11" s="110">
        <v>0</v>
      </c>
      <c r="O11" s="114">
        <v>0</v>
      </c>
      <c r="P11" s="113">
        <v>0</v>
      </c>
      <c r="Q11" s="110">
        <v>0</v>
      </c>
      <c r="R11" s="114">
        <v>0</v>
      </c>
      <c r="S11" s="114">
        <v>0</v>
      </c>
      <c r="T11" s="114">
        <v>0</v>
      </c>
      <c r="U11" s="114">
        <v>0</v>
      </c>
      <c r="V11" s="114">
        <v>0</v>
      </c>
      <c r="W11" s="113">
        <v>0</v>
      </c>
      <c r="X11" s="116">
        <v>0</v>
      </c>
      <c r="Y11" s="110">
        <v>0</v>
      </c>
      <c r="Z11" s="114">
        <v>0</v>
      </c>
      <c r="AA11" s="113">
        <v>0</v>
      </c>
      <c r="AB11" s="110">
        <v>0</v>
      </c>
      <c r="AC11" s="114">
        <v>0</v>
      </c>
      <c r="AD11" s="114">
        <v>0</v>
      </c>
      <c r="AE11" s="114">
        <v>0</v>
      </c>
      <c r="AF11" s="114">
        <v>0</v>
      </c>
      <c r="AG11" s="114">
        <v>0</v>
      </c>
      <c r="AH11" s="113">
        <v>0</v>
      </c>
      <c r="AI11" s="116">
        <v>0</v>
      </c>
      <c r="AJ11" s="110">
        <v>0</v>
      </c>
      <c r="AK11" s="114">
        <v>0</v>
      </c>
      <c r="AL11" s="113">
        <v>0</v>
      </c>
      <c r="AM11" s="110">
        <v>0</v>
      </c>
      <c r="AN11" s="114">
        <v>0</v>
      </c>
      <c r="AO11" s="114">
        <v>0</v>
      </c>
      <c r="AP11" s="114">
        <v>0</v>
      </c>
      <c r="AQ11" s="114">
        <v>0</v>
      </c>
      <c r="AR11" s="114">
        <v>0</v>
      </c>
      <c r="AS11" s="113">
        <v>0</v>
      </c>
      <c r="AT11" s="116">
        <v>0</v>
      </c>
      <c r="AU11" s="110">
        <v>0</v>
      </c>
      <c r="AV11" s="114">
        <v>0</v>
      </c>
      <c r="AW11" s="113">
        <v>0</v>
      </c>
      <c r="AX11" s="110">
        <v>0</v>
      </c>
      <c r="AY11" s="114">
        <v>0</v>
      </c>
      <c r="AZ11" s="114">
        <v>0</v>
      </c>
      <c r="BA11" s="114">
        <v>0</v>
      </c>
      <c r="BB11" s="114">
        <v>0</v>
      </c>
      <c r="BC11" s="114">
        <v>0</v>
      </c>
      <c r="BD11" s="113">
        <v>0</v>
      </c>
      <c r="BE11" s="116">
        <v>0</v>
      </c>
      <c r="BF11" s="110">
        <v>0</v>
      </c>
      <c r="BG11" s="114">
        <v>0</v>
      </c>
      <c r="BH11" s="112">
        <v>0</v>
      </c>
      <c r="BI11" s="111">
        <v>0</v>
      </c>
      <c r="BJ11" s="114">
        <v>0</v>
      </c>
      <c r="BK11" s="114">
        <v>0</v>
      </c>
      <c r="BL11" s="114">
        <v>0</v>
      </c>
      <c r="BM11" s="114">
        <v>0</v>
      </c>
      <c r="BN11" s="114">
        <v>0</v>
      </c>
      <c r="BO11" s="113">
        <v>0</v>
      </c>
      <c r="BP11" s="116">
        <v>0</v>
      </c>
      <c r="BQ11" s="110">
        <v>0</v>
      </c>
      <c r="BR11" s="114">
        <v>0</v>
      </c>
      <c r="BS11" s="113">
        <v>0</v>
      </c>
      <c r="BT11" s="110">
        <v>0</v>
      </c>
      <c r="BU11" s="114">
        <v>0</v>
      </c>
      <c r="BV11" s="114">
        <v>0</v>
      </c>
      <c r="BW11" s="114">
        <v>0</v>
      </c>
      <c r="BX11" s="114">
        <v>0</v>
      </c>
      <c r="BY11" s="114">
        <v>0</v>
      </c>
      <c r="BZ11" s="113">
        <v>0</v>
      </c>
      <c r="CA11" s="116">
        <v>0</v>
      </c>
      <c r="CB11" s="110">
        <v>0</v>
      </c>
      <c r="CC11" s="114">
        <v>0</v>
      </c>
      <c r="CD11" s="113">
        <v>0</v>
      </c>
      <c r="CE11" s="110">
        <v>0</v>
      </c>
      <c r="CF11" s="114">
        <v>0</v>
      </c>
      <c r="CG11" s="114">
        <v>0</v>
      </c>
      <c r="CH11" s="114">
        <v>0</v>
      </c>
      <c r="CI11" s="114">
        <v>0</v>
      </c>
      <c r="CJ11" s="114">
        <v>0</v>
      </c>
      <c r="CK11" s="113">
        <v>0</v>
      </c>
      <c r="CL11" s="116">
        <v>0</v>
      </c>
      <c r="CM11" s="110">
        <v>0</v>
      </c>
      <c r="CN11" s="114">
        <v>0</v>
      </c>
      <c r="CO11" s="113">
        <v>0</v>
      </c>
      <c r="CP11" s="111">
        <v>0</v>
      </c>
      <c r="CQ11" s="114">
        <v>0</v>
      </c>
      <c r="CR11" s="114">
        <v>0</v>
      </c>
      <c r="CS11" s="114">
        <v>0</v>
      </c>
      <c r="CT11" s="114">
        <v>0</v>
      </c>
      <c r="CU11" s="114">
        <v>0</v>
      </c>
      <c r="CV11" s="113">
        <v>0</v>
      </c>
      <c r="CW11" s="116">
        <v>0</v>
      </c>
      <c r="CX11" s="110">
        <v>0</v>
      </c>
      <c r="CY11" s="114">
        <v>0</v>
      </c>
      <c r="CZ11" s="113">
        <v>0</v>
      </c>
      <c r="DA11" s="110">
        <v>0</v>
      </c>
      <c r="DB11" s="114">
        <v>0</v>
      </c>
      <c r="DC11" s="114">
        <v>0</v>
      </c>
      <c r="DD11" s="114">
        <v>0</v>
      </c>
      <c r="DE11" s="114">
        <v>0</v>
      </c>
      <c r="DF11" s="114">
        <v>0</v>
      </c>
      <c r="DG11" s="113">
        <v>0</v>
      </c>
      <c r="DH11" s="116">
        <v>0</v>
      </c>
      <c r="DI11" s="110">
        <v>0</v>
      </c>
      <c r="DJ11" s="114">
        <v>0</v>
      </c>
      <c r="DK11" s="112">
        <v>0</v>
      </c>
      <c r="DL11" s="111">
        <v>0</v>
      </c>
      <c r="DM11" s="114">
        <v>0</v>
      </c>
      <c r="DN11" s="114">
        <v>0</v>
      </c>
      <c r="DO11" s="114">
        <v>0</v>
      </c>
      <c r="DP11" s="114">
        <v>0</v>
      </c>
      <c r="DQ11" s="114">
        <v>0</v>
      </c>
      <c r="DR11" s="113">
        <v>0</v>
      </c>
      <c r="DS11" s="116">
        <v>0</v>
      </c>
      <c r="DT11" s="110">
        <v>0</v>
      </c>
      <c r="DU11" s="114">
        <v>0</v>
      </c>
      <c r="DV11" s="113">
        <v>0</v>
      </c>
      <c r="DW11" s="110">
        <v>0</v>
      </c>
      <c r="DX11" s="114">
        <v>0</v>
      </c>
      <c r="DY11" s="114">
        <v>0</v>
      </c>
      <c r="DZ11" s="114">
        <v>0</v>
      </c>
      <c r="EA11" s="114">
        <v>0</v>
      </c>
      <c r="EB11" s="114">
        <v>0</v>
      </c>
      <c r="EC11" s="113">
        <v>0</v>
      </c>
      <c r="ED11" s="116">
        <v>0</v>
      </c>
      <c r="EE11" s="110">
        <v>0</v>
      </c>
      <c r="EF11" s="112">
        <v>0</v>
      </c>
      <c r="EG11" s="113">
        <v>0</v>
      </c>
      <c r="EH11" s="110">
        <v>0</v>
      </c>
      <c r="EI11" s="114">
        <v>0</v>
      </c>
      <c r="EJ11" s="114">
        <v>0</v>
      </c>
      <c r="EK11" s="114">
        <v>0</v>
      </c>
      <c r="EL11" s="114">
        <v>0</v>
      </c>
      <c r="EM11" s="114">
        <v>0</v>
      </c>
      <c r="EN11" s="112">
        <v>0</v>
      </c>
      <c r="EO11" s="116">
        <v>0</v>
      </c>
      <c r="EP11" s="110">
        <v>0</v>
      </c>
      <c r="EQ11" s="114">
        <v>0</v>
      </c>
      <c r="ER11" s="112">
        <v>0</v>
      </c>
      <c r="ES11" s="111">
        <v>0</v>
      </c>
      <c r="ET11" s="114">
        <v>0</v>
      </c>
      <c r="EU11" s="114">
        <v>0</v>
      </c>
      <c r="EV11" s="114">
        <v>0</v>
      </c>
      <c r="EW11" s="114">
        <v>0</v>
      </c>
      <c r="EX11" s="114">
        <v>0</v>
      </c>
      <c r="EY11" s="113">
        <v>0</v>
      </c>
      <c r="EZ11" s="116">
        <v>0</v>
      </c>
      <c r="FA11" s="110">
        <v>0</v>
      </c>
      <c r="FB11" s="114">
        <v>0</v>
      </c>
      <c r="FC11" s="112">
        <v>0</v>
      </c>
      <c r="FD11" s="347"/>
      <c r="FE11" s="114">
        <v>0</v>
      </c>
      <c r="FF11" s="114">
        <v>0</v>
      </c>
      <c r="FG11" s="114">
        <v>0</v>
      </c>
      <c r="FH11" s="114">
        <v>0</v>
      </c>
      <c r="FI11" s="114">
        <v>0</v>
      </c>
      <c r="FJ11" s="113">
        <v>0</v>
      </c>
      <c r="FK11" s="116">
        <v>0</v>
      </c>
      <c r="FL11" s="110">
        <v>299023</v>
      </c>
      <c r="FM11" s="114">
        <v>241395</v>
      </c>
      <c r="FN11" s="113">
        <v>540418</v>
      </c>
      <c r="FO11" s="110">
        <v>0</v>
      </c>
      <c r="FP11" s="114">
        <v>620731</v>
      </c>
      <c r="FQ11" s="114">
        <v>697949</v>
      </c>
      <c r="FR11" s="114">
        <v>557245</v>
      </c>
      <c r="FS11" s="114">
        <v>289112</v>
      </c>
      <c r="FT11" s="114">
        <v>77840</v>
      </c>
      <c r="FU11" s="113">
        <v>2242877</v>
      </c>
      <c r="FV11" s="116">
        <v>2783295</v>
      </c>
      <c r="FW11" s="115">
        <v>0</v>
      </c>
      <c r="FX11" s="114">
        <v>0</v>
      </c>
      <c r="FY11" s="112">
        <v>0</v>
      </c>
      <c r="FZ11" s="111">
        <v>0</v>
      </c>
      <c r="GA11" s="114">
        <v>0</v>
      </c>
      <c r="GB11" s="114">
        <v>0</v>
      </c>
      <c r="GC11" s="114">
        <v>0</v>
      </c>
      <c r="GD11" s="114">
        <v>0</v>
      </c>
      <c r="GE11" s="114">
        <v>0</v>
      </c>
      <c r="GF11" s="113">
        <v>0</v>
      </c>
      <c r="GG11" s="318">
        <v>0</v>
      </c>
      <c r="GH11" s="115">
        <v>79299</v>
      </c>
      <c r="GI11" s="114">
        <v>88795</v>
      </c>
      <c r="GJ11" s="112">
        <v>168094</v>
      </c>
      <c r="GK11" s="111">
        <v>0</v>
      </c>
      <c r="GL11" s="114">
        <v>194257</v>
      </c>
      <c r="GM11" s="114">
        <v>251839</v>
      </c>
      <c r="GN11" s="114">
        <v>166365</v>
      </c>
      <c r="GO11" s="114">
        <v>159600</v>
      </c>
      <c r="GP11" s="114">
        <v>70000</v>
      </c>
      <c r="GQ11" s="113">
        <v>842061</v>
      </c>
      <c r="GR11" s="116">
        <v>1010155</v>
      </c>
      <c r="GS11" s="110">
        <v>219724</v>
      </c>
      <c r="GT11" s="114">
        <v>152600</v>
      </c>
      <c r="GU11" s="113">
        <v>372324</v>
      </c>
      <c r="GV11" s="110">
        <v>0</v>
      </c>
      <c r="GW11" s="114">
        <v>426474</v>
      </c>
      <c r="GX11" s="114">
        <v>446110</v>
      </c>
      <c r="GY11" s="114">
        <v>390880</v>
      </c>
      <c r="GZ11" s="114">
        <v>129512</v>
      </c>
      <c r="HA11" s="114">
        <v>7840</v>
      </c>
      <c r="HB11" s="112">
        <v>1400816</v>
      </c>
      <c r="HC11" s="116">
        <v>1773140</v>
      </c>
      <c r="HD11" s="110">
        <v>0</v>
      </c>
      <c r="HE11" s="114">
        <v>0</v>
      </c>
      <c r="HF11" s="112">
        <v>0</v>
      </c>
      <c r="HG11" s="111">
        <v>0</v>
      </c>
      <c r="HH11" s="114">
        <v>0</v>
      </c>
      <c r="HI11" s="114">
        <v>0</v>
      </c>
      <c r="HJ11" s="114">
        <v>0</v>
      </c>
      <c r="HK11" s="114">
        <v>0</v>
      </c>
      <c r="HL11" s="114">
        <v>0</v>
      </c>
      <c r="HM11" s="113">
        <v>0</v>
      </c>
      <c r="HN11" s="109">
        <v>0</v>
      </c>
      <c r="HO11" s="328"/>
      <c r="HP11" s="329"/>
      <c r="HQ11" s="330"/>
      <c r="HR11" s="331"/>
      <c r="HS11" s="329"/>
      <c r="HT11" s="329"/>
      <c r="HU11" s="329"/>
      <c r="HV11" s="329"/>
      <c r="HW11" s="329"/>
      <c r="HX11" s="332"/>
      <c r="HY11" s="333"/>
      <c r="HZ11" s="131">
        <v>0</v>
      </c>
      <c r="IA11" s="132">
        <v>0</v>
      </c>
      <c r="IB11" s="133">
        <v>0</v>
      </c>
      <c r="IC11" s="146">
        <v>0</v>
      </c>
      <c r="ID11" s="132">
        <v>0</v>
      </c>
      <c r="IE11" s="147">
        <v>0</v>
      </c>
      <c r="IF11" s="133">
        <v>0</v>
      </c>
      <c r="IG11" s="132">
        <v>0</v>
      </c>
      <c r="IH11" s="133">
        <v>0</v>
      </c>
      <c r="II11" s="148">
        <v>0</v>
      </c>
      <c r="IJ11" s="139">
        <v>0</v>
      </c>
      <c r="IK11" s="232">
        <v>0</v>
      </c>
      <c r="IL11" s="236">
        <v>0</v>
      </c>
      <c r="IM11" s="237">
        <v>0</v>
      </c>
      <c r="IN11" s="140"/>
      <c r="IO11" s="119">
        <v>0</v>
      </c>
      <c r="IP11" s="119">
        <v>0</v>
      </c>
      <c r="IQ11" s="119">
        <v>0</v>
      </c>
      <c r="IR11" s="119">
        <v>0</v>
      </c>
      <c r="IS11" s="119">
        <v>0</v>
      </c>
      <c r="IT11" s="141">
        <v>0</v>
      </c>
      <c r="IU11" s="320">
        <v>0</v>
      </c>
      <c r="IV11" s="142">
        <v>0</v>
      </c>
      <c r="IW11" s="119">
        <v>0</v>
      </c>
      <c r="IX11" s="120">
        <v>0</v>
      </c>
      <c r="IY11" s="144"/>
      <c r="IZ11" s="119">
        <v>0</v>
      </c>
      <c r="JA11" s="119">
        <v>0</v>
      </c>
      <c r="JB11" s="119">
        <v>0</v>
      </c>
      <c r="JC11" s="119">
        <v>0</v>
      </c>
      <c r="JD11" s="119">
        <v>0</v>
      </c>
      <c r="JE11" s="120">
        <v>0</v>
      </c>
      <c r="JF11" s="121">
        <v>0</v>
      </c>
      <c r="JG11" s="142">
        <v>0</v>
      </c>
      <c r="JH11" s="119">
        <v>0</v>
      </c>
      <c r="JI11" s="141">
        <v>0</v>
      </c>
      <c r="JJ11" s="118">
        <v>0</v>
      </c>
      <c r="JK11" s="119">
        <v>0</v>
      </c>
      <c r="JL11" s="119">
        <v>0</v>
      </c>
      <c r="JM11" s="119">
        <v>0</v>
      </c>
      <c r="JN11" s="119">
        <v>0</v>
      </c>
      <c r="JO11" s="119">
        <v>0</v>
      </c>
      <c r="JP11" s="120">
        <v>0</v>
      </c>
      <c r="JQ11" s="320">
        <v>0</v>
      </c>
      <c r="JR11" s="142">
        <v>0</v>
      </c>
      <c r="JS11" s="119">
        <v>0</v>
      </c>
      <c r="JT11" s="141">
        <v>0</v>
      </c>
      <c r="JU11" s="118">
        <v>0</v>
      </c>
      <c r="JV11" s="119">
        <v>0</v>
      </c>
      <c r="JW11" s="119">
        <v>0</v>
      </c>
      <c r="JX11" s="119">
        <v>0</v>
      </c>
      <c r="JY11" s="119">
        <v>0</v>
      </c>
      <c r="JZ11" s="119">
        <v>0</v>
      </c>
      <c r="KA11" s="120">
        <v>0</v>
      </c>
      <c r="KB11" s="320">
        <v>0</v>
      </c>
      <c r="KC11" s="234">
        <v>0</v>
      </c>
      <c r="KD11" s="230">
        <v>0</v>
      </c>
      <c r="KE11" s="120">
        <v>0</v>
      </c>
      <c r="KF11" s="118">
        <v>0</v>
      </c>
      <c r="KG11" s="119">
        <v>0</v>
      </c>
      <c r="KH11" s="119">
        <v>0</v>
      </c>
      <c r="KI11" s="119">
        <v>0</v>
      </c>
      <c r="KJ11" s="119">
        <v>0</v>
      </c>
      <c r="KK11" s="119">
        <v>0</v>
      </c>
      <c r="KL11" s="120">
        <v>0</v>
      </c>
      <c r="KM11" s="143">
        <v>0</v>
      </c>
      <c r="KN11" s="232">
        <v>0</v>
      </c>
      <c r="KO11" s="236">
        <v>0</v>
      </c>
      <c r="KP11" s="237">
        <v>0</v>
      </c>
      <c r="KQ11" s="140"/>
      <c r="KR11" s="119">
        <v>0</v>
      </c>
      <c r="KS11" s="119">
        <v>0</v>
      </c>
      <c r="KT11" s="119">
        <v>0</v>
      </c>
      <c r="KU11" s="119">
        <v>0</v>
      </c>
      <c r="KV11" s="119">
        <v>0</v>
      </c>
      <c r="KW11" s="120">
        <v>0</v>
      </c>
      <c r="KX11" s="320">
        <v>0</v>
      </c>
      <c r="KY11" s="142">
        <v>0</v>
      </c>
      <c r="KZ11" s="119">
        <v>0</v>
      </c>
      <c r="LA11" s="120">
        <v>0</v>
      </c>
      <c r="LB11" s="145"/>
      <c r="LC11" s="119">
        <v>0</v>
      </c>
      <c r="LD11" s="119">
        <v>0</v>
      </c>
      <c r="LE11" s="119">
        <v>0</v>
      </c>
      <c r="LF11" s="119">
        <v>0</v>
      </c>
      <c r="LG11" s="119">
        <v>0</v>
      </c>
      <c r="LH11" s="120">
        <v>0</v>
      </c>
      <c r="LI11" s="121">
        <v>0</v>
      </c>
      <c r="LJ11" s="142">
        <v>0</v>
      </c>
      <c r="LK11" s="119">
        <v>0</v>
      </c>
      <c r="LL11" s="120">
        <v>0</v>
      </c>
      <c r="LM11" s="145"/>
      <c r="LN11" s="119">
        <v>0</v>
      </c>
      <c r="LO11" s="119">
        <v>0</v>
      </c>
      <c r="LP11" s="119">
        <v>0</v>
      </c>
      <c r="LQ11" s="119">
        <v>0</v>
      </c>
      <c r="LR11" s="119">
        <v>0</v>
      </c>
      <c r="LS11" s="120">
        <v>0</v>
      </c>
      <c r="LT11" s="320">
        <v>0</v>
      </c>
      <c r="LU11" s="142">
        <v>0</v>
      </c>
      <c r="LV11" s="119">
        <v>0</v>
      </c>
      <c r="LW11" s="120">
        <v>0</v>
      </c>
      <c r="LX11" s="145"/>
      <c r="LY11" s="119">
        <v>0</v>
      </c>
      <c r="LZ11" s="119">
        <v>0</v>
      </c>
      <c r="MA11" s="119">
        <v>0</v>
      </c>
      <c r="MB11" s="119">
        <v>0</v>
      </c>
      <c r="MC11" s="119">
        <v>0</v>
      </c>
      <c r="MD11" s="120">
        <v>0</v>
      </c>
      <c r="ME11" s="121">
        <v>0</v>
      </c>
      <c r="MF11" s="142">
        <v>0</v>
      </c>
      <c r="MG11" s="119">
        <v>0</v>
      </c>
      <c r="MH11" s="120">
        <v>0</v>
      </c>
      <c r="MI11" s="145"/>
      <c r="MJ11" s="119">
        <v>0</v>
      </c>
      <c r="MK11" s="119">
        <v>0</v>
      </c>
      <c r="ML11" s="119">
        <v>0</v>
      </c>
      <c r="MM11" s="119">
        <v>0</v>
      </c>
      <c r="MN11" s="119">
        <v>0</v>
      </c>
      <c r="MO11" s="120">
        <v>0</v>
      </c>
      <c r="MP11" s="143">
        <v>0</v>
      </c>
      <c r="MQ11" s="142">
        <v>0</v>
      </c>
      <c r="MR11" s="119">
        <v>0</v>
      </c>
      <c r="MS11" s="120">
        <v>0</v>
      </c>
      <c r="MT11" s="145"/>
      <c r="MU11" s="119">
        <v>0</v>
      </c>
      <c r="MV11" s="119">
        <v>0</v>
      </c>
      <c r="MW11" s="119">
        <v>0</v>
      </c>
      <c r="MX11" s="119">
        <v>0</v>
      </c>
      <c r="MY11" s="119">
        <v>0</v>
      </c>
      <c r="MZ11" s="120">
        <v>0</v>
      </c>
      <c r="NA11" s="143">
        <v>0</v>
      </c>
      <c r="NB11" s="142">
        <v>0</v>
      </c>
      <c r="NC11" s="119">
        <v>0</v>
      </c>
      <c r="ND11" s="120">
        <v>0</v>
      </c>
      <c r="NE11" s="145"/>
      <c r="NF11" s="119">
        <v>0</v>
      </c>
      <c r="NG11" s="119">
        <v>0</v>
      </c>
      <c r="NH11" s="119">
        <v>0</v>
      </c>
      <c r="NI11" s="119">
        <v>0</v>
      </c>
      <c r="NJ11" s="119">
        <v>0</v>
      </c>
      <c r="NK11" s="120">
        <v>0</v>
      </c>
      <c r="NL11" s="320">
        <v>0</v>
      </c>
      <c r="NM11" s="142">
        <v>0</v>
      </c>
      <c r="NN11" s="119">
        <v>0</v>
      </c>
      <c r="NO11" s="120">
        <v>0</v>
      </c>
      <c r="NP11" s="145"/>
      <c r="NQ11" s="119">
        <v>0</v>
      </c>
      <c r="NR11" s="119">
        <v>0</v>
      </c>
      <c r="NS11" s="119">
        <v>0</v>
      </c>
      <c r="NT11" s="119">
        <v>0</v>
      </c>
      <c r="NU11" s="119">
        <v>0</v>
      </c>
      <c r="NV11" s="120">
        <v>0</v>
      </c>
      <c r="NW11" s="121">
        <v>0</v>
      </c>
      <c r="NX11" s="142">
        <v>0</v>
      </c>
      <c r="NY11" s="119">
        <v>0</v>
      </c>
      <c r="NZ11" s="120">
        <v>0</v>
      </c>
      <c r="OA11" s="145"/>
      <c r="OB11" s="119">
        <v>0</v>
      </c>
      <c r="OC11" s="119">
        <v>0</v>
      </c>
      <c r="OD11" s="119">
        <v>0</v>
      </c>
      <c r="OE11" s="119">
        <v>0</v>
      </c>
      <c r="OF11" s="119">
        <v>0</v>
      </c>
      <c r="OG11" s="120">
        <v>0</v>
      </c>
      <c r="OH11" s="121">
        <v>0</v>
      </c>
      <c r="OI11" s="142">
        <v>299023</v>
      </c>
      <c r="OJ11" s="119">
        <v>241395</v>
      </c>
      <c r="OK11" s="141">
        <v>540418</v>
      </c>
      <c r="OL11" s="118">
        <v>0</v>
      </c>
      <c r="OM11" s="119">
        <v>620731</v>
      </c>
      <c r="ON11" s="119">
        <v>697949</v>
      </c>
      <c r="OO11" s="119">
        <v>557245</v>
      </c>
      <c r="OP11" s="119">
        <v>289112</v>
      </c>
      <c r="OQ11" s="119">
        <v>77840</v>
      </c>
      <c r="OR11" s="120">
        <v>2242877</v>
      </c>
      <c r="OS11" s="143">
        <v>2783295</v>
      </c>
    </row>
    <row r="12" spans="1:409" ht="21" customHeight="1" x14ac:dyDescent="0.2">
      <c r="B12" s="126" t="s">
        <v>14</v>
      </c>
      <c r="C12" s="110">
        <v>274750</v>
      </c>
      <c r="D12" s="114">
        <v>95830</v>
      </c>
      <c r="E12" s="113">
        <v>370580</v>
      </c>
      <c r="F12" s="109">
        <v>0</v>
      </c>
      <c r="G12" s="114">
        <v>160090</v>
      </c>
      <c r="H12" s="114">
        <v>180695</v>
      </c>
      <c r="I12" s="114">
        <v>0</v>
      </c>
      <c r="J12" s="114">
        <v>163674</v>
      </c>
      <c r="K12" s="114">
        <v>140000</v>
      </c>
      <c r="L12" s="112">
        <v>644459</v>
      </c>
      <c r="M12" s="116">
        <v>1015039</v>
      </c>
      <c r="N12" s="110">
        <v>0</v>
      </c>
      <c r="O12" s="114">
        <v>0</v>
      </c>
      <c r="P12" s="113">
        <v>0</v>
      </c>
      <c r="Q12" s="110">
        <v>0</v>
      </c>
      <c r="R12" s="114">
        <v>0</v>
      </c>
      <c r="S12" s="114">
        <v>0</v>
      </c>
      <c r="T12" s="114">
        <v>0</v>
      </c>
      <c r="U12" s="114">
        <v>0</v>
      </c>
      <c r="V12" s="114">
        <v>0</v>
      </c>
      <c r="W12" s="113">
        <v>0</v>
      </c>
      <c r="X12" s="116">
        <v>0</v>
      </c>
      <c r="Y12" s="110">
        <v>0</v>
      </c>
      <c r="Z12" s="114">
        <v>0</v>
      </c>
      <c r="AA12" s="113">
        <v>0</v>
      </c>
      <c r="AB12" s="110">
        <v>0</v>
      </c>
      <c r="AC12" s="114">
        <v>0</v>
      </c>
      <c r="AD12" s="114">
        <v>0</v>
      </c>
      <c r="AE12" s="114">
        <v>0</v>
      </c>
      <c r="AF12" s="114">
        <v>0</v>
      </c>
      <c r="AG12" s="114">
        <v>0</v>
      </c>
      <c r="AH12" s="113">
        <v>0</v>
      </c>
      <c r="AI12" s="116">
        <v>0</v>
      </c>
      <c r="AJ12" s="110">
        <v>0</v>
      </c>
      <c r="AK12" s="114">
        <v>0</v>
      </c>
      <c r="AL12" s="113">
        <v>0</v>
      </c>
      <c r="AM12" s="110">
        <v>0</v>
      </c>
      <c r="AN12" s="114">
        <v>0</v>
      </c>
      <c r="AO12" s="114">
        <v>0</v>
      </c>
      <c r="AP12" s="114">
        <v>0</v>
      </c>
      <c r="AQ12" s="114">
        <v>0</v>
      </c>
      <c r="AR12" s="114">
        <v>0</v>
      </c>
      <c r="AS12" s="113">
        <v>0</v>
      </c>
      <c r="AT12" s="116">
        <v>0</v>
      </c>
      <c r="AU12" s="110">
        <v>0</v>
      </c>
      <c r="AV12" s="114">
        <v>0</v>
      </c>
      <c r="AW12" s="113">
        <v>0</v>
      </c>
      <c r="AX12" s="110">
        <v>0</v>
      </c>
      <c r="AY12" s="114">
        <v>0</v>
      </c>
      <c r="AZ12" s="114">
        <v>0</v>
      </c>
      <c r="BA12" s="114">
        <v>0</v>
      </c>
      <c r="BB12" s="114">
        <v>0</v>
      </c>
      <c r="BC12" s="114">
        <v>0</v>
      </c>
      <c r="BD12" s="113">
        <v>0</v>
      </c>
      <c r="BE12" s="116">
        <v>0</v>
      </c>
      <c r="BF12" s="110">
        <v>0</v>
      </c>
      <c r="BG12" s="114">
        <v>0</v>
      </c>
      <c r="BH12" s="112">
        <v>0</v>
      </c>
      <c r="BI12" s="111">
        <v>0</v>
      </c>
      <c r="BJ12" s="114">
        <v>0</v>
      </c>
      <c r="BK12" s="114">
        <v>0</v>
      </c>
      <c r="BL12" s="114">
        <v>0</v>
      </c>
      <c r="BM12" s="114">
        <v>0</v>
      </c>
      <c r="BN12" s="114">
        <v>0</v>
      </c>
      <c r="BO12" s="113">
        <v>0</v>
      </c>
      <c r="BP12" s="116">
        <v>0</v>
      </c>
      <c r="BQ12" s="110">
        <v>0</v>
      </c>
      <c r="BR12" s="114">
        <v>0</v>
      </c>
      <c r="BS12" s="113">
        <v>0</v>
      </c>
      <c r="BT12" s="110">
        <v>0</v>
      </c>
      <c r="BU12" s="114">
        <v>0</v>
      </c>
      <c r="BV12" s="114">
        <v>0</v>
      </c>
      <c r="BW12" s="114">
        <v>0</v>
      </c>
      <c r="BX12" s="114">
        <v>0</v>
      </c>
      <c r="BY12" s="114">
        <v>0</v>
      </c>
      <c r="BZ12" s="113">
        <v>0</v>
      </c>
      <c r="CA12" s="116">
        <v>0</v>
      </c>
      <c r="CB12" s="110">
        <v>0</v>
      </c>
      <c r="CC12" s="114">
        <v>0</v>
      </c>
      <c r="CD12" s="113">
        <v>0</v>
      </c>
      <c r="CE12" s="110">
        <v>0</v>
      </c>
      <c r="CF12" s="114">
        <v>0</v>
      </c>
      <c r="CG12" s="114">
        <v>0</v>
      </c>
      <c r="CH12" s="114">
        <v>0</v>
      </c>
      <c r="CI12" s="114">
        <v>0</v>
      </c>
      <c r="CJ12" s="114">
        <v>0</v>
      </c>
      <c r="CK12" s="113">
        <v>0</v>
      </c>
      <c r="CL12" s="116">
        <v>0</v>
      </c>
      <c r="CM12" s="110">
        <v>0</v>
      </c>
      <c r="CN12" s="114">
        <v>0</v>
      </c>
      <c r="CO12" s="113">
        <v>0</v>
      </c>
      <c r="CP12" s="111">
        <v>0</v>
      </c>
      <c r="CQ12" s="114">
        <v>0</v>
      </c>
      <c r="CR12" s="114">
        <v>0</v>
      </c>
      <c r="CS12" s="114">
        <v>0</v>
      </c>
      <c r="CT12" s="114">
        <v>0</v>
      </c>
      <c r="CU12" s="114">
        <v>0</v>
      </c>
      <c r="CV12" s="113">
        <v>0</v>
      </c>
      <c r="CW12" s="116">
        <v>0</v>
      </c>
      <c r="CX12" s="110">
        <v>0</v>
      </c>
      <c r="CY12" s="114">
        <v>0</v>
      </c>
      <c r="CZ12" s="113">
        <v>0</v>
      </c>
      <c r="DA12" s="110">
        <v>0</v>
      </c>
      <c r="DB12" s="114">
        <v>0</v>
      </c>
      <c r="DC12" s="114">
        <v>0</v>
      </c>
      <c r="DD12" s="114">
        <v>0</v>
      </c>
      <c r="DE12" s="114">
        <v>0</v>
      </c>
      <c r="DF12" s="114">
        <v>0</v>
      </c>
      <c r="DG12" s="113">
        <v>0</v>
      </c>
      <c r="DH12" s="116">
        <v>0</v>
      </c>
      <c r="DI12" s="110">
        <v>0</v>
      </c>
      <c r="DJ12" s="114">
        <v>0</v>
      </c>
      <c r="DK12" s="112">
        <v>0</v>
      </c>
      <c r="DL12" s="111">
        <v>0</v>
      </c>
      <c r="DM12" s="114">
        <v>0</v>
      </c>
      <c r="DN12" s="114">
        <v>0</v>
      </c>
      <c r="DO12" s="114">
        <v>0</v>
      </c>
      <c r="DP12" s="114">
        <v>0</v>
      </c>
      <c r="DQ12" s="114">
        <v>0</v>
      </c>
      <c r="DR12" s="113">
        <v>0</v>
      </c>
      <c r="DS12" s="116">
        <v>0</v>
      </c>
      <c r="DT12" s="110">
        <v>0</v>
      </c>
      <c r="DU12" s="114">
        <v>0</v>
      </c>
      <c r="DV12" s="113">
        <v>0</v>
      </c>
      <c r="DW12" s="110">
        <v>0</v>
      </c>
      <c r="DX12" s="114">
        <v>0</v>
      </c>
      <c r="DY12" s="114">
        <v>0</v>
      </c>
      <c r="DZ12" s="114">
        <v>0</v>
      </c>
      <c r="EA12" s="114">
        <v>0</v>
      </c>
      <c r="EB12" s="114">
        <v>0</v>
      </c>
      <c r="EC12" s="113">
        <v>0</v>
      </c>
      <c r="ED12" s="116">
        <v>0</v>
      </c>
      <c r="EE12" s="110">
        <v>0</v>
      </c>
      <c r="EF12" s="112">
        <v>0</v>
      </c>
      <c r="EG12" s="113">
        <v>0</v>
      </c>
      <c r="EH12" s="110">
        <v>0</v>
      </c>
      <c r="EI12" s="114">
        <v>0</v>
      </c>
      <c r="EJ12" s="114">
        <v>0</v>
      </c>
      <c r="EK12" s="114">
        <v>0</v>
      </c>
      <c r="EL12" s="114">
        <v>0</v>
      </c>
      <c r="EM12" s="114">
        <v>0</v>
      </c>
      <c r="EN12" s="112">
        <v>0</v>
      </c>
      <c r="EO12" s="116">
        <v>0</v>
      </c>
      <c r="EP12" s="110">
        <v>0</v>
      </c>
      <c r="EQ12" s="114">
        <v>0</v>
      </c>
      <c r="ER12" s="112">
        <v>0</v>
      </c>
      <c r="ES12" s="111">
        <v>0</v>
      </c>
      <c r="ET12" s="114">
        <v>0</v>
      </c>
      <c r="EU12" s="114">
        <v>0</v>
      </c>
      <c r="EV12" s="114">
        <v>0</v>
      </c>
      <c r="EW12" s="114">
        <v>0</v>
      </c>
      <c r="EX12" s="114">
        <v>0</v>
      </c>
      <c r="EY12" s="113">
        <v>0</v>
      </c>
      <c r="EZ12" s="116">
        <v>0</v>
      </c>
      <c r="FA12" s="110">
        <v>0</v>
      </c>
      <c r="FB12" s="114">
        <v>0</v>
      </c>
      <c r="FC12" s="112">
        <v>0</v>
      </c>
      <c r="FD12" s="347"/>
      <c r="FE12" s="114">
        <v>0</v>
      </c>
      <c r="FF12" s="114">
        <v>0</v>
      </c>
      <c r="FG12" s="114">
        <v>0</v>
      </c>
      <c r="FH12" s="114">
        <v>0</v>
      </c>
      <c r="FI12" s="114">
        <v>0</v>
      </c>
      <c r="FJ12" s="113">
        <v>0</v>
      </c>
      <c r="FK12" s="116">
        <v>0</v>
      </c>
      <c r="FL12" s="110">
        <v>274750</v>
      </c>
      <c r="FM12" s="114">
        <v>95830</v>
      </c>
      <c r="FN12" s="113">
        <v>370580</v>
      </c>
      <c r="FO12" s="110">
        <v>0</v>
      </c>
      <c r="FP12" s="114">
        <v>160090</v>
      </c>
      <c r="FQ12" s="114">
        <v>180695</v>
      </c>
      <c r="FR12" s="114">
        <v>0</v>
      </c>
      <c r="FS12" s="114">
        <v>163674</v>
      </c>
      <c r="FT12" s="114">
        <v>140000</v>
      </c>
      <c r="FU12" s="113">
        <v>644459</v>
      </c>
      <c r="FV12" s="116">
        <v>1015039</v>
      </c>
      <c r="FW12" s="115">
        <v>0</v>
      </c>
      <c r="FX12" s="114">
        <v>0</v>
      </c>
      <c r="FY12" s="112">
        <v>0</v>
      </c>
      <c r="FZ12" s="111">
        <v>0</v>
      </c>
      <c r="GA12" s="114">
        <v>0</v>
      </c>
      <c r="GB12" s="114">
        <v>0</v>
      </c>
      <c r="GC12" s="114">
        <v>0</v>
      </c>
      <c r="GD12" s="114">
        <v>0</v>
      </c>
      <c r="GE12" s="114">
        <v>0</v>
      </c>
      <c r="GF12" s="113">
        <v>0</v>
      </c>
      <c r="GG12" s="318">
        <v>0</v>
      </c>
      <c r="GH12" s="115">
        <v>0</v>
      </c>
      <c r="GI12" s="114">
        <v>40600</v>
      </c>
      <c r="GJ12" s="112">
        <v>40600</v>
      </c>
      <c r="GK12" s="111">
        <v>0</v>
      </c>
      <c r="GL12" s="114">
        <v>0</v>
      </c>
      <c r="GM12" s="114">
        <v>92362</v>
      </c>
      <c r="GN12" s="114">
        <v>0</v>
      </c>
      <c r="GO12" s="114">
        <v>75474</v>
      </c>
      <c r="GP12" s="114">
        <v>0</v>
      </c>
      <c r="GQ12" s="113">
        <v>167836</v>
      </c>
      <c r="GR12" s="116">
        <v>208436</v>
      </c>
      <c r="GS12" s="110">
        <v>274750</v>
      </c>
      <c r="GT12" s="114">
        <v>55230</v>
      </c>
      <c r="GU12" s="113">
        <v>329980</v>
      </c>
      <c r="GV12" s="110">
        <v>0</v>
      </c>
      <c r="GW12" s="114">
        <v>160090</v>
      </c>
      <c r="GX12" s="114">
        <v>88333</v>
      </c>
      <c r="GY12" s="114">
        <v>0</v>
      </c>
      <c r="GZ12" s="114">
        <v>88200</v>
      </c>
      <c r="HA12" s="114">
        <v>140000</v>
      </c>
      <c r="HB12" s="112">
        <v>476623</v>
      </c>
      <c r="HC12" s="116">
        <v>806603</v>
      </c>
      <c r="HD12" s="110">
        <v>0</v>
      </c>
      <c r="HE12" s="114">
        <v>0</v>
      </c>
      <c r="HF12" s="112">
        <v>0</v>
      </c>
      <c r="HG12" s="111">
        <v>0</v>
      </c>
      <c r="HH12" s="114">
        <v>0</v>
      </c>
      <c r="HI12" s="114">
        <v>0</v>
      </c>
      <c r="HJ12" s="114">
        <v>0</v>
      </c>
      <c r="HK12" s="114">
        <v>0</v>
      </c>
      <c r="HL12" s="114">
        <v>0</v>
      </c>
      <c r="HM12" s="113">
        <v>0</v>
      </c>
      <c r="HN12" s="109">
        <v>0</v>
      </c>
      <c r="HO12" s="328"/>
      <c r="HP12" s="329"/>
      <c r="HQ12" s="330"/>
      <c r="HR12" s="331"/>
      <c r="HS12" s="329"/>
      <c r="HT12" s="329"/>
      <c r="HU12" s="329"/>
      <c r="HV12" s="329"/>
      <c r="HW12" s="329"/>
      <c r="HX12" s="332"/>
      <c r="HY12" s="333"/>
      <c r="HZ12" s="131">
        <v>0</v>
      </c>
      <c r="IA12" s="132">
        <v>0</v>
      </c>
      <c r="IB12" s="133">
        <v>0</v>
      </c>
      <c r="IC12" s="134">
        <v>0</v>
      </c>
      <c r="ID12" s="135">
        <v>0</v>
      </c>
      <c r="IE12" s="136">
        <v>0</v>
      </c>
      <c r="IF12" s="137">
        <v>0</v>
      </c>
      <c r="IG12" s="135">
        <v>0</v>
      </c>
      <c r="IH12" s="137">
        <v>0</v>
      </c>
      <c r="II12" s="138">
        <v>0</v>
      </c>
      <c r="IJ12" s="139">
        <v>0</v>
      </c>
      <c r="IK12" s="232">
        <v>0</v>
      </c>
      <c r="IL12" s="236">
        <v>0</v>
      </c>
      <c r="IM12" s="237">
        <v>0</v>
      </c>
      <c r="IN12" s="140"/>
      <c r="IO12" s="119">
        <v>0</v>
      </c>
      <c r="IP12" s="119">
        <v>0</v>
      </c>
      <c r="IQ12" s="119">
        <v>0</v>
      </c>
      <c r="IR12" s="119">
        <v>0</v>
      </c>
      <c r="IS12" s="119">
        <v>0</v>
      </c>
      <c r="IT12" s="141">
        <v>0</v>
      </c>
      <c r="IU12" s="320">
        <v>0</v>
      </c>
      <c r="IV12" s="142">
        <v>0</v>
      </c>
      <c r="IW12" s="119">
        <v>0</v>
      </c>
      <c r="IX12" s="120">
        <v>0</v>
      </c>
      <c r="IY12" s="144"/>
      <c r="IZ12" s="119">
        <v>0</v>
      </c>
      <c r="JA12" s="119">
        <v>0</v>
      </c>
      <c r="JB12" s="119">
        <v>0</v>
      </c>
      <c r="JC12" s="119">
        <v>0</v>
      </c>
      <c r="JD12" s="119">
        <v>0</v>
      </c>
      <c r="JE12" s="120">
        <v>0</v>
      </c>
      <c r="JF12" s="121">
        <v>0</v>
      </c>
      <c r="JG12" s="142">
        <v>0</v>
      </c>
      <c r="JH12" s="119">
        <v>0</v>
      </c>
      <c r="JI12" s="141">
        <v>0</v>
      </c>
      <c r="JJ12" s="118">
        <v>0</v>
      </c>
      <c r="JK12" s="119">
        <v>0</v>
      </c>
      <c r="JL12" s="119">
        <v>0</v>
      </c>
      <c r="JM12" s="119">
        <v>0</v>
      </c>
      <c r="JN12" s="119">
        <v>0</v>
      </c>
      <c r="JO12" s="119">
        <v>0</v>
      </c>
      <c r="JP12" s="120">
        <v>0</v>
      </c>
      <c r="JQ12" s="320">
        <v>0</v>
      </c>
      <c r="JR12" s="142">
        <v>0</v>
      </c>
      <c r="JS12" s="119">
        <v>0</v>
      </c>
      <c r="JT12" s="141">
        <v>0</v>
      </c>
      <c r="JU12" s="118">
        <v>0</v>
      </c>
      <c r="JV12" s="119">
        <v>0</v>
      </c>
      <c r="JW12" s="119">
        <v>0</v>
      </c>
      <c r="JX12" s="119">
        <v>0</v>
      </c>
      <c r="JY12" s="119">
        <v>0</v>
      </c>
      <c r="JZ12" s="119">
        <v>0</v>
      </c>
      <c r="KA12" s="120">
        <v>0</v>
      </c>
      <c r="KB12" s="320">
        <v>0</v>
      </c>
      <c r="KC12" s="234">
        <v>0</v>
      </c>
      <c r="KD12" s="230">
        <v>0</v>
      </c>
      <c r="KE12" s="120">
        <v>0</v>
      </c>
      <c r="KF12" s="118">
        <v>0</v>
      </c>
      <c r="KG12" s="119">
        <v>0</v>
      </c>
      <c r="KH12" s="119">
        <v>0</v>
      </c>
      <c r="KI12" s="119">
        <v>0</v>
      </c>
      <c r="KJ12" s="119">
        <v>0</v>
      </c>
      <c r="KK12" s="119">
        <v>0</v>
      </c>
      <c r="KL12" s="120">
        <v>0</v>
      </c>
      <c r="KM12" s="143">
        <v>0</v>
      </c>
      <c r="KN12" s="232">
        <v>0</v>
      </c>
      <c r="KO12" s="236">
        <v>0</v>
      </c>
      <c r="KP12" s="237">
        <v>0</v>
      </c>
      <c r="KQ12" s="140"/>
      <c r="KR12" s="119">
        <v>0</v>
      </c>
      <c r="KS12" s="119">
        <v>0</v>
      </c>
      <c r="KT12" s="119">
        <v>0</v>
      </c>
      <c r="KU12" s="119">
        <v>0</v>
      </c>
      <c r="KV12" s="119">
        <v>0</v>
      </c>
      <c r="KW12" s="120">
        <v>0</v>
      </c>
      <c r="KX12" s="320">
        <v>0</v>
      </c>
      <c r="KY12" s="142">
        <v>0</v>
      </c>
      <c r="KZ12" s="119">
        <v>0</v>
      </c>
      <c r="LA12" s="120">
        <v>0</v>
      </c>
      <c r="LB12" s="145"/>
      <c r="LC12" s="119">
        <v>0</v>
      </c>
      <c r="LD12" s="119">
        <v>0</v>
      </c>
      <c r="LE12" s="119">
        <v>0</v>
      </c>
      <c r="LF12" s="119">
        <v>0</v>
      </c>
      <c r="LG12" s="119">
        <v>0</v>
      </c>
      <c r="LH12" s="120">
        <v>0</v>
      </c>
      <c r="LI12" s="121">
        <v>0</v>
      </c>
      <c r="LJ12" s="142">
        <v>0</v>
      </c>
      <c r="LK12" s="119">
        <v>0</v>
      </c>
      <c r="LL12" s="120">
        <v>0</v>
      </c>
      <c r="LM12" s="145"/>
      <c r="LN12" s="119">
        <v>0</v>
      </c>
      <c r="LO12" s="119">
        <v>0</v>
      </c>
      <c r="LP12" s="119">
        <v>0</v>
      </c>
      <c r="LQ12" s="119">
        <v>0</v>
      </c>
      <c r="LR12" s="119">
        <v>0</v>
      </c>
      <c r="LS12" s="120">
        <v>0</v>
      </c>
      <c r="LT12" s="320">
        <v>0</v>
      </c>
      <c r="LU12" s="142">
        <v>0</v>
      </c>
      <c r="LV12" s="119">
        <v>0</v>
      </c>
      <c r="LW12" s="120">
        <v>0</v>
      </c>
      <c r="LX12" s="145"/>
      <c r="LY12" s="119">
        <v>0</v>
      </c>
      <c r="LZ12" s="119">
        <v>0</v>
      </c>
      <c r="MA12" s="119">
        <v>0</v>
      </c>
      <c r="MB12" s="119">
        <v>0</v>
      </c>
      <c r="MC12" s="119">
        <v>0</v>
      </c>
      <c r="MD12" s="120">
        <v>0</v>
      </c>
      <c r="ME12" s="121">
        <v>0</v>
      </c>
      <c r="MF12" s="142">
        <v>0</v>
      </c>
      <c r="MG12" s="119">
        <v>0</v>
      </c>
      <c r="MH12" s="120">
        <v>0</v>
      </c>
      <c r="MI12" s="145"/>
      <c r="MJ12" s="119">
        <v>0</v>
      </c>
      <c r="MK12" s="119">
        <v>0</v>
      </c>
      <c r="ML12" s="119">
        <v>0</v>
      </c>
      <c r="MM12" s="119">
        <v>0</v>
      </c>
      <c r="MN12" s="119">
        <v>0</v>
      </c>
      <c r="MO12" s="120">
        <v>0</v>
      </c>
      <c r="MP12" s="143">
        <v>0</v>
      </c>
      <c r="MQ12" s="142">
        <v>0</v>
      </c>
      <c r="MR12" s="119">
        <v>0</v>
      </c>
      <c r="MS12" s="120">
        <v>0</v>
      </c>
      <c r="MT12" s="145"/>
      <c r="MU12" s="119">
        <v>0</v>
      </c>
      <c r="MV12" s="119">
        <v>0</v>
      </c>
      <c r="MW12" s="119">
        <v>0</v>
      </c>
      <c r="MX12" s="119">
        <v>0</v>
      </c>
      <c r="MY12" s="119">
        <v>0</v>
      </c>
      <c r="MZ12" s="120">
        <v>0</v>
      </c>
      <c r="NA12" s="143">
        <v>0</v>
      </c>
      <c r="NB12" s="142">
        <v>0</v>
      </c>
      <c r="NC12" s="119">
        <v>0</v>
      </c>
      <c r="ND12" s="120">
        <v>0</v>
      </c>
      <c r="NE12" s="145"/>
      <c r="NF12" s="119">
        <v>0</v>
      </c>
      <c r="NG12" s="119">
        <v>0</v>
      </c>
      <c r="NH12" s="119">
        <v>0</v>
      </c>
      <c r="NI12" s="119">
        <v>0</v>
      </c>
      <c r="NJ12" s="119">
        <v>0</v>
      </c>
      <c r="NK12" s="120">
        <v>0</v>
      </c>
      <c r="NL12" s="320">
        <v>0</v>
      </c>
      <c r="NM12" s="142">
        <v>0</v>
      </c>
      <c r="NN12" s="119">
        <v>0</v>
      </c>
      <c r="NO12" s="120">
        <v>0</v>
      </c>
      <c r="NP12" s="145"/>
      <c r="NQ12" s="119">
        <v>0</v>
      </c>
      <c r="NR12" s="119">
        <v>0</v>
      </c>
      <c r="NS12" s="119">
        <v>0</v>
      </c>
      <c r="NT12" s="119">
        <v>0</v>
      </c>
      <c r="NU12" s="119">
        <v>0</v>
      </c>
      <c r="NV12" s="120">
        <v>0</v>
      </c>
      <c r="NW12" s="121">
        <v>0</v>
      </c>
      <c r="NX12" s="142">
        <v>0</v>
      </c>
      <c r="NY12" s="119">
        <v>0</v>
      </c>
      <c r="NZ12" s="120">
        <v>0</v>
      </c>
      <c r="OA12" s="145"/>
      <c r="OB12" s="119">
        <v>0</v>
      </c>
      <c r="OC12" s="119">
        <v>0</v>
      </c>
      <c r="OD12" s="119">
        <v>0</v>
      </c>
      <c r="OE12" s="119">
        <v>0</v>
      </c>
      <c r="OF12" s="119">
        <v>0</v>
      </c>
      <c r="OG12" s="120">
        <v>0</v>
      </c>
      <c r="OH12" s="121">
        <v>0</v>
      </c>
      <c r="OI12" s="142">
        <v>274750</v>
      </c>
      <c r="OJ12" s="119">
        <v>95830</v>
      </c>
      <c r="OK12" s="141">
        <v>370580</v>
      </c>
      <c r="OL12" s="118">
        <v>0</v>
      </c>
      <c r="OM12" s="119">
        <v>160090</v>
      </c>
      <c r="ON12" s="119">
        <v>180695</v>
      </c>
      <c r="OO12" s="119">
        <v>0</v>
      </c>
      <c r="OP12" s="119">
        <v>163674</v>
      </c>
      <c r="OQ12" s="119">
        <v>140000</v>
      </c>
      <c r="OR12" s="120">
        <v>644459</v>
      </c>
      <c r="OS12" s="143">
        <v>1015039</v>
      </c>
    </row>
    <row r="13" spans="1:409" ht="21" customHeight="1" x14ac:dyDescent="0.2">
      <c r="B13" s="126" t="s">
        <v>7</v>
      </c>
      <c r="C13" s="110">
        <v>53200</v>
      </c>
      <c r="D13" s="114">
        <v>0</v>
      </c>
      <c r="E13" s="113">
        <v>53200</v>
      </c>
      <c r="F13" s="109">
        <v>0</v>
      </c>
      <c r="G13" s="114">
        <v>36526</v>
      </c>
      <c r="H13" s="114">
        <v>131250</v>
      </c>
      <c r="I13" s="114">
        <v>296128</v>
      </c>
      <c r="J13" s="114">
        <v>49000</v>
      </c>
      <c r="K13" s="114">
        <v>27650</v>
      </c>
      <c r="L13" s="109">
        <v>540554</v>
      </c>
      <c r="M13" s="116">
        <v>593754</v>
      </c>
      <c r="N13" s="110">
        <v>0</v>
      </c>
      <c r="O13" s="114">
        <v>0</v>
      </c>
      <c r="P13" s="113">
        <v>0</v>
      </c>
      <c r="Q13" s="110">
        <v>0</v>
      </c>
      <c r="R13" s="114">
        <v>0</v>
      </c>
      <c r="S13" s="114">
        <v>0</v>
      </c>
      <c r="T13" s="114">
        <v>0</v>
      </c>
      <c r="U13" s="114">
        <v>0</v>
      </c>
      <c r="V13" s="114">
        <v>0</v>
      </c>
      <c r="W13" s="113">
        <v>0</v>
      </c>
      <c r="X13" s="116">
        <v>0</v>
      </c>
      <c r="Y13" s="110">
        <v>0</v>
      </c>
      <c r="Z13" s="114">
        <v>0</v>
      </c>
      <c r="AA13" s="113">
        <v>0</v>
      </c>
      <c r="AB13" s="110">
        <v>0</v>
      </c>
      <c r="AC13" s="114">
        <v>0</v>
      </c>
      <c r="AD13" s="114">
        <v>0</v>
      </c>
      <c r="AE13" s="114">
        <v>0</v>
      </c>
      <c r="AF13" s="114">
        <v>0</v>
      </c>
      <c r="AG13" s="114">
        <v>0</v>
      </c>
      <c r="AH13" s="113">
        <v>0</v>
      </c>
      <c r="AI13" s="116">
        <v>0</v>
      </c>
      <c r="AJ13" s="110">
        <v>0</v>
      </c>
      <c r="AK13" s="114">
        <v>0</v>
      </c>
      <c r="AL13" s="113">
        <v>0</v>
      </c>
      <c r="AM13" s="110">
        <v>0</v>
      </c>
      <c r="AN13" s="114">
        <v>0</v>
      </c>
      <c r="AO13" s="114">
        <v>0</v>
      </c>
      <c r="AP13" s="114">
        <v>0</v>
      </c>
      <c r="AQ13" s="114">
        <v>0</v>
      </c>
      <c r="AR13" s="114">
        <v>0</v>
      </c>
      <c r="AS13" s="113">
        <v>0</v>
      </c>
      <c r="AT13" s="116">
        <v>0</v>
      </c>
      <c r="AU13" s="110">
        <v>0</v>
      </c>
      <c r="AV13" s="114">
        <v>0</v>
      </c>
      <c r="AW13" s="113">
        <v>0</v>
      </c>
      <c r="AX13" s="110">
        <v>0</v>
      </c>
      <c r="AY13" s="114">
        <v>0</v>
      </c>
      <c r="AZ13" s="114">
        <v>0</v>
      </c>
      <c r="BA13" s="114">
        <v>0</v>
      </c>
      <c r="BB13" s="114">
        <v>0</v>
      </c>
      <c r="BC13" s="114">
        <v>0</v>
      </c>
      <c r="BD13" s="113">
        <v>0</v>
      </c>
      <c r="BE13" s="116">
        <v>0</v>
      </c>
      <c r="BF13" s="110">
        <v>0</v>
      </c>
      <c r="BG13" s="114">
        <v>0</v>
      </c>
      <c r="BH13" s="112">
        <v>0</v>
      </c>
      <c r="BI13" s="111">
        <v>0</v>
      </c>
      <c r="BJ13" s="114">
        <v>0</v>
      </c>
      <c r="BK13" s="114">
        <v>0</v>
      </c>
      <c r="BL13" s="114">
        <v>0</v>
      </c>
      <c r="BM13" s="114">
        <v>0</v>
      </c>
      <c r="BN13" s="114">
        <v>0</v>
      </c>
      <c r="BO13" s="113">
        <v>0</v>
      </c>
      <c r="BP13" s="116">
        <v>0</v>
      </c>
      <c r="BQ13" s="110">
        <v>0</v>
      </c>
      <c r="BR13" s="114">
        <v>0</v>
      </c>
      <c r="BS13" s="113">
        <v>0</v>
      </c>
      <c r="BT13" s="110">
        <v>0</v>
      </c>
      <c r="BU13" s="114">
        <v>0</v>
      </c>
      <c r="BV13" s="114">
        <v>0</v>
      </c>
      <c r="BW13" s="114">
        <v>0</v>
      </c>
      <c r="BX13" s="114">
        <v>0</v>
      </c>
      <c r="BY13" s="114">
        <v>0</v>
      </c>
      <c r="BZ13" s="113">
        <v>0</v>
      </c>
      <c r="CA13" s="116">
        <v>0</v>
      </c>
      <c r="CB13" s="110">
        <v>0</v>
      </c>
      <c r="CC13" s="114">
        <v>0</v>
      </c>
      <c r="CD13" s="113">
        <v>0</v>
      </c>
      <c r="CE13" s="110">
        <v>0</v>
      </c>
      <c r="CF13" s="114">
        <v>0</v>
      </c>
      <c r="CG13" s="114">
        <v>0</v>
      </c>
      <c r="CH13" s="114">
        <v>0</v>
      </c>
      <c r="CI13" s="114">
        <v>0</v>
      </c>
      <c r="CJ13" s="114">
        <v>0</v>
      </c>
      <c r="CK13" s="113">
        <v>0</v>
      </c>
      <c r="CL13" s="116">
        <v>0</v>
      </c>
      <c r="CM13" s="110">
        <v>0</v>
      </c>
      <c r="CN13" s="114">
        <v>0</v>
      </c>
      <c r="CO13" s="113">
        <v>0</v>
      </c>
      <c r="CP13" s="111">
        <v>0</v>
      </c>
      <c r="CQ13" s="114">
        <v>0</v>
      </c>
      <c r="CR13" s="114">
        <v>0</v>
      </c>
      <c r="CS13" s="114">
        <v>0</v>
      </c>
      <c r="CT13" s="114">
        <v>0</v>
      </c>
      <c r="CU13" s="114">
        <v>0</v>
      </c>
      <c r="CV13" s="113">
        <v>0</v>
      </c>
      <c r="CW13" s="116">
        <v>0</v>
      </c>
      <c r="CX13" s="110">
        <v>0</v>
      </c>
      <c r="CY13" s="114">
        <v>0</v>
      </c>
      <c r="CZ13" s="113">
        <v>0</v>
      </c>
      <c r="DA13" s="110">
        <v>0</v>
      </c>
      <c r="DB13" s="114">
        <v>0</v>
      </c>
      <c r="DC13" s="114">
        <v>0</v>
      </c>
      <c r="DD13" s="114">
        <v>0</v>
      </c>
      <c r="DE13" s="114">
        <v>0</v>
      </c>
      <c r="DF13" s="114">
        <v>0</v>
      </c>
      <c r="DG13" s="113">
        <v>0</v>
      </c>
      <c r="DH13" s="116">
        <v>0</v>
      </c>
      <c r="DI13" s="110">
        <v>0</v>
      </c>
      <c r="DJ13" s="114">
        <v>0</v>
      </c>
      <c r="DK13" s="112">
        <v>0</v>
      </c>
      <c r="DL13" s="111">
        <v>0</v>
      </c>
      <c r="DM13" s="114">
        <v>0</v>
      </c>
      <c r="DN13" s="114">
        <v>0</v>
      </c>
      <c r="DO13" s="114">
        <v>0</v>
      </c>
      <c r="DP13" s="114">
        <v>0</v>
      </c>
      <c r="DQ13" s="114">
        <v>0</v>
      </c>
      <c r="DR13" s="113">
        <v>0</v>
      </c>
      <c r="DS13" s="116">
        <v>0</v>
      </c>
      <c r="DT13" s="110">
        <v>0</v>
      </c>
      <c r="DU13" s="114">
        <v>0</v>
      </c>
      <c r="DV13" s="113">
        <v>0</v>
      </c>
      <c r="DW13" s="110">
        <v>0</v>
      </c>
      <c r="DX13" s="114">
        <v>0</v>
      </c>
      <c r="DY13" s="114">
        <v>0</v>
      </c>
      <c r="DZ13" s="114">
        <v>0</v>
      </c>
      <c r="EA13" s="114">
        <v>0</v>
      </c>
      <c r="EB13" s="114">
        <v>0</v>
      </c>
      <c r="EC13" s="113">
        <v>0</v>
      </c>
      <c r="ED13" s="116">
        <v>0</v>
      </c>
      <c r="EE13" s="110">
        <v>0</v>
      </c>
      <c r="EF13" s="112">
        <v>0</v>
      </c>
      <c r="EG13" s="113">
        <v>0</v>
      </c>
      <c r="EH13" s="110">
        <v>0</v>
      </c>
      <c r="EI13" s="114">
        <v>0</v>
      </c>
      <c r="EJ13" s="114">
        <v>0</v>
      </c>
      <c r="EK13" s="114">
        <v>0</v>
      </c>
      <c r="EL13" s="114">
        <v>0</v>
      </c>
      <c r="EM13" s="114">
        <v>0</v>
      </c>
      <c r="EN13" s="112">
        <v>0</v>
      </c>
      <c r="EO13" s="116">
        <v>0</v>
      </c>
      <c r="EP13" s="110">
        <v>0</v>
      </c>
      <c r="EQ13" s="114">
        <v>0</v>
      </c>
      <c r="ER13" s="112">
        <v>0</v>
      </c>
      <c r="ES13" s="111">
        <v>0</v>
      </c>
      <c r="ET13" s="114">
        <v>0</v>
      </c>
      <c r="EU13" s="114">
        <v>0</v>
      </c>
      <c r="EV13" s="114">
        <v>0</v>
      </c>
      <c r="EW13" s="114">
        <v>0</v>
      </c>
      <c r="EX13" s="114">
        <v>0</v>
      </c>
      <c r="EY13" s="113">
        <v>0</v>
      </c>
      <c r="EZ13" s="116">
        <v>0</v>
      </c>
      <c r="FA13" s="110">
        <v>0</v>
      </c>
      <c r="FB13" s="114">
        <v>0</v>
      </c>
      <c r="FC13" s="112">
        <v>0</v>
      </c>
      <c r="FD13" s="347"/>
      <c r="FE13" s="114">
        <v>0</v>
      </c>
      <c r="FF13" s="114">
        <v>0</v>
      </c>
      <c r="FG13" s="114">
        <v>0</v>
      </c>
      <c r="FH13" s="114">
        <v>0</v>
      </c>
      <c r="FI13" s="114">
        <v>0</v>
      </c>
      <c r="FJ13" s="113">
        <v>0</v>
      </c>
      <c r="FK13" s="116">
        <v>0</v>
      </c>
      <c r="FL13" s="110">
        <v>53200</v>
      </c>
      <c r="FM13" s="114">
        <v>0</v>
      </c>
      <c r="FN13" s="113">
        <v>53200</v>
      </c>
      <c r="FO13" s="110">
        <v>0</v>
      </c>
      <c r="FP13" s="114">
        <v>36526</v>
      </c>
      <c r="FQ13" s="114">
        <v>131250</v>
      </c>
      <c r="FR13" s="114">
        <v>296128</v>
      </c>
      <c r="FS13" s="114">
        <v>49000</v>
      </c>
      <c r="FT13" s="114">
        <v>27650</v>
      </c>
      <c r="FU13" s="113">
        <v>540554</v>
      </c>
      <c r="FV13" s="116">
        <v>593754</v>
      </c>
      <c r="FW13" s="115">
        <v>0</v>
      </c>
      <c r="FX13" s="114">
        <v>0</v>
      </c>
      <c r="FY13" s="112">
        <v>0</v>
      </c>
      <c r="FZ13" s="111">
        <v>0</v>
      </c>
      <c r="GA13" s="114">
        <v>0</v>
      </c>
      <c r="GB13" s="114">
        <v>0</v>
      </c>
      <c r="GC13" s="114">
        <v>0</v>
      </c>
      <c r="GD13" s="114">
        <v>0</v>
      </c>
      <c r="GE13" s="114">
        <v>0</v>
      </c>
      <c r="GF13" s="113">
        <v>0</v>
      </c>
      <c r="GG13" s="318">
        <v>0</v>
      </c>
      <c r="GH13" s="115">
        <v>0</v>
      </c>
      <c r="GI13" s="114">
        <v>0</v>
      </c>
      <c r="GJ13" s="112">
        <v>0</v>
      </c>
      <c r="GK13" s="111">
        <v>0</v>
      </c>
      <c r="GL13" s="114">
        <v>28826</v>
      </c>
      <c r="GM13" s="114">
        <v>52150</v>
      </c>
      <c r="GN13" s="114">
        <v>66528</v>
      </c>
      <c r="GO13" s="114">
        <v>0</v>
      </c>
      <c r="GP13" s="114">
        <v>27650</v>
      </c>
      <c r="GQ13" s="113">
        <v>175154</v>
      </c>
      <c r="GR13" s="116">
        <v>175154</v>
      </c>
      <c r="GS13" s="110">
        <v>53200</v>
      </c>
      <c r="GT13" s="114">
        <v>0</v>
      </c>
      <c r="GU13" s="113">
        <v>53200</v>
      </c>
      <c r="GV13" s="110">
        <v>0</v>
      </c>
      <c r="GW13" s="114">
        <v>7700</v>
      </c>
      <c r="GX13" s="114">
        <v>79100</v>
      </c>
      <c r="GY13" s="114">
        <v>229600</v>
      </c>
      <c r="GZ13" s="114">
        <v>49000</v>
      </c>
      <c r="HA13" s="114">
        <v>0</v>
      </c>
      <c r="HB13" s="112">
        <v>365400</v>
      </c>
      <c r="HC13" s="116">
        <v>418600</v>
      </c>
      <c r="HD13" s="110">
        <v>0</v>
      </c>
      <c r="HE13" s="114">
        <v>0</v>
      </c>
      <c r="HF13" s="112">
        <v>0</v>
      </c>
      <c r="HG13" s="111">
        <v>0</v>
      </c>
      <c r="HH13" s="114">
        <v>0</v>
      </c>
      <c r="HI13" s="114">
        <v>0</v>
      </c>
      <c r="HJ13" s="114">
        <v>0</v>
      </c>
      <c r="HK13" s="114">
        <v>0</v>
      </c>
      <c r="HL13" s="114">
        <v>0</v>
      </c>
      <c r="HM13" s="113">
        <v>0</v>
      </c>
      <c r="HN13" s="109">
        <v>0</v>
      </c>
      <c r="HO13" s="328"/>
      <c r="HP13" s="329"/>
      <c r="HQ13" s="330"/>
      <c r="HR13" s="331"/>
      <c r="HS13" s="329"/>
      <c r="HT13" s="329"/>
      <c r="HU13" s="329"/>
      <c r="HV13" s="329"/>
      <c r="HW13" s="329"/>
      <c r="HX13" s="332"/>
      <c r="HY13" s="333"/>
      <c r="HZ13" s="131">
        <v>0</v>
      </c>
      <c r="IA13" s="132">
        <v>0</v>
      </c>
      <c r="IB13" s="133">
        <v>0</v>
      </c>
      <c r="IC13" s="146">
        <v>0</v>
      </c>
      <c r="ID13" s="132">
        <v>0</v>
      </c>
      <c r="IE13" s="147">
        <v>0</v>
      </c>
      <c r="IF13" s="133">
        <v>0</v>
      </c>
      <c r="IG13" s="132">
        <v>0</v>
      </c>
      <c r="IH13" s="133">
        <v>0</v>
      </c>
      <c r="II13" s="148">
        <v>0</v>
      </c>
      <c r="IJ13" s="139">
        <v>0</v>
      </c>
      <c r="IK13" s="232">
        <v>0</v>
      </c>
      <c r="IL13" s="236">
        <v>0</v>
      </c>
      <c r="IM13" s="237">
        <v>0</v>
      </c>
      <c r="IN13" s="140"/>
      <c r="IO13" s="119">
        <v>0</v>
      </c>
      <c r="IP13" s="119">
        <v>0</v>
      </c>
      <c r="IQ13" s="119">
        <v>0</v>
      </c>
      <c r="IR13" s="119">
        <v>0</v>
      </c>
      <c r="IS13" s="119">
        <v>0</v>
      </c>
      <c r="IT13" s="141">
        <v>0</v>
      </c>
      <c r="IU13" s="320">
        <v>0</v>
      </c>
      <c r="IV13" s="142">
        <v>0</v>
      </c>
      <c r="IW13" s="119">
        <v>0</v>
      </c>
      <c r="IX13" s="120">
        <v>0</v>
      </c>
      <c r="IY13" s="144"/>
      <c r="IZ13" s="119">
        <v>0</v>
      </c>
      <c r="JA13" s="119">
        <v>0</v>
      </c>
      <c r="JB13" s="119">
        <v>0</v>
      </c>
      <c r="JC13" s="119">
        <v>0</v>
      </c>
      <c r="JD13" s="119">
        <v>0</v>
      </c>
      <c r="JE13" s="120">
        <v>0</v>
      </c>
      <c r="JF13" s="121">
        <v>0</v>
      </c>
      <c r="JG13" s="142">
        <v>0</v>
      </c>
      <c r="JH13" s="119">
        <v>0</v>
      </c>
      <c r="JI13" s="141">
        <v>0</v>
      </c>
      <c r="JJ13" s="118">
        <v>0</v>
      </c>
      <c r="JK13" s="119">
        <v>0</v>
      </c>
      <c r="JL13" s="119">
        <v>0</v>
      </c>
      <c r="JM13" s="119">
        <v>0</v>
      </c>
      <c r="JN13" s="119">
        <v>0</v>
      </c>
      <c r="JO13" s="119">
        <v>0</v>
      </c>
      <c r="JP13" s="120">
        <v>0</v>
      </c>
      <c r="JQ13" s="320">
        <v>0</v>
      </c>
      <c r="JR13" s="142">
        <v>0</v>
      </c>
      <c r="JS13" s="119">
        <v>0</v>
      </c>
      <c r="JT13" s="141">
        <v>0</v>
      </c>
      <c r="JU13" s="118">
        <v>0</v>
      </c>
      <c r="JV13" s="119">
        <v>0</v>
      </c>
      <c r="JW13" s="119">
        <v>0</v>
      </c>
      <c r="JX13" s="119">
        <v>0</v>
      </c>
      <c r="JY13" s="119">
        <v>0</v>
      </c>
      <c r="JZ13" s="119">
        <v>0</v>
      </c>
      <c r="KA13" s="120">
        <v>0</v>
      </c>
      <c r="KB13" s="320">
        <v>0</v>
      </c>
      <c r="KC13" s="234">
        <v>0</v>
      </c>
      <c r="KD13" s="230">
        <v>0</v>
      </c>
      <c r="KE13" s="120">
        <v>0</v>
      </c>
      <c r="KF13" s="118">
        <v>0</v>
      </c>
      <c r="KG13" s="119">
        <v>0</v>
      </c>
      <c r="KH13" s="119">
        <v>0</v>
      </c>
      <c r="KI13" s="119">
        <v>0</v>
      </c>
      <c r="KJ13" s="119">
        <v>0</v>
      </c>
      <c r="KK13" s="119">
        <v>0</v>
      </c>
      <c r="KL13" s="120">
        <v>0</v>
      </c>
      <c r="KM13" s="143">
        <v>0</v>
      </c>
      <c r="KN13" s="232">
        <v>0</v>
      </c>
      <c r="KO13" s="236">
        <v>0</v>
      </c>
      <c r="KP13" s="237">
        <v>0</v>
      </c>
      <c r="KQ13" s="140"/>
      <c r="KR13" s="119">
        <v>0</v>
      </c>
      <c r="KS13" s="119">
        <v>0</v>
      </c>
      <c r="KT13" s="119">
        <v>0</v>
      </c>
      <c r="KU13" s="119">
        <v>0</v>
      </c>
      <c r="KV13" s="119">
        <v>0</v>
      </c>
      <c r="KW13" s="120">
        <v>0</v>
      </c>
      <c r="KX13" s="320">
        <v>0</v>
      </c>
      <c r="KY13" s="142">
        <v>0</v>
      </c>
      <c r="KZ13" s="119">
        <v>0</v>
      </c>
      <c r="LA13" s="120">
        <v>0</v>
      </c>
      <c r="LB13" s="145"/>
      <c r="LC13" s="119">
        <v>0</v>
      </c>
      <c r="LD13" s="119">
        <v>0</v>
      </c>
      <c r="LE13" s="119">
        <v>0</v>
      </c>
      <c r="LF13" s="119">
        <v>0</v>
      </c>
      <c r="LG13" s="119">
        <v>0</v>
      </c>
      <c r="LH13" s="120">
        <v>0</v>
      </c>
      <c r="LI13" s="121">
        <v>0</v>
      </c>
      <c r="LJ13" s="142">
        <v>0</v>
      </c>
      <c r="LK13" s="119">
        <v>0</v>
      </c>
      <c r="LL13" s="120">
        <v>0</v>
      </c>
      <c r="LM13" s="145"/>
      <c r="LN13" s="119">
        <v>0</v>
      </c>
      <c r="LO13" s="119">
        <v>0</v>
      </c>
      <c r="LP13" s="119">
        <v>0</v>
      </c>
      <c r="LQ13" s="119">
        <v>0</v>
      </c>
      <c r="LR13" s="119">
        <v>0</v>
      </c>
      <c r="LS13" s="120">
        <v>0</v>
      </c>
      <c r="LT13" s="320">
        <v>0</v>
      </c>
      <c r="LU13" s="142">
        <v>0</v>
      </c>
      <c r="LV13" s="119">
        <v>0</v>
      </c>
      <c r="LW13" s="120">
        <v>0</v>
      </c>
      <c r="LX13" s="145"/>
      <c r="LY13" s="119">
        <v>0</v>
      </c>
      <c r="LZ13" s="119">
        <v>0</v>
      </c>
      <c r="MA13" s="119">
        <v>0</v>
      </c>
      <c r="MB13" s="119">
        <v>0</v>
      </c>
      <c r="MC13" s="119">
        <v>0</v>
      </c>
      <c r="MD13" s="120">
        <v>0</v>
      </c>
      <c r="ME13" s="121">
        <v>0</v>
      </c>
      <c r="MF13" s="142">
        <v>0</v>
      </c>
      <c r="MG13" s="119">
        <v>0</v>
      </c>
      <c r="MH13" s="120">
        <v>0</v>
      </c>
      <c r="MI13" s="145"/>
      <c r="MJ13" s="119">
        <v>0</v>
      </c>
      <c r="MK13" s="119">
        <v>0</v>
      </c>
      <c r="ML13" s="119">
        <v>0</v>
      </c>
      <c r="MM13" s="119">
        <v>0</v>
      </c>
      <c r="MN13" s="119">
        <v>0</v>
      </c>
      <c r="MO13" s="120">
        <v>0</v>
      </c>
      <c r="MP13" s="143">
        <v>0</v>
      </c>
      <c r="MQ13" s="142">
        <v>0</v>
      </c>
      <c r="MR13" s="119">
        <v>0</v>
      </c>
      <c r="MS13" s="120">
        <v>0</v>
      </c>
      <c r="MT13" s="145"/>
      <c r="MU13" s="119">
        <v>0</v>
      </c>
      <c r="MV13" s="119">
        <v>0</v>
      </c>
      <c r="MW13" s="119">
        <v>0</v>
      </c>
      <c r="MX13" s="119">
        <v>0</v>
      </c>
      <c r="MY13" s="119">
        <v>0</v>
      </c>
      <c r="MZ13" s="120">
        <v>0</v>
      </c>
      <c r="NA13" s="143">
        <v>0</v>
      </c>
      <c r="NB13" s="142">
        <v>0</v>
      </c>
      <c r="NC13" s="119">
        <v>0</v>
      </c>
      <c r="ND13" s="120">
        <v>0</v>
      </c>
      <c r="NE13" s="145"/>
      <c r="NF13" s="119">
        <v>0</v>
      </c>
      <c r="NG13" s="119">
        <v>0</v>
      </c>
      <c r="NH13" s="119">
        <v>0</v>
      </c>
      <c r="NI13" s="119">
        <v>0</v>
      </c>
      <c r="NJ13" s="119">
        <v>0</v>
      </c>
      <c r="NK13" s="120">
        <v>0</v>
      </c>
      <c r="NL13" s="320">
        <v>0</v>
      </c>
      <c r="NM13" s="142">
        <v>0</v>
      </c>
      <c r="NN13" s="119">
        <v>0</v>
      </c>
      <c r="NO13" s="120">
        <v>0</v>
      </c>
      <c r="NP13" s="145"/>
      <c r="NQ13" s="119">
        <v>0</v>
      </c>
      <c r="NR13" s="119">
        <v>0</v>
      </c>
      <c r="NS13" s="119">
        <v>0</v>
      </c>
      <c r="NT13" s="119">
        <v>0</v>
      </c>
      <c r="NU13" s="119">
        <v>0</v>
      </c>
      <c r="NV13" s="120">
        <v>0</v>
      </c>
      <c r="NW13" s="121">
        <v>0</v>
      </c>
      <c r="NX13" s="142">
        <v>0</v>
      </c>
      <c r="NY13" s="119">
        <v>0</v>
      </c>
      <c r="NZ13" s="120">
        <v>0</v>
      </c>
      <c r="OA13" s="145"/>
      <c r="OB13" s="119">
        <v>0</v>
      </c>
      <c r="OC13" s="119">
        <v>0</v>
      </c>
      <c r="OD13" s="119">
        <v>0</v>
      </c>
      <c r="OE13" s="119">
        <v>0</v>
      </c>
      <c r="OF13" s="119">
        <v>0</v>
      </c>
      <c r="OG13" s="120">
        <v>0</v>
      </c>
      <c r="OH13" s="121">
        <v>0</v>
      </c>
      <c r="OI13" s="142">
        <v>53200</v>
      </c>
      <c r="OJ13" s="119">
        <v>0</v>
      </c>
      <c r="OK13" s="141">
        <v>53200</v>
      </c>
      <c r="OL13" s="118">
        <v>0</v>
      </c>
      <c r="OM13" s="119">
        <v>36526</v>
      </c>
      <c r="ON13" s="119">
        <v>131250</v>
      </c>
      <c r="OO13" s="119">
        <v>296128</v>
      </c>
      <c r="OP13" s="119">
        <v>49000</v>
      </c>
      <c r="OQ13" s="119">
        <v>27650</v>
      </c>
      <c r="OR13" s="120">
        <v>540554</v>
      </c>
      <c r="OS13" s="143">
        <v>593754</v>
      </c>
    </row>
    <row r="14" spans="1:409" ht="21" customHeight="1" x14ac:dyDescent="0.2">
      <c r="B14" s="126" t="s">
        <v>8</v>
      </c>
      <c r="C14" s="110">
        <v>0</v>
      </c>
      <c r="D14" s="114">
        <v>0</v>
      </c>
      <c r="E14" s="113">
        <v>0</v>
      </c>
      <c r="F14" s="109">
        <v>0</v>
      </c>
      <c r="G14" s="114">
        <v>181580</v>
      </c>
      <c r="H14" s="114">
        <v>0</v>
      </c>
      <c r="I14" s="114">
        <v>48972</v>
      </c>
      <c r="J14" s="114">
        <v>205450</v>
      </c>
      <c r="K14" s="114">
        <v>17325</v>
      </c>
      <c r="L14" s="109">
        <v>453327</v>
      </c>
      <c r="M14" s="116">
        <v>453327</v>
      </c>
      <c r="N14" s="110">
        <v>0</v>
      </c>
      <c r="O14" s="114">
        <v>0</v>
      </c>
      <c r="P14" s="113">
        <v>0</v>
      </c>
      <c r="Q14" s="110">
        <v>0</v>
      </c>
      <c r="R14" s="114">
        <v>0</v>
      </c>
      <c r="S14" s="114">
        <v>0</v>
      </c>
      <c r="T14" s="114">
        <v>0</v>
      </c>
      <c r="U14" s="114">
        <v>0</v>
      </c>
      <c r="V14" s="114">
        <v>0</v>
      </c>
      <c r="W14" s="113">
        <v>0</v>
      </c>
      <c r="X14" s="116">
        <v>0</v>
      </c>
      <c r="Y14" s="110">
        <v>0</v>
      </c>
      <c r="Z14" s="114">
        <v>0</v>
      </c>
      <c r="AA14" s="113">
        <v>0</v>
      </c>
      <c r="AB14" s="110">
        <v>0</v>
      </c>
      <c r="AC14" s="114">
        <v>0</v>
      </c>
      <c r="AD14" s="114">
        <v>0</v>
      </c>
      <c r="AE14" s="114">
        <v>0</v>
      </c>
      <c r="AF14" s="114">
        <v>0</v>
      </c>
      <c r="AG14" s="114">
        <v>0</v>
      </c>
      <c r="AH14" s="113">
        <v>0</v>
      </c>
      <c r="AI14" s="116">
        <v>0</v>
      </c>
      <c r="AJ14" s="110">
        <v>0</v>
      </c>
      <c r="AK14" s="114">
        <v>0</v>
      </c>
      <c r="AL14" s="113">
        <v>0</v>
      </c>
      <c r="AM14" s="110">
        <v>0</v>
      </c>
      <c r="AN14" s="114">
        <v>0</v>
      </c>
      <c r="AO14" s="114">
        <v>0</v>
      </c>
      <c r="AP14" s="114">
        <v>0</v>
      </c>
      <c r="AQ14" s="114">
        <v>0</v>
      </c>
      <c r="AR14" s="114">
        <v>0</v>
      </c>
      <c r="AS14" s="113">
        <v>0</v>
      </c>
      <c r="AT14" s="116">
        <v>0</v>
      </c>
      <c r="AU14" s="110">
        <v>0</v>
      </c>
      <c r="AV14" s="114">
        <v>0</v>
      </c>
      <c r="AW14" s="113">
        <v>0</v>
      </c>
      <c r="AX14" s="110">
        <v>0</v>
      </c>
      <c r="AY14" s="114">
        <v>0</v>
      </c>
      <c r="AZ14" s="114">
        <v>0</v>
      </c>
      <c r="BA14" s="114">
        <v>0</v>
      </c>
      <c r="BB14" s="114">
        <v>0</v>
      </c>
      <c r="BC14" s="114">
        <v>0</v>
      </c>
      <c r="BD14" s="113">
        <v>0</v>
      </c>
      <c r="BE14" s="116">
        <v>0</v>
      </c>
      <c r="BF14" s="110">
        <v>0</v>
      </c>
      <c r="BG14" s="114">
        <v>0</v>
      </c>
      <c r="BH14" s="112">
        <v>0</v>
      </c>
      <c r="BI14" s="111">
        <v>0</v>
      </c>
      <c r="BJ14" s="114">
        <v>0</v>
      </c>
      <c r="BK14" s="114">
        <v>0</v>
      </c>
      <c r="BL14" s="114">
        <v>0</v>
      </c>
      <c r="BM14" s="114">
        <v>0</v>
      </c>
      <c r="BN14" s="114">
        <v>0</v>
      </c>
      <c r="BO14" s="113">
        <v>0</v>
      </c>
      <c r="BP14" s="116">
        <v>0</v>
      </c>
      <c r="BQ14" s="110">
        <v>0</v>
      </c>
      <c r="BR14" s="114">
        <v>0</v>
      </c>
      <c r="BS14" s="113">
        <v>0</v>
      </c>
      <c r="BT14" s="110">
        <v>0</v>
      </c>
      <c r="BU14" s="114">
        <v>0</v>
      </c>
      <c r="BV14" s="114">
        <v>0</v>
      </c>
      <c r="BW14" s="114">
        <v>0</v>
      </c>
      <c r="BX14" s="114">
        <v>0</v>
      </c>
      <c r="BY14" s="114">
        <v>0</v>
      </c>
      <c r="BZ14" s="113">
        <v>0</v>
      </c>
      <c r="CA14" s="116">
        <v>0</v>
      </c>
      <c r="CB14" s="110">
        <v>0</v>
      </c>
      <c r="CC14" s="114">
        <v>0</v>
      </c>
      <c r="CD14" s="113">
        <v>0</v>
      </c>
      <c r="CE14" s="110">
        <v>0</v>
      </c>
      <c r="CF14" s="114">
        <v>0</v>
      </c>
      <c r="CG14" s="114">
        <v>0</v>
      </c>
      <c r="CH14" s="114">
        <v>0</v>
      </c>
      <c r="CI14" s="114">
        <v>0</v>
      </c>
      <c r="CJ14" s="114">
        <v>0</v>
      </c>
      <c r="CK14" s="113">
        <v>0</v>
      </c>
      <c r="CL14" s="116">
        <v>0</v>
      </c>
      <c r="CM14" s="110">
        <v>0</v>
      </c>
      <c r="CN14" s="114">
        <v>0</v>
      </c>
      <c r="CO14" s="113">
        <v>0</v>
      </c>
      <c r="CP14" s="111">
        <v>0</v>
      </c>
      <c r="CQ14" s="114">
        <v>0</v>
      </c>
      <c r="CR14" s="114">
        <v>0</v>
      </c>
      <c r="CS14" s="114">
        <v>0</v>
      </c>
      <c r="CT14" s="114">
        <v>0</v>
      </c>
      <c r="CU14" s="114">
        <v>0</v>
      </c>
      <c r="CV14" s="113">
        <v>0</v>
      </c>
      <c r="CW14" s="116">
        <v>0</v>
      </c>
      <c r="CX14" s="110">
        <v>0</v>
      </c>
      <c r="CY14" s="114">
        <v>0</v>
      </c>
      <c r="CZ14" s="113">
        <v>0</v>
      </c>
      <c r="DA14" s="110">
        <v>0</v>
      </c>
      <c r="DB14" s="114">
        <v>0</v>
      </c>
      <c r="DC14" s="114">
        <v>0</v>
      </c>
      <c r="DD14" s="114">
        <v>0</v>
      </c>
      <c r="DE14" s="114">
        <v>0</v>
      </c>
      <c r="DF14" s="114">
        <v>0</v>
      </c>
      <c r="DG14" s="113">
        <v>0</v>
      </c>
      <c r="DH14" s="116">
        <v>0</v>
      </c>
      <c r="DI14" s="110">
        <v>0</v>
      </c>
      <c r="DJ14" s="114">
        <v>0</v>
      </c>
      <c r="DK14" s="112">
        <v>0</v>
      </c>
      <c r="DL14" s="111">
        <v>0</v>
      </c>
      <c r="DM14" s="114">
        <v>0</v>
      </c>
      <c r="DN14" s="114">
        <v>0</v>
      </c>
      <c r="DO14" s="114">
        <v>0</v>
      </c>
      <c r="DP14" s="114">
        <v>0</v>
      </c>
      <c r="DQ14" s="114">
        <v>0</v>
      </c>
      <c r="DR14" s="113">
        <v>0</v>
      </c>
      <c r="DS14" s="116">
        <v>0</v>
      </c>
      <c r="DT14" s="110">
        <v>0</v>
      </c>
      <c r="DU14" s="114">
        <v>0</v>
      </c>
      <c r="DV14" s="113">
        <v>0</v>
      </c>
      <c r="DW14" s="110">
        <v>0</v>
      </c>
      <c r="DX14" s="114">
        <v>0</v>
      </c>
      <c r="DY14" s="114">
        <v>0</v>
      </c>
      <c r="DZ14" s="114">
        <v>0</v>
      </c>
      <c r="EA14" s="114">
        <v>0</v>
      </c>
      <c r="EB14" s="114">
        <v>0</v>
      </c>
      <c r="EC14" s="113">
        <v>0</v>
      </c>
      <c r="ED14" s="116">
        <v>0</v>
      </c>
      <c r="EE14" s="110">
        <v>0</v>
      </c>
      <c r="EF14" s="112">
        <v>0</v>
      </c>
      <c r="EG14" s="113">
        <v>0</v>
      </c>
      <c r="EH14" s="110">
        <v>0</v>
      </c>
      <c r="EI14" s="114">
        <v>0</v>
      </c>
      <c r="EJ14" s="114">
        <v>0</v>
      </c>
      <c r="EK14" s="114">
        <v>0</v>
      </c>
      <c r="EL14" s="114">
        <v>0</v>
      </c>
      <c r="EM14" s="114">
        <v>0</v>
      </c>
      <c r="EN14" s="112">
        <v>0</v>
      </c>
      <c r="EO14" s="116">
        <v>0</v>
      </c>
      <c r="EP14" s="110">
        <v>0</v>
      </c>
      <c r="EQ14" s="114">
        <v>0</v>
      </c>
      <c r="ER14" s="112">
        <v>0</v>
      </c>
      <c r="ES14" s="111">
        <v>0</v>
      </c>
      <c r="ET14" s="114">
        <v>0</v>
      </c>
      <c r="EU14" s="114">
        <v>0</v>
      </c>
      <c r="EV14" s="114">
        <v>0</v>
      </c>
      <c r="EW14" s="114">
        <v>0</v>
      </c>
      <c r="EX14" s="114">
        <v>0</v>
      </c>
      <c r="EY14" s="113">
        <v>0</v>
      </c>
      <c r="EZ14" s="116">
        <v>0</v>
      </c>
      <c r="FA14" s="110">
        <v>0</v>
      </c>
      <c r="FB14" s="114">
        <v>0</v>
      </c>
      <c r="FC14" s="112">
        <v>0</v>
      </c>
      <c r="FD14" s="347"/>
      <c r="FE14" s="114">
        <v>0</v>
      </c>
      <c r="FF14" s="114">
        <v>0</v>
      </c>
      <c r="FG14" s="114">
        <v>0</v>
      </c>
      <c r="FH14" s="114">
        <v>0</v>
      </c>
      <c r="FI14" s="114">
        <v>0</v>
      </c>
      <c r="FJ14" s="113">
        <v>0</v>
      </c>
      <c r="FK14" s="116">
        <v>0</v>
      </c>
      <c r="FL14" s="110">
        <v>0</v>
      </c>
      <c r="FM14" s="114">
        <v>0</v>
      </c>
      <c r="FN14" s="113">
        <v>0</v>
      </c>
      <c r="FO14" s="110">
        <v>0</v>
      </c>
      <c r="FP14" s="114">
        <v>181580</v>
      </c>
      <c r="FQ14" s="114">
        <v>0</v>
      </c>
      <c r="FR14" s="114">
        <v>48972</v>
      </c>
      <c r="FS14" s="114">
        <v>205450</v>
      </c>
      <c r="FT14" s="114">
        <v>17325</v>
      </c>
      <c r="FU14" s="113">
        <v>453327</v>
      </c>
      <c r="FV14" s="116">
        <v>453327</v>
      </c>
      <c r="FW14" s="115">
        <v>0</v>
      </c>
      <c r="FX14" s="114">
        <v>0</v>
      </c>
      <c r="FY14" s="112">
        <v>0</v>
      </c>
      <c r="FZ14" s="111">
        <v>0</v>
      </c>
      <c r="GA14" s="114">
        <v>0</v>
      </c>
      <c r="GB14" s="114">
        <v>0</v>
      </c>
      <c r="GC14" s="114">
        <v>0</v>
      </c>
      <c r="GD14" s="114">
        <v>0</v>
      </c>
      <c r="GE14" s="114">
        <v>0</v>
      </c>
      <c r="GF14" s="113">
        <v>0</v>
      </c>
      <c r="GG14" s="318">
        <v>0</v>
      </c>
      <c r="GH14" s="115">
        <v>0</v>
      </c>
      <c r="GI14" s="114">
        <v>0</v>
      </c>
      <c r="GJ14" s="112">
        <v>0</v>
      </c>
      <c r="GK14" s="111">
        <v>0</v>
      </c>
      <c r="GL14" s="114">
        <v>41580</v>
      </c>
      <c r="GM14" s="114">
        <v>0</v>
      </c>
      <c r="GN14" s="114">
        <v>48972</v>
      </c>
      <c r="GO14" s="114">
        <v>0</v>
      </c>
      <c r="GP14" s="114">
        <v>17325</v>
      </c>
      <c r="GQ14" s="113">
        <v>107877</v>
      </c>
      <c r="GR14" s="116">
        <v>107877</v>
      </c>
      <c r="GS14" s="110">
        <v>0</v>
      </c>
      <c r="GT14" s="114">
        <v>0</v>
      </c>
      <c r="GU14" s="113">
        <v>0</v>
      </c>
      <c r="GV14" s="110">
        <v>0</v>
      </c>
      <c r="GW14" s="114">
        <v>140000</v>
      </c>
      <c r="GX14" s="114">
        <v>0</v>
      </c>
      <c r="GY14" s="114">
        <v>0</v>
      </c>
      <c r="GZ14" s="114">
        <v>205450</v>
      </c>
      <c r="HA14" s="114">
        <v>0</v>
      </c>
      <c r="HB14" s="112">
        <v>345450</v>
      </c>
      <c r="HC14" s="116">
        <v>345450</v>
      </c>
      <c r="HD14" s="110">
        <v>0</v>
      </c>
      <c r="HE14" s="114">
        <v>0</v>
      </c>
      <c r="HF14" s="112">
        <v>0</v>
      </c>
      <c r="HG14" s="111">
        <v>0</v>
      </c>
      <c r="HH14" s="114">
        <v>0</v>
      </c>
      <c r="HI14" s="114">
        <v>0</v>
      </c>
      <c r="HJ14" s="114">
        <v>0</v>
      </c>
      <c r="HK14" s="114">
        <v>0</v>
      </c>
      <c r="HL14" s="114">
        <v>0</v>
      </c>
      <c r="HM14" s="113">
        <v>0</v>
      </c>
      <c r="HN14" s="109">
        <v>0</v>
      </c>
      <c r="HO14" s="328"/>
      <c r="HP14" s="329"/>
      <c r="HQ14" s="330"/>
      <c r="HR14" s="331"/>
      <c r="HS14" s="329"/>
      <c r="HT14" s="329"/>
      <c r="HU14" s="329"/>
      <c r="HV14" s="329"/>
      <c r="HW14" s="329"/>
      <c r="HX14" s="332"/>
      <c r="HY14" s="333"/>
      <c r="HZ14" s="131">
        <v>0</v>
      </c>
      <c r="IA14" s="132">
        <v>0</v>
      </c>
      <c r="IB14" s="133">
        <v>0</v>
      </c>
      <c r="IC14" s="134">
        <v>0</v>
      </c>
      <c r="ID14" s="135">
        <v>0</v>
      </c>
      <c r="IE14" s="136">
        <v>0</v>
      </c>
      <c r="IF14" s="137">
        <v>0</v>
      </c>
      <c r="IG14" s="135">
        <v>0</v>
      </c>
      <c r="IH14" s="137">
        <v>0</v>
      </c>
      <c r="II14" s="138">
        <v>0</v>
      </c>
      <c r="IJ14" s="139">
        <v>0</v>
      </c>
      <c r="IK14" s="232">
        <v>0</v>
      </c>
      <c r="IL14" s="236">
        <v>0</v>
      </c>
      <c r="IM14" s="237">
        <v>0</v>
      </c>
      <c r="IN14" s="140"/>
      <c r="IO14" s="119">
        <v>0</v>
      </c>
      <c r="IP14" s="119">
        <v>0</v>
      </c>
      <c r="IQ14" s="119">
        <v>0</v>
      </c>
      <c r="IR14" s="119">
        <v>0</v>
      </c>
      <c r="IS14" s="119">
        <v>0</v>
      </c>
      <c r="IT14" s="141">
        <v>0</v>
      </c>
      <c r="IU14" s="320">
        <v>0</v>
      </c>
      <c r="IV14" s="142">
        <v>0</v>
      </c>
      <c r="IW14" s="119">
        <v>0</v>
      </c>
      <c r="IX14" s="120">
        <v>0</v>
      </c>
      <c r="IY14" s="144"/>
      <c r="IZ14" s="119">
        <v>0</v>
      </c>
      <c r="JA14" s="119">
        <v>0</v>
      </c>
      <c r="JB14" s="119">
        <v>0</v>
      </c>
      <c r="JC14" s="119">
        <v>0</v>
      </c>
      <c r="JD14" s="119">
        <v>0</v>
      </c>
      <c r="JE14" s="120">
        <v>0</v>
      </c>
      <c r="JF14" s="121">
        <v>0</v>
      </c>
      <c r="JG14" s="142">
        <v>0</v>
      </c>
      <c r="JH14" s="119">
        <v>0</v>
      </c>
      <c r="JI14" s="141">
        <v>0</v>
      </c>
      <c r="JJ14" s="118">
        <v>0</v>
      </c>
      <c r="JK14" s="119">
        <v>0</v>
      </c>
      <c r="JL14" s="119">
        <v>0</v>
      </c>
      <c r="JM14" s="119">
        <v>0</v>
      </c>
      <c r="JN14" s="119">
        <v>0</v>
      </c>
      <c r="JO14" s="119">
        <v>0</v>
      </c>
      <c r="JP14" s="120">
        <v>0</v>
      </c>
      <c r="JQ14" s="320">
        <v>0</v>
      </c>
      <c r="JR14" s="142">
        <v>0</v>
      </c>
      <c r="JS14" s="119">
        <v>0</v>
      </c>
      <c r="JT14" s="141">
        <v>0</v>
      </c>
      <c r="JU14" s="118">
        <v>0</v>
      </c>
      <c r="JV14" s="119">
        <v>0</v>
      </c>
      <c r="JW14" s="119">
        <v>0</v>
      </c>
      <c r="JX14" s="119">
        <v>0</v>
      </c>
      <c r="JY14" s="119">
        <v>0</v>
      </c>
      <c r="JZ14" s="119">
        <v>0</v>
      </c>
      <c r="KA14" s="120">
        <v>0</v>
      </c>
      <c r="KB14" s="320">
        <v>0</v>
      </c>
      <c r="KC14" s="234">
        <v>0</v>
      </c>
      <c r="KD14" s="230">
        <v>0</v>
      </c>
      <c r="KE14" s="120">
        <v>0</v>
      </c>
      <c r="KF14" s="118">
        <v>0</v>
      </c>
      <c r="KG14" s="119">
        <v>0</v>
      </c>
      <c r="KH14" s="119">
        <v>0</v>
      </c>
      <c r="KI14" s="119">
        <v>0</v>
      </c>
      <c r="KJ14" s="119">
        <v>0</v>
      </c>
      <c r="KK14" s="119">
        <v>0</v>
      </c>
      <c r="KL14" s="120">
        <v>0</v>
      </c>
      <c r="KM14" s="143">
        <v>0</v>
      </c>
      <c r="KN14" s="232">
        <v>0</v>
      </c>
      <c r="KO14" s="236">
        <v>0</v>
      </c>
      <c r="KP14" s="237">
        <v>0</v>
      </c>
      <c r="KQ14" s="140"/>
      <c r="KR14" s="119">
        <v>0</v>
      </c>
      <c r="KS14" s="119">
        <v>0</v>
      </c>
      <c r="KT14" s="119">
        <v>0</v>
      </c>
      <c r="KU14" s="119">
        <v>0</v>
      </c>
      <c r="KV14" s="119">
        <v>0</v>
      </c>
      <c r="KW14" s="120">
        <v>0</v>
      </c>
      <c r="KX14" s="320">
        <v>0</v>
      </c>
      <c r="KY14" s="142">
        <v>0</v>
      </c>
      <c r="KZ14" s="119">
        <v>0</v>
      </c>
      <c r="LA14" s="120">
        <v>0</v>
      </c>
      <c r="LB14" s="145"/>
      <c r="LC14" s="119">
        <v>0</v>
      </c>
      <c r="LD14" s="119">
        <v>0</v>
      </c>
      <c r="LE14" s="119">
        <v>0</v>
      </c>
      <c r="LF14" s="119">
        <v>0</v>
      </c>
      <c r="LG14" s="119">
        <v>0</v>
      </c>
      <c r="LH14" s="120">
        <v>0</v>
      </c>
      <c r="LI14" s="121">
        <v>0</v>
      </c>
      <c r="LJ14" s="142">
        <v>0</v>
      </c>
      <c r="LK14" s="119">
        <v>0</v>
      </c>
      <c r="LL14" s="120">
        <v>0</v>
      </c>
      <c r="LM14" s="145"/>
      <c r="LN14" s="119">
        <v>0</v>
      </c>
      <c r="LO14" s="119">
        <v>0</v>
      </c>
      <c r="LP14" s="119">
        <v>0</v>
      </c>
      <c r="LQ14" s="119">
        <v>0</v>
      </c>
      <c r="LR14" s="119">
        <v>0</v>
      </c>
      <c r="LS14" s="120">
        <v>0</v>
      </c>
      <c r="LT14" s="320">
        <v>0</v>
      </c>
      <c r="LU14" s="142">
        <v>0</v>
      </c>
      <c r="LV14" s="119">
        <v>0</v>
      </c>
      <c r="LW14" s="120">
        <v>0</v>
      </c>
      <c r="LX14" s="145"/>
      <c r="LY14" s="119">
        <v>0</v>
      </c>
      <c r="LZ14" s="119">
        <v>0</v>
      </c>
      <c r="MA14" s="119">
        <v>0</v>
      </c>
      <c r="MB14" s="119">
        <v>0</v>
      </c>
      <c r="MC14" s="119">
        <v>0</v>
      </c>
      <c r="MD14" s="120">
        <v>0</v>
      </c>
      <c r="ME14" s="121">
        <v>0</v>
      </c>
      <c r="MF14" s="142">
        <v>0</v>
      </c>
      <c r="MG14" s="119">
        <v>0</v>
      </c>
      <c r="MH14" s="120">
        <v>0</v>
      </c>
      <c r="MI14" s="145"/>
      <c r="MJ14" s="119">
        <v>0</v>
      </c>
      <c r="MK14" s="119">
        <v>0</v>
      </c>
      <c r="ML14" s="119">
        <v>0</v>
      </c>
      <c r="MM14" s="119">
        <v>0</v>
      </c>
      <c r="MN14" s="119">
        <v>0</v>
      </c>
      <c r="MO14" s="120">
        <v>0</v>
      </c>
      <c r="MP14" s="143">
        <v>0</v>
      </c>
      <c r="MQ14" s="142">
        <v>0</v>
      </c>
      <c r="MR14" s="119">
        <v>0</v>
      </c>
      <c r="MS14" s="120">
        <v>0</v>
      </c>
      <c r="MT14" s="145"/>
      <c r="MU14" s="119">
        <v>0</v>
      </c>
      <c r="MV14" s="119">
        <v>0</v>
      </c>
      <c r="MW14" s="119">
        <v>0</v>
      </c>
      <c r="MX14" s="119">
        <v>0</v>
      </c>
      <c r="MY14" s="119">
        <v>0</v>
      </c>
      <c r="MZ14" s="120">
        <v>0</v>
      </c>
      <c r="NA14" s="143">
        <v>0</v>
      </c>
      <c r="NB14" s="142">
        <v>0</v>
      </c>
      <c r="NC14" s="119">
        <v>0</v>
      </c>
      <c r="ND14" s="120">
        <v>0</v>
      </c>
      <c r="NE14" s="145"/>
      <c r="NF14" s="119">
        <v>0</v>
      </c>
      <c r="NG14" s="119">
        <v>0</v>
      </c>
      <c r="NH14" s="119">
        <v>0</v>
      </c>
      <c r="NI14" s="119">
        <v>0</v>
      </c>
      <c r="NJ14" s="119">
        <v>0</v>
      </c>
      <c r="NK14" s="120">
        <v>0</v>
      </c>
      <c r="NL14" s="320">
        <v>0</v>
      </c>
      <c r="NM14" s="142">
        <v>0</v>
      </c>
      <c r="NN14" s="119">
        <v>0</v>
      </c>
      <c r="NO14" s="120">
        <v>0</v>
      </c>
      <c r="NP14" s="145"/>
      <c r="NQ14" s="119">
        <v>0</v>
      </c>
      <c r="NR14" s="119">
        <v>0</v>
      </c>
      <c r="NS14" s="119">
        <v>0</v>
      </c>
      <c r="NT14" s="119">
        <v>0</v>
      </c>
      <c r="NU14" s="119">
        <v>0</v>
      </c>
      <c r="NV14" s="120">
        <v>0</v>
      </c>
      <c r="NW14" s="121">
        <v>0</v>
      </c>
      <c r="NX14" s="142">
        <v>0</v>
      </c>
      <c r="NY14" s="119">
        <v>0</v>
      </c>
      <c r="NZ14" s="120">
        <v>0</v>
      </c>
      <c r="OA14" s="145"/>
      <c r="OB14" s="119">
        <v>0</v>
      </c>
      <c r="OC14" s="119">
        <v>0</v>
      </c>
      <c r="OD14" s="119">
        <v>0</v>
      </c>
      <c r="OE14" s="119">
        <v>0</v>
      </c>
      <c r="OF14" s="119">
        <v>0</v>
      </c>
      <c r="OG14" s="120">
        <v>0</v>
      </c>
      <c r="OH14" s="121">
        <v>0</v>
      </c>
      <c r="OI14" s="142">
        <v>0</v>
      </c>
      <c r="OJ14" s="119">
        <v>0</v>
      </c>
      <c r="OK14" s="141">
        <v>0</v>
      </c>
      <c r="OL14" s="118">
        <v>0</v>
      </c>
      <c r="OM14" s="119">
        <v>181580</v>
      </c>
      <c r="ON14" s="119">
        <v>0</v>
      </c>
      <c r="OO14" s="119">
        <v>48972</v>
      </c>
      <c r="OP14" s="119">
        <v>205450</v>
      </c>
      <c r="OQ14" s="119">
        <v>17325</v>
      </c>
      <c r="OR14" s="120">
        <v>453327</v>
      </c>
      <c r="OS14" s="143">
        <v>453327</v>
      </c>
    </row>
    <row r="15" spans="1:409" ht="21" customHeight="1" x14ac:dyDescent="0.2">
      <c r="B15" s="126" t="s">
        <v>9</v>
      </c>
      <c r="C15" s="110">
        <v>141470</v>
      </c>
      <c r="D15" s="114">
        <v>21560</v>
      </c>
      <c r="E15" s="113">
        <v>163030</v>
      </c>
      <c r="F15" s="111">
        <v>0</v>
      </c>
      <c r="G15" s="114">
        <v>78120</v>
      </c>
      <c r="H15" s="114">
        <v>126196</v>
      </c>
      <c r="I15" s="114">
        <v>78400</v>
      </c>
      <c r="J15" s="114">
        <v>39725</v>
      </c>
      <c r="K15" s="114">
        <v>53095</v>
      </c>
      <c r="L15" s="109">
        <v>375536</v>
      </c>
      <c r="M15" s="116">
        <v>538566</v>
      </c>
      <c r="N15" s="110">
        <v>0</v>
      </c>
      <c r="O15" s="114">
        <v>0</v>
      </c>
      <c r="P15" s="113">
        <v>0</v>
      </c>
      <c r="Q15" s="110">
        <v>0</v>
      </c>
      <c r="R15" s="114">
        <v>0</v>
      </c>
      <c r="S15" s="114">
        <v>0</v>
      </c>
      <c r="T15" s="114">
        <v>0</v>
      </c>
      <c r="U15" s="114">
        <v>0</v>
      </c>
      <c r="V15" s="114">
        <v>0</v>
      </c>
      <c r="W15" s="113">
        <v>0</v>
      </c>
      <c r="X15" s="116">
        <v>0</v>
      </c>
      <c r="Y15" s="110">
        <v>0</v>
      </c>
      <c r="Z15" s="114">
        <v>0</v>
      </c>
      <c r="AA15" s="113">
        <v>0</v>
      </c>
      <c r="AB15" s="110">
        <v>0</v>
      </c>
      <c r="AC15" s="114">
        <v>0</v>
      </c>
      <c r="AD15" s="114">
        <v>0</v>
      </c>
      <c r="AE15" s="114">
        <v>0</v>
      </c>
      <c r="AF15" s="114">
        <v>0</v>
      </c>
      <c r="AG15" s="114">
        <v>0</v>
      </c>
      <c r="AH15" s="113">
        <v>0</v>
      </c>
      <c r="AI15" s="116">
        <v>0</v>
      </c>
      <c r="AJ15" s="110">
        <v>0</v>
      </c>
      <c r="AK15" s="114">
        <v>0</v>
      </c>
      <c r="AL15" s="113">
        <v>0</v>
      </c>
      <c r="AM15" s="110">
        <v>0</v>
      </c>
      <c r="AN15" s="114">
        <v>0</v>
      </c>
      <c r="AO15" s="114">
        <v>0</v>
      </c>
      <c r="AP15" s="114">
        <v>0</v>
      </c>
      <c r="AQ15" s="114">
        <v>0</v>
      </c>
      <c r="AR15" s="114">
        <v>0</v>
      </c>
      <c r="AS15" s="113">
        <v>0</v>
      </c>
      <c r="AT15" s="116">
        <v>0</v>
      </c>
      <c r="AU15" s="110">
        <v>0</v>
      </c>
      <c r="AV15" s="114">
        <v>0</v>
      </c>
      <c r="AW15" s="113">
        <v>0</v>
      </c>
      <c r="AX15" s="110">
        <v>0</v>
      </c>
      <c r="AY15" s="114">
        <v>0</v>
      </c>
      <c r="AZ15" s="114">
        <v>0</v>
      </c>
      <c r="BA15" s="114">
        <v>0</v>
      </c>
      <c r="BB15" s="114">
        <v>0</v>
      </c>
      <c r="BC15" s="114">
        <v>0</v>
      </c>
      <c r="BD15" s="113">
        <v>0</v>
      </c>
      <c r="BE15" s="116">
        <v>0</v>
      </c>
      <c r="BF15" s="110">
        <v>0</v>
      </c>
      <c r="BG15" s="114">
        <v>0</v>
      </c>
      <c r="BH15" s="112">
        <v>0</v>
      </c>
      <c r="BI15" s="111">
        <v>0</v>
      </c>
      <c r="BJ15" s="114">
        <v>0</v>
      </c>
      <c r="BK15" s="114">
        <v>0</v>
      </c>
      <c r="BL15" s="114">
        <v>0</v>
      </c>
      <c r="BM15" s="114">
        <v>0</v>
      </c>
      <c r="BN15" s="114">
        <v>0</v>
      </c>
      <c r="BO15" s="113">
        <v>0</v>
      </c>
      <c r="BP15" s="116">
        <v>0</v>
      </c>
      <c r="BQ15" s="110">
        <v>0</v>
      </c>
      <c r="BR15" s="114">
        <v>0</v>
      </c>
      <c r="BS15" s="113">
        <v>0</v>
      </c>
      <c r="BT15" s="110">
        <v>0</v>
      </c>
      <c r="BU15" s="114">
        <v>0</v>
      </c>
      <c r="BV15" s="114">
        <v>0</v>
      </c>
      <c r="BW15" s="114">
        <v>0</v>
      </c>
      <c r="BX15" s="114">
        <v>0</v>
      </c>
      <c r="BY15" s="114">
        <v>0</v>
      </c>
      <c r="BZ15" s="113">
        <v>0</v>
      </c>
      <c r="CA15" s="116">
        <v>0</v>
      </c>
      <c r="CB15" s="110">
        <v>0</v>
      </c>
      <c r="CC15" s="114">
        <v>0</v>
      </c>
      <c r="CD15" s="113">
        <v>0</v>
      </c>
      <c r="CE15" s="110">
        <v>0</v>
      </c>
      <c r="CF15" s="114">
        <v>0</v>
      </c>
      <c r="CG15" s="114">
        <v>0</v>
      </c>
      <c r="CH15" s="114">
        <v>0</v>
      </c>
      <c r="CI15" s="114">
        <v>0</v>
      </c>
      <c r="CJ15" s="114">
        <v>0</v>
      </c>
      <c r="CK15" s="113">
        <v>0</v>
      </c>
      <c r="CL15" s="116">
        <v>0</v>
      </c>
      <c r="CM15" s="110">
        <v>0</v>
      </c>
      <c r="CN15" s="114">
        <v>0</v>
      </c>
      <c r="CO15" s="113">
        <v>0</v>
      </c>
      <c r="CP15" s="111">
        <v>0</v>
      </c>
      <c r="CQ15" s="114">
        <v>0</v>
      </c>
      <c r="CR15" s="114">
        <v>0</v>
      </c>
      <c r="CS15" s="114">
        <v>0</v>
      </c>
      <c r="CT15" s="114">
        <v>0</v>
      </c>
      <c r="CU15" s="114">
        <v>0</v>
      </c>
      <c r="CV15" s="113">
        <v>0</v>
      </c>
      <c r="CW15" s="116">
        <v>0</v>
      </c>
      <c r="CX15" s="110">
        <v>0</v>
      </c>
      <c r="CY15" s="114">
        <v>0</v>
      </c>
      <c r="CZ15" s="113">
        <v>0</v>
      </c>
      <c r="DA15" s="110">
        <v>0</v>
      </c>
      <c r="DB15" s="114">
        <v>0</v>
      </c>
      <c r="DC15" s="114">
        <v>0</v>
      </c>
      <c r="DD15" s="114">
        <v>0</v>
      </c>
      <c r="DE15" s="114">
        <v>0</v>
      </c>
      <c r="DF15" s="114">
        <v>0</v>
      </c>
      <c r="DG15" s="113">
        <v>0</v>
      </c>
      <c r="DH15" s="116">
        <v>0</v>
      </c>
      <c r="DI15" s="110">
        <v>0</v>
      </c>
      <c r="DJ15" s="114">
        <v>0</v>
      </c>
      <c r="DK15" s="112">
        <v>0</v>
      </c>
      <c r="DL15" s="111">
        <v>0</v>
      </c>
      <c r="DM15" s="114">
        <v>0</v>
      </c>
      <c r="DN15" s="114">
        <v>0</v>
      </c>
      <c r="DO15" s="114">
        <v>0</v>
      </c>
      <c r="DP15" s="114">
        <v>0</v>
      </c>
      <c r="DQ15" s="114">
        <v>0</v>
      </c>
      <c r="DR15" s="113">
        <v>0</v>
      </c>
      <c r="DS15" s="116">
        <v>0</v>
      </c>
      <c r="DT15" s="110">
        <v>0</v>
      </c>
      <c r="DU15" s="114">
        <v>0</v>
      </c>
      <c r="DV15" s="113">
        <v>0</v>
      </c>
      <c r="DW15" s="110">
        <v>0</v>
      </c>
      <c r="DX15" s="114">
        <v>0</v>
      </c>
      <c r="DY15" s="114">
        <v>0</v>
      </c>
      <c r="DZ15" s="114">
        <v>0</v>
      </c>
      <c r="EA15" s="114">
        <v>0</v>
      </c>
      <c r="EB15" s="114">
        <v>0</v>
      </c>
      <c r="EC15" s="113">
        <v>0</v>
      </c>
      <c r="ED15" s="116">
        <v>0</v>
      </c>
      <c r="EE15" s="110">
        <v>0</v>
      </c>
      <c r="EF15" s="112">
        <v>0</v>
      </c>
      <c r="EG15" s="113">
        <v>0</v>
      </c>
      <c r="EH15" s="110">
        <v>0</v>
      </c>
      <c r="EI15" s="114">
        <v>0</v>
      </c>
      <c r="EJ15" s="114">
        <v>0</v>
      </c>
      <c r="EK15" s="114">
        <v>0</v>
      </c>
      <c r="EL15" s="114">
        <v>0</v>
      </c>
      <c r="EM15" s="114">
        <v>0</v>
      </c>
      <c r="EN15" s="112">
        <v>0</v>
      </c>
      <c r="EO15" s="116">
        <v>0</v>
      </c>
      <c r="EP15" s="110">
        <v>0</v>
      </c>
      <c r="EQ15" s="114">
        <v>0</v>
      </c>
      <c r="ER15" s="112">
        <v>0</v>
      </c>
      <c r="ES15" s="111">
        <v>0</v>
      </c>
      <c r="ET15" s="114">
        <v>0</v>
      </c>
      <c r="EU15" s="114">
        <v>0</v>
      </c>
      <c r="EV15" s="114">
        <v>0</v>
      </c>
      <c r="EW15" s="114">
        <v>0</v>
      </c>
      <c r="EX15" s="114">
        <v>0</v>
      </c>
      <c r="EY15" s="113">
        <v>0</v>
      </c>
      <c r="EZ15" s="116">
        <v>0</v>
      </c>
      <c r="FA15" s="110">
        <v>0</v>
      </c>
      <c r="FB15" s="114">
        <v>0</v>
      </c>
      <c r="FC15" s="112">
        <v>0</v>
      </c>
      <c r="FD15" s="347"/>
      <c r="FE15" s="114">
        <v>0</v>
      </c>
      <c r="FF15" s="114">
        <v>0</v>
      </c>
      <c r="FG15" s="114">
        <v>0</v>
      </c>
      <c r="FH15" s="114">
        <v>0</v>
      </c>
      <c r="FI15" s="114">
        <v>0</v>
      </c>
      <c r="FJ15" s="113">
        <v>0</v>
      </c>
      <c r="FK15" s="116">
        <v>0</v>
      </c>
      <c r="FL15" s="110">
        <v>141470</v>
      </c>
      <c r="FM15" s="114">
        <v>21560</v>
      </c>
      <c r="FN15" s="113">
        <v>163030</v>
      </c>
      <c r="FO15" s="110">
        <v>0</v>
      </c>
      <c r="FP15" s="114">
        <v>78120</v>
      </c>
      <c r="FQ15" s="114">
        <v>126196</v>
      </c>
      <c r="FR15" s="114">
        <v>78400</v>
      </c>
      <c r="FS15" s="114">
        <v>39725</v>
      </c>
      <c r="FT15" s="114">
        <v>53095</v>
      </c>
      <c r="FU15" s="113">
        <v>375536</v>
      </c>
      <c r="FV15" s="116">
        <v>538566</v>
      </c>
      <c r="FW15" s="115">
        <v>0</v>
      </c>
      <c r="FX15" s="114">
        <v>0</v>
      </c>
      <c r="FY15" s="112">
        <v>0</v>
      </c>
      <c r="FZ15" s="111">
        <v>0</v>
      </c>
      <c r="GA15" s="114">
        <v>0</v>
      </c>
      <c r="GB15" s="114">
        <v>0</v>
      </c>
      <c r="GC15" s="114">
        <v>0</v>
      </c>
      <c r="GD15" s="114">
        <v>0</v>
      </c>
      <c r="GE15" s="114">
        <v>0</v>
      </c>
      <c r="GF15" s="113">
        <v>0</v>
      </c>
      <c r="GG15" s="318">
        <v>0</v>
      </c>
      <c r="GH15" s="115">
        <v>0</v>
      </c>
      <c r="GI15" s="114">
        <v>21560</v>
      </c>
      <c r="GJ15" s="112">
        <v>21560</v>
      </c>
      <c r="GK15" s="111">
        <v>0</v>
      </c>
      <c r="GL15" s="114">
        <v>12320</v>
      </c>
      <c r="GM15" s="114">
        <v>26796</v>
      </c>
      <c r="GN15" s="114">
        <v>11200</v>
      </c>
      <c r="GO15" s="114">
        <v>39725</v>
      </c>
      <c r="GP15" s="114">
        <v>33495</v>
      </c>
      <c r="GQ15" s="113">
        <v>123536</v>
      </c>
      <c r="GR15" s="116">
        <v>145096</v>
      </c>
      <c r="GS15" s="110">
        <v>141470</v>
      </c>
      <c r="GT15" s="114">
        <v>0</v>
      </c>
      <c r="GU15" s="113">
        <v>141470</v>
      </c>
      <c r="GV15" s="110">
        <v>0</v>
      </c>
      <c r="GW15" s="114">
        <v>65800</v>
      </c>
      <c r="GX15" s="114">
        <v>99400</v>
      </c>
      <c r="GY15" s="114">
        <v>67200</v>
      </c>
      <c r="GZ15" s="114">
        <v>0</v>
      </c>
      <c r="HA15" s="114">
        <v>19600</v>
      </c>
      <c r="HB15" s="112">
        <v>252000</v>
      </c>
      <c r="HC15" s="116">
        <v>393470</v>
      </c>
      <c r="HD15" s="110">
        <v>0</v>
      </c>
      <c r="HE15" s="114">
        <v>0</v>
      </c>
      <c r="HF15" s="112">
        <v>0</v>
      </c>
      <c r="HG15" s="111">
        <v>0</v>
      </c>
      <c r="HH15" s="114">
        <v>0</v>
      </c>
      <c r="HI15" s="114">
        <v>0</v>
      </c>
      <c r="HJ15" s="114">
        <v>0</v>
      </c>
      <c r="HK15" s="114">
        <v>0</v>
      </c>
      <c r="HL15" s="114">
        <v>0</v>
      </c>
      <c r="HM15" s="113">
        <v>0</v>
      </c>
      <c r="HN15" s="109">
        <v>0</v>
      </c>
      <c r="HO15" s="328"/>
      <c r="HP15" s="329"/>
      <c r="HQ15" s="330"/>
      <c r="HR15" s="331"/>
      <c r="HS15" s="329"/>
      <c r="HT15" s="329"/>
      <c r="HU15" s="329"/>
      <c r="HV15" s="329"/>
      <c r="HW15" s="329"/>
      <c r="HX15" s="332"/>
      <c r="HY15" s="333"/>
      <c r="HZ15" s="128">
        <v>0</v>
      </c>
      <c r="IA15" s="149">
        <v>0</v>
      </c>
      <c r="IB15" s="129">
        <v>0</v>
      </c>
      <c r="IC15" s="146">
        <v>0</v>
      </c>
      <c r="ID15" s="132">
        <v>0</v>
      </c>
      <c r="IE15" s="147">
        <v>0</v>
      </c>
      <c r="IF15" s="133">
        <v>0</v>
      </c>
      <c r="IG15" s="132">
        <v>0</v>
      </c>
      <c r="IH15" s="133">
        <v>0</v>
      </c>
      <c r="II15" s="148">
        <v>0</v>
      </c>
      <c r="IJ15" s="130">
        <v>0</v>
      </c>
      <c r="IK15" s="232">
        <v>0</v>
      </c>
      <c r="IL15" s="236">
        <v>0</v>
      </c>
      <c r="IM15" s="237">
        <v>0</v>
      </c>
      <c r="IN15" s="140"/>
      <c r="IO15" s="119">
        <v>0</v>
      </c>
      <c r="IP15" s="119">
        <v>0</v>
      </c>
      <c r="IQ15" s="119">
        <v>0</v>
      </c>
      <c r="IR15" s="119">
        <v>0</v>
      </c>
      <c r="IS15" s="119">
        <v>0</v>
      </c>
      <c r="IT15" s="141">
        <v>0</v>
      </c>
      <c r="IU15" s="320">
        <v>0</v>
      </c>
      <c r="IV15" s="142">
        <v>0</v>
      </c>
      <c r="IW15" s="119">
        <v>0</v>
      </c>
      <c r="IX15" s="120">
        <v>0</v>
      </c>
      <c r="IY15" s="144"/>
      <c r="IZ15" s="119">
        <v>0</v>
      </c>
      <c r="JA15" s="119">
        <v>0</v>
      </c>
      <c r="JB15" s="119">
        <v>0</v>
      </c>
      <c r="JC15" s="119">
        <v>0</v>
      </c>
      <c r="JD15" s="119">
        <v>0</v>
      </c>
      <c r="JE15" s="120">
        <v>0</v>
      </c>
      <c r="JF15" s="121">
        <v>0</v>
      </c>
      <c r="JG15" s="142">
        <v>0</v>
      </c>
      <c r="JH15" s="119">
        <v>0</v>
      </c>
      <c r="JI15" s="141">
        <v>0</v>
      </c>
      <c r="JJ15" s="118">
        <v>0</v>
      </c>
      <c r="JK15" s="119">
        <v>0</v>
      </c>
      <c r="JL15" s="119">
        <v>0</v>
      </c>
      <c r="JM15" s="119">
        <v>0</v>
      </c>
      <c r="JN15" s="119">
        <v>0</v>
      </c>
      <c r="JO15" s="119">
        <v>0</v>
      </c>
      <c r="JP15" s="120">
        <v>0</v>
      </c>
      <c r="JQ15" s="320">
        <v>0</v>
      </c>
      <c r="JR15" s="142">
        <v>0</v>
      </c>
      <c r="JS15" s="119">
        <v>0</v>
      </c>
      <c r="JT15" s="141">
        <v>0</v>
      </c>
      <c r="JU15" s="118">
        <v>0</v>
      </c>
      <c r="JV15" s="119">
        <v>0</v>
      </c>
      <c r="JW15" s="119">
        <v>0</v>
      </c>
      <c r="JX15" s="119">
        <v>0</v>
      </c>
      <c r="JY15" s="119">
        <v>0</v>
      </c>
      <c r="JZ15" s="119">
        <v>0</v>
      </c>
      <c r="KA15" s="120">
        <v>0</v>
      </c>
      <c r="KB15" s="320">
        <v>0</v>
      </c>
      <c r="KC15" s="234">
        <v>0</v>
      </c>
      <c r="KD15" s="230">
        <v>0</v>
      </c>
      <c r="KE15" s="120">
        <v>0</v>
      </c>
      <c r="KF15" s="118">
        <v>0</v>
      </c>
      <c r="KG15" s="119">
        <v>0</v>
      </c>
      <c r="KH15" s="119">
        <v>0</v>
      </c>
      <c r="KI15" s="119">
        <v>0</v>
      </c>
      <c r="KJ15" s="119">
        <v>0</v>
      </c>
      <c r="KK15" s="119">
        <v>0</v>
      </c>
      <c r="KL15" s="120">
        <v>0</v>
      </c>
      <c r="KM15" s="143">
        <v>0</v>
      </c>
      <c r="KN15" s="232">
        <v>0</v>
      </c>
      <c r="KO15" s="236">
        <v>0</v>
      </c>
      <c r="KP15" s="237">
        <v>0</v>
      </c>
      <c r="KQ15" s="140"/>
      <c r="KR15" s="119">
        <v>0</v>
      </c>
      <c r="KS15" s="119">
        <v>0</v>
      </c>
      <c r="KT15" s="119">
        <v>0</v>
      </c>
      <c r="KU15" s="119">
        <v>0</v>
      </c>
      <c r="KV15" s="119">
        <v>0</v>
      </c>
      <c r="KW15" s="120">
        <v>0</v>
      </c>
      <c r="KX15" s="320">
        <v>0</v>
      </c>
      <c r="KY15" s="142">
        <v>0</v>
      </c>
      <c r="KZ15" s="119">
        <v>0</v>
      </c>
      <c r="LA15" s="120">
        <v>0</v>
      </c>
      <c r="LB15" s="145"/>
      <c r="LC15" s="119">
        <v>0</v>
      </c>
      <c r="LD15" s="119">
        <v>0</v>
      </c>
      <c r="LE15" s="119">
        <v>0</v>
      </c>
      <c r="LF15" s="119">
        <v>0</v>
      </c>
      <c r="LG15" s="119">
        <v>0</v>
      </c>
      <c r="LH15" s="120">
        <v>0</v>
      </c>
      <c r="LI15" s="121">
        <v>0</v>
      </c>
      <c r="LJ15" s="142">
        <v>0</v>
      </c>
      <c r="LK15" s="119">
        <v>0</v>
      </c>
      <c r="LL15" s="120">
        <v>0</v>
      </c>
      <c r="LM15" s="145"/>
      <c r="LN15" s="119">
        <v>0</v>
      </c>
      <c r="LO15" s="119">
        <v>0</v>
      </c>
      <c r="LP15" s="119">
        <v>0</v>
      </c>
      <c r="LQ15" s="119">
        <v>0</v>
      </c>
      <c r="LR15" s="119">
        <v>0</v>
      </c>
      <c r="LS15" s="120">
        <v>0</v>
      </c>
      <c r="LT15" s="320">
        <v>0</v>
      </c>
      <c r="LU15" s="142">
        <v>0</v>
      </c>
      <c r="LV15" s="119">
        <v>0</v>
      </c>
      <c r="LW15" s="120">
        <v>0</v>
      </c>
      <c r="LX15" s="145"/>
      <c r="LY15" s="119">
        <v>0</v>
      </c>
      <c r="LZ15" s="119">
        <v>0</v>
      </c>
      <c r="MA15" s="119">
        <v>0</v>
      </c>
      <c r="MB15" s="119">
        <v>0</v>
      </c>
      <c r="MC15" s="119">
        <v>0</v>
      </c>
      <c r="MD15" s="120">
        <v>0</v>
      </c>
      <c r="ME15" s="121">
        <v>0</v>
      </c>
      <c r="MF15" s="142">
        <v>0</v>
      </c>
      <c r="MG15" s="119">
        <v>0</v>
      </c>
      <c r="MH15" s="120">
        <v>0</v>
      </c>
      <c r="MI15" s="145"/>
      <c r="MJ15" s="119">
        <v>0</v>
      </c>
      <c r="MK15" s="119">
        <v>0</v>
      </c>
      <c r="ML15" s="119">
        <v>0</v>
      </c>
      <c r="MM15" s="119">
        <v>0</v>
      </c>
      <c r="MN15" s="119">
        <v>0</v>
      </c>
      <c r="MO15" s="120">
        <v>0</v>
      </c>
      <c r="MP15" s="143">
        <v>0</v>
      </c>
      <c r="MQ15" s="142">
        <v>0</v>
      </c>
      <c r="MR15" s="119">
        <v>0</v>
      </c>
      <c r="MS15" s="120">
        <v>0</v>
      </c>
      <c r="MT15" s="145"/>
      <c r="MU15" s="119">
        <v>0</v>
      </c>
      <c r="MV15" s="119">
        <v>0</v>
      </c>
      <c r="MW15" s="119">
        <v>0</v>
      </c>
      <c r="MX15" s="119">
        <v>0</v>
      </c>
      <c r="MY15" s="119">
        <v>0</v>
      </c>
      <c r="MZ15" s="120">
        <v>0</v>
      </c>
      <c r="NA15" s="143">
        <v>0</v>
      </c>
      <c r="NB15" s="142">
        <v>0</v>
      </c>
      <c r="NC15" s="119">
        <v>0</v>
      </c>
      <c r="ND15" s="120">
        <v>0</v>
      </c>
      <c r="NE15" s="145"/>
      <c r="NF15" s="119">
        <v>0</v>
      </c>
      <c r="NG15" s="119">
        <v>0</v>
      </c>
      <c r="NH15" s="119">
        <v>0</v>
      </c>
      <c r="NI15" s="119">
        <v>0</v>
      </c>
      <c r="NJ15" s="119">
        <v>0</v>
      </c>
      <c r="NK15" s="120">
        <v>0</v>
      </c>
      <c r="NL15" s="320">
        <v>0</v>
      </c>
      <c r="NM15" s="142">
        <v>0</v>
      </c>
      <c r="NN15" s="119">
        <v>0</v>
      </c>
      <c r="NO15" s="120">
        <v>0</v>
      </c>
      <c r="NP15" s="145"/>
      <c r="NQ15" s="119">
        <v>0</v>
      </c>
      <c r="NR15" s="119">
        <v>0</v>
      </c>
      <c r="NS15" s="119">
        <v>0</v>
      </c>
      <c r="NT15" s="119">
        <v>0</v>
      </c>
      <c r="NU15" s="119">
        <v>0</v>
      </c>
      <c r="NV15" s="120">
        <v>0</v>
      </c>
      <c r="NW15" s="121">
        <v>0</v>
      </c>
      <c r="NX15" s="142">
        <v>0</v>
      </c>
      <c r="NY15" s="119">
        <v>0</v>
      </c>
      <c r="NZ15" s="120">
        <v>0</v>
      </c>
      <c r="OA15" s="145"/>
      <c r="OB15" s="119">
        <v>0</v>
      </c>
      <c r="OC15" s="119">
        <v>0</v>
      </c>
      <c r="OD15" s="119">
        <v>0</v>
      </c>
      <c r="OE15" s="119">
        <v>0</v>
      </c>
      <c r="OF15" s="119">
        <v>0</v>
      </c>
      <c r="OG15" s="120">
        <v>0</v>
      </c>
      <c r="OH15" s="121">
        <v>0</v>
      </c>
      <c r="OI15" s="142">
        <v>141470</v>
      </c>
      <c r="OJ15" s="119">
        <v>21560</v>
      </c>
      <c r="OK15" s="141">
        <v>163030</v>
      </c>
      <c r="OL15" s="118">
        <v>0</v>
      </c>
      <c r="OM15" s="119">
        <v>78120</v>
      </c>
      <c r="ON15" s="119">
        <v>126196</v>
      </c>
      <c r="OO15" s="119">
        <v>78400</v>
      </c>
      <c r="OP15" s="119">
        <v>39725</v>
      </c>
      <c r="OQ15" s="119">
        <v>53095</v>
      </c>
      <c r="OR15" s="120">
        <v>375536</v>
      </c>
      <c r="OS15" s="143">
        <v>538566</v>
      </c>
    </row>
    <row r="16" spans="1:409" ht="21" customHeight="1" x14ac:dyDescent="0.2">
      <c r="B16" s="126" t="s">
        <v>10</v>
      </c>
      <c r="C16" s="110">
        <v>142800</v>
      </c>
      <c r="D16" s="114">
        <v>452620</v>
      </c>
      <c r="E16" s="113">
        <v>595420</v>
      </c>
      <c r="F16" s="172">
        <v>0</v>
      </c>
      <c r="G16" s="114">
        <v>229110</v>
      </c>
      <c r="H16" s="114">
        <v>9590</v>
      </c>
      <c r="I16" s="114">
        <v>0</v>
      </c>
      <c r="J16" s="114">
        <v>88550</v>
      </c>
      <c r="K16" s="114">
        <v>0</v>
      </c>
      <c r="L16" s="109">
        <v>327250</v>
      </c>
      <c r="M16" s="116">
        <v>922670</v>
      </c>
      <c r="N16" s="110">
        <v>0</v>
      </c>
      <c r="O16" s="114">
        <v>0</v>
      </c>
      <c r="P16" s="113">
        <v>0</v>
      </c>
      <c r="Q16" s="110">
        <v>0</v>
      </c>
      <c r="R16" s="114">
        <v>0</v>
      </c>
      <c r="S16" s="114">
        <v>0</v>
      </c>
      <c r="T16" s="114">
        <v>0</v>
      </c>
      <c r="U16" s="114">
        <v>0</v>
      </c>
      <c r="V16" s="114">
        <v>0</v>
      </c>
      <c r="W16" s="113">
        <v>0</v>
      </c>
      <c r="X16" s="116">
        <v>0</v>
      </c>
      <c r="Y16" s="110">
        <v>0</v>
      </c>
      <c r="Z16" s="114">
        <v>0</v>
      </c>
      <c r="AA16" s="113">
        <v>0</v>
      </c>
      <c r="AB16" s="110">
        <v>0</v>
      </c>
      <c r="AC16" s="114">
        <v>0</v>
      </c>
      <c r="AD16" s="114">
        <v>0</v>
      </c>
      <c r="AE16" s="114">
        <v>0</v>
      </c>
      <c r="AF16" s="114">
        <v>0</v>
      </c>
      <c r="AG16" s="114">
        <v>0</v>
      </c>
      <c r="AH16" s="113">
        <v>0</v>
      </c>
      <c r="AI16" s="116">
        <v>0</v>
      </c>
      <c r="AJ16" s="110">
        <v>0</v>
      </c>
      <c r="AK16" s="114">
        <v>0</v>
      </c>
      <c r="AL16" s="113">
        <v>0</v>
      </c>
      <c r="AM16" s="110">
        <v>0</v>
      </c>
      <c r="AN16" s="114">
        <v>0</v>
      </c>
      <c r="AO16" s="114">
        <v>0</v>
      </c>
      <c r="AP16" s="114">
        <v>0</v>
      </c>
      <c r="AQ16" s="114">
        <v>0</v>
      </c>
      <c r="AR16" s="114">
        <v>0</v>
      </c>
      <c r="AS16" s="113">
        <v>0</v>
      </c>
      <c r="AT16" s="116">
        <v>0</v>
      </c>
      <c r="AU16" s="110">
        <v>0</v>
      </c>
      <c r="AV16" s="114">
        <v>0</v>
      </c>
      <c r="AW16" s="113">
        <v>0</v>
      </c>
      <c r="AX16" s="110">
        <v>0</v>
      </c>
      <c r="AY16" s="114">
        <v>0</v>
      </c>
      <c r="AZ16" s="114">
        <v>0</v>
      </c>
      <c r="BA16" s="114">
        <v>0</v>
      </c>
      <c r="BB16" s="114">
        <v>0</v>
      </c>
      <c r="BC16" s="114">
        <v>0</v>
      </c>
      <c r="BD16" s="113">
        <v>0</v>
      </c>
      <c r="BE16" s="116">
        <v>0</v>
      </c>
      <c r="BF16" s="110">
        <v>0</v>
      </c>
      <c r="BG16" s="114">
        <v>0</v>
      </c>
      <c r="BH16" s="112">
        <v>0</v>
      </c>
      <c r="BI16" s="111">
        <v>0</v>
      </c>
      <c r="BJ16" s="114">
        <v>0</v>
      </c>
      <c r="BK16" s="114">
        <v>0</v>
      </c>
      <c r="BL16" s="114">
        <v>0</v>
      </c>
      <c r="BM16" s="114">
        <v>0</v>
      </c>
      <c r="BN16" s="114">
        <v>0</v>
      </c>
      <c r="BO16" s="113">
        <v>0</v>
      </c>
      <c r="BP16" s="116">
        <v>0</v>
      </c>
      <c r="BQ16" s="110">
        <v>0</v>
      </c>
      <c r="BR16" s="114">
        <v>0</v>
      </c>
      <c r="BS16" s="113">
        <v>0</v>
      </c>
      <c r="BT16" s="110">
        <v>0</v>
      </c>
      <c r="BU16" s="114">
        <v>0</v>
      </c>
      <c r="BV16" s="114">
        <v>0</v>
      </c>
      <c r="BW16" s="114">
        <v>0</v>
      </c>
      <c r="BX16" s="114">
        <v>0</v>
      </c>
      <c r="BY16" s="114">
        <v>0</v>
      </c>
      <c r="BZ16" s="113">
        <v>0</v>
      </c>
      <c r="CA16" s="116">
        <v>0</v>
      </c>
      <c r="CB16" s="110">
        <v>0</v>
      </c>
      <c r="CC16" s="114">
        <v>0</v>
      </c>
      <c r="CD16" s="113">
        <v>0</v>
      </c>
      <c r="CE16" s="110">
        <v>0</v>
      </c>
      <c r="CF16" s="114">
        <v>0</v>
      </c>
      <c r="CG16" s="114">
        <v>0</v>
      </c>
      <c r="CH16" s="114">
        <v>0</v>
      </c>
      <c r="CI16" s="114">
        <v>0</v>
      </c>
      <c r="CJ16" s="114">
        <v>0</v>
      </c>
      <c r="CK16" s="113">
        <v>0</v>
      </c>
      <c r="CL16" s="116">
        <v>0</v>
      </c>
      <c r="CM16" s="110">
        <v>0</v>
      </c>
      <c r="CN16" s="114">
        <v>0</v>
      </c>
      <c r="CO16" s="113">
        <v>0</v>
      </c>
      <c r="CP16" s="111">
        <v>0</v>
      </c>
      <c r="CQ16" s="114">
        <v>0</v>
      </c>
      <c r="CR16" s="114">
        <v>0</v>
      </c>
      <c r="CS16" s="114">
        <v>0</v>
      </c>
      <c r="CT16" s="114">
        <v>0</v>
      </c>
      <c r="CU16" s="114">
        <v>0</v>
      </c>
      <c r="CV16" s="113">
        <v>0</v>
      </c>
      <c r="CW16" s="116">
        <v>0</v>
      </c>
      <c r="CX16" s="110">
        <v>0</v>
      </c>
      <c r="CY16" s="114">
        <v>0</v>
      </c>
      <c r="CZ16" s="113">
        <v>0</v>
      </c>
      <c r="DA16" s="110">
        <v>0</v>
      </c>
      <c r="DB16" s="114">
        <v>0</v>
      </c>
      <c r="DC16" s="114">
        <v>0</v>
      </c>
      <c r="DD16" s="114">
        <v>0</v>
      </c>
      <c r="DE16" s="114">
        <v>0</v>
      </c>
      <c r="DF16" s="114">
        <v>0</v>
      </c>
      <c r="DG16" s="113">
        <v>0</v>
      </c>
      <c r="DH16" s="116">
        <v>0</v>
      </c>
      <c r="DI16" s="110">
        <v>0</v>
      </c>
      <c r="DJ16" s="114">
        <v>0</v>
      </c>
      <c r="DK16" s="112">
        <v>0</v>
      </c>
      <c r="DL16" s="111">
        <v>0</v>
      </c>
      <c r="DM16" s="114">
        <v>0</v>
      </c>
      <c r="DN16" s="114">
        <v>0</v>
      </c>
      <c r="DO16" s="114">
        <v>0</v>
      </c>
      <c r="DP16" s="114">
        <v>0</v>
      </c>
      <c r="DQ16" s="114">
        <v>0</v>
      </c>
      <c r="DR16" s="113">
        <v>0</v>
      </c>
      <c r="DS16" s="116">
        <v>0</v>
      </c>
      <c r="DT16" s="110">
        <v>0</v>
      </c>
      <c r="DU16" s="114">
        <v>0</v>
      </c>
      <c r="DV16" s="113">
        <v>0</v>
      </c>
      <c r="DW16" s="110">
        <v>0</v>
      </c>
      <c r="DX16" s="114">
        <v>0</v>
      </c>
      <c r="DY16" s="114">
        <v>0</v>
      </c>
      <c r="DZ16" s="114">
        <v>0</v>
      </c>
      <c r="EA16" s="114">
        <v>0</v>
      </c>
      <c r="EB16" s="114">
        <v>0</v>
      </c>
      <c r="EC16" s="113">
        <v>0</v>
      </c>
      <c r="ED16" s="116">
        <v>0</v>
      </c>
      <c r="EE16" s="110">
        <v>0</v>
      </c>
      <c r="EF16" s="112">
        <v>0</v>
      </c>
      <c r="EG16" s="113">
        <v>0</v>
      </c>
      <c r="EH16" s="110">
        <v>0</v>
      </c>
      <c r="EI16" s="114">
        <v>0</v>
      </c>
      <c r="EJ16" s="114">
        <v>0</v>
      </c>
      <c r="EK16" s="114">
        <v>0</v>
      </c>
      <c r="EL16" s="114">
        <v>0</v>
      </c>
      <c r="EM16" s="114">
        <v>0</v>
      </c>
      <c r="EN16" s="112">
        <v>0</v>
      </c>
      <c r="EO16" s="116">
        <v>0</v>
      </c>
      <c r="EP16" s="110">
        <v>0</v>
      </c>
      <c r="EQ16" s="114">
        <v>0</v>
      </c>
      <c r="ER16" s="112">
        <v>0</v>
      </c>
      <c r="ES16" s="111">
        <v>0</v>
      </c>
      <c r="ET16" s="114">
        <v>0</v>
      </c>
      <c r="EU16" s="114">
        <v>0</v>
      </c>
      <c r="EV16" s="114">
        <v>0</v>
      </c>
      <c r="EW16" s="114">
        <v>0</v>
      </c>
      <c r="EX16" s="114">
        <v>0</v>
      </c>
      <c r="EY16" s="113">
        <v>0</v>
      </c>
      <c r="EZ16" s="116">
        <v>0</v>
      </c>
      <c r="FA16" s="110">
        <v>0</v>
      </c>
      <c r="FB16" s="114">
        <v>0</v>
      </c>
      <c r="FC16" s="112">
        <v>0</v>
      </c>
      <c r="FD16" s="347"/>
      <c r="FE16" s="114">
        <v>0</v>
      </c>
      <c r="FF16" s="114">
        <v>0</v>
      </c>
      <c r="FG16" s="114">
        <v>0</v>
      </c>
      <c r="FH16" s="114">
        <v>0</v>
      </c>
      <c r="FI16" s="114">
        <v>0</v>
      </c>
      <c r="FJ16" s="113">
        <v>0</v>
      </c>
      <c r="FK16" s="116">
        <v>0</v>
      </c>
      <c r="FL16" s="110">
        <v>142800</v>
      </c>
      <c r="FM16" s="114">
        <v>452620</v>
      </c>
      <c r="FN16" s="113">
        <v>595420</v>
      </c>
      <c r="FO16" s="110">
        <v>0</v>
      </c>
      <c r="FP16" s="114">
        <v>229110</v>
      </c>
      <c r="FQ16" s="114">
        <v>9590</v>
      </c>
      <c r="FR16" s="114">
        <v>0</v>
      </c>
      <c r="FS16" s="114">
        <v>88550</v>
      </c>
      <c r="FT16" s="114">
        <v>0</v>
      </c>
      <c r="FU16" s="113">
        <v>327250</v>
      </c>
      <c r="FV16" s="116">
        <v>922670</v>
      </c>
      <c r="FW16" s="115">
        <v>0</v>
      </c>
      <c r="FX16" s="114">
        <v>0</v>
      </c>
      <c r="FY16" s="112">
        <v>0</v>
      </c>
      <c r="FZ16" s="111">
        <v>0</v>
      </c>
      <c r="GA16" s="114">
        <v>0</v>
      </c>
      <c r="GB16" s="114">
        <v>0</v>
      </c>
      <c r="GC16" s="114">
        <v>0</v>
      </c>
      <c r="GD16" s="114">
        <v>0</v>
      </c>
      <c r="GE16" s="114">
        <v>0</v>
      </c>
      <c r="GF16" s="113">
        <v>0</v>
      </c>
      <c r="GG16" s="318">
        <v>0</v>
      </c>
      <c r="GH16" s="115">
        <v>11200</v>
      </c>
      <c r="GI16" s="114">
        <v>26320</v>
      </c>
      <c r="GJ16" s="112">
        <v>37520</v>
      </c>
      <c r="GK16" s="111">
        <v>0</v>
      </c>
      <c r="GL16" s="114">
        <v>73514</v>
      </c>
      <c r="GM16" s="114">
        <v>9590</v>
      </c>
      <c r="GN16" s="114">
        <v>0</v>
      </c>
      <c r="GO16" s="114">
        <v>26950</v>
      </c>
      <c r="GP16" s="114">
        <v>0</v>
      </c>
      <c r="GQ16" s="113">
        <v>110054</v>
      </c>
      <c r="GR16" s="116">
        <v>147574</v>
      </c>
      <c r="GS16" s="110">
        <v>131600</v>
      </c>
      <c r="GT16" s="114">
        <v>426300</v>
      </c>
      <c r="GU16" s="113">
        <v>557900</v>
      </c>
      <c r="GV16" s="110">
        <v>0</v>
      </c>
      <c r="GW16" s="114">
        <v>155596</v>
      </c>
      <c r="GX16" s="114">
        <v>0</v>
      </c>
      <c r="GY16" s="114">
        <v>0</v>
      </c>
      <c r="GZ16" s="114">
        <v>61600</v>
      </c>
      <c r="HA16" s="114">
        <v>0</v>
      </c>
      <c r="HB16" s="112">
        <v>217196</v>
      </c>
      <c r="HC16" s="116">
        <v>775096</v>
      </c>
      <c r="HD16" s="110">
        <v>0</v>
      </c>
      <c r="HE16" s="114">
        <v>0</v>
      </c>
      <c r="HF16" s="112">
        <v>0</v>
      </c>
      <c r="HG16" s="111">
        <v>0</v>
      </c>
      <c r="HH16" s="114">
        <v>0</v>
      </c>
      <c r="HI16" s="114">
        <v>0</v>
      </c>
      <c r="HJ16" s="114">
        <v>0</v>
      </c>
      <c r="HK16" s="114">
        <v>0</v>
      </c>
      <c r="HL16" s="114">
        <v>0</v>
      </c>
      <c r="HM16" s="113">
        <v>0</v>
      </c>
      <c r="HN16" s="109">
        <v>0</v>
      </c>
      <c r="HO16" s="328"/>
      <c r="HP16" s="329"/>
      <c r="HQ16" s="330"/>
      <c r="HR16" s="331"/>
      <c r="HS16" s="329"/>
      <c r="HT16" s="329"/>
      <c r="HU16" s="329"/>
      <c r="HV16" s="329"/>
      <c r="HW16" s="329"/>
      <c r="HX16" s="332"/>
      <c r="HY16" s="333"/>
      <c r="HZ16" s="150">
        <v>0</v>
      </c>
      <c r="IA16" s="135">
        <v>0</v>
      </c>
      <c r="IB16" s="150">
        <v>0</v>
      </c>
      <c r="IC16" s="134">
        <v>0</v>
      </c>
      <c r="ID16" s="135">
        <v>0</v>
      </c>
      <c r="IE16" s="136">
        <v>0</v>
      </c>
      <c r="IF16" s="137">
        <v>0</v>
      </c>
      <c r="IG16" s="135">
        <v>0</v>
      </c>
      <c r="IH16" s="137">
        <v>0</v>
      </c>
      <c r="II16" s="138">
        <v>0</v>
      </c>
      <c r="IJ16" s="150">
        <v>0</v>
      </c>
      <c r="IK16" s="232">
        <v>0</v>
      </c>
      <c r="IL16" s="236">
        <v>0</v>
      </c>
      <c r="IM16" s="237">
        <v>0</v>
      </c>
      <c r="IN16" s="140"/>
      <c r="IO16" s="119">
        <v>0</v>
      </c>
      <c r="IP16" s="119">
        <v>0</v>
      </c>
      <c r="IQ16" s="119">
        <v>0</v>
      </c>
      <c r="IR16" s="119">
        <v>0</v>
      </c>
      <c r="IS16" s="119">
        <v>0</v>
      </c>
      <c r="IT16" s="141">
        <v>0</v>
      </c>
      <c r="IU16" s="320">
        <v>0</v>
      </c>
      <c r="IV16" s="142">
        <v>0</v>
      </c>
      <c r="IW16" s="119">
        <v>0</v>
      </c>
      <c r="IX16" s="120">
        <v>0</v>
      </c>
      <c r="IY16" s="144"/>
      <c r="IZ16" s="119">
        <v>0</v>
      </c>
      <c r="JA16" s="119">
        <v>0</v>
      </c>
      <c r="JB16" s="119">
        <v>0</v>
      </c>
      <c r="JC16" s="119">
        <v>0</v>
      </c>
      <c r="JD16" s="119">
        <v>0</v>
      </c>
      <c r="JE16" s="120">
        <v>0</v>
      </c>
      <c r="JF16" s="121">
        <v>0</v>
      </c>
      <c r="JG16" s="142">
        <v>0</v>
      </c>
      <c r="JH16" s="119">
        <v>0</v>
      </c>
      <c r="JI16" s="141">
        <v>0</v>
      </c>
      <c r="JJ16" s="118">
        <v>0</v>
      </c>
      <c r="JK16" s="119">
        <v>0</v>
      </c>
      <c r="JL16" s="119">
        <v>0</v>
      </c>
      <c r="JM16" s="119">
        <v>0</v>
      </c>
      <c r="JN16" s="119">
        <v>0</v>
      </c>
      <c r="JO16" s="119">
        <v>0</v>
      </c>
      <c r="JP16" s="120">
        <v>0</v>
      </c>
      <c r="JQ16" s="320">
        <v>0</v>
      </c>
      <c r="JR16" s="142">
        <v>0</v>
      </c>
      <c r="JS16" s="119">
        <v>0</v>
      </c>
      <c r="JT16" s="141">
        <v>0</v>
      </c>
      <c r="JU16" s="118">
        <v>0</v>
      </c>
      <c r="JV16" s="119">
        <v>0</v>
      </c>
      <c r="JW16" s="119">
        <v>0</v>
      </c>
      <c r="JX16" s="119">
        <v>0</v>
      </c>
      <c r="JY16" s="119">
        <v>0</v>
      </c>
      <c r="JZ16" s="119">
        <v>0</v>
      </c>
      <c r="KA16" s="120">
        <v>0</v>
      </c>
      <c r="KB16" s="320">
        <v>0</v>
      </c>
      <c r="KC16" s="234">
        <v>0</v>
      </c>
      <c r="KD16" s="230">
        <v>0</v>
      </c>
      <c r="KE16" s="120">
        <v>0</v>
      </c>
      <c r="KF16" s="118">
        <v>0</v>
      </c>
      <c r="KG16" s="119">
        <v>0</v>
      </c>
      <c r="KH16" s="119">
        <v>0</v>
      </c>
      <c r="KI16" s="119">
        <v>0</v>
      </c>
      <c r="KJ16" s="119">
        <v>0</v>
      </c>
      <c r="KK16" s="119">
        <v>0</v>
      </c>
      <c r="KL16" s="120">
        <v>0</v>
      </c>
      <c r="KM16" s="143">
        <v>0</v>
      </c>
      <c r="KN16" s="232">
        <v>0</v>
      </c>
      <c r="KO16" s="236">
        <v>0</v>
      </c>
      <c r="KP16" s="237">
        <v>0</v>
      </c>
      <c r="KQ16" s="140"/>
      <c r="KR16" s="119">
        <v>0</v>
      </c>
      <c r="KS16" s="119">
        <v>0</v>
      </c>
      <c r="KT16" s="119">
        <v>0</v>
      </c>
      <c r="KU16" s="119">
        <v>0</v>
      </c>
      <c r="KV16" s="119">
        <v>0</v>
      </c>
      <c r="KW16" s="120">
        <v>0</v>
      </c>
      <c r="KX16" s="320">
        <v>0</v>
      </c>
      <c r="KY16" s="142">
        <v>0</v>
      </c>
      <c r="KZ16" s="119">
        <v>0</v>
      </c>
      <c r="LA16" s="120">
        <v>0</v>
      </c>
      <c r="LB16" s="145"/>
      <c r="LC16" s="119">
        <v>0</v>
      </c>
      <c r="LD16" s="119">
        <v>0</v>
      </c>
      <c r="LE16" s="119">
        <v>0</v>
      </c>
      <c r="LF16" s="119">
        <v>0</v>
      </c>
      <c r="LG16" s="119">
        <v>0</v>
      </c>
      <c r="LH16" s="120">
        <v>0</v>
      </c>
      <c r="LI16" s="121">
        <v>0</v>
      </c>
      <c r="LJ16" s="142">
        <v>0</v>
      </c>
      <c r="LK16" s="119">
        <v>0</v>
      </c>
      <c r="LL16" s="120">
        <v>0</v>
      </c>
      <c r="LM16" s="145"/>
      <c r="LN16" s="119">
        <v>0</v>
      </c>
      <c r="LO16" s="119">
        <v>0</v>
      </c>
      <c r="LP16" s="119">
        <v>0</v>
      </c>
      <c r="LQ16" s="119">
        <v>0</v>
      </c>
      <c r="LR16" s="119">
        <v>0</v>
      </c>
      <c r="LS16" s="120">
        <v>0</v>
      </c>
      <c r="LT16" s="320">
        <v>0</v>
      </c>
      <c r="LU16" s="142">
        <v>0</v>
      </c>
      <c r="LV16" s="119">
        <v>0</v>
      </c>
      <c r="LW16" s="120">
        <v>0</v>
      </c>
      <c r="LX16" s="145"/>
      <c r="LY16" s="119">
        <v>0</v>
      </c>
      <c r="LZ16" s="119">
        <v>0</v>
      </c>
      <c r="MA16" s="119">
        <v>0</v>
      </c>
      <c r="MB16" s="119">
        <v>0</v>
      </c>
      <c r="MC16" s="119">
        <v>0</v>
      </c>
      <c r="MD16" s="120">
        <v>0</v>
      </c>
      <c r="ME16" s="121">
        <v>0</v>
      </c>
      <c r="MF16" s="142">
        <v>0</v>
      </c>
      <c r="MG16" s="119">
        <v>0</v>
      </c>
      <c r="MH16" s="120">
        <v>0</v>
      </c>
      <c r="MI16" s="145"/>
      <c r="MJ16" s="119">
        <v>0</v>
      </c>
      <c r="MK16" s="119">
        <v>0</v>
      </c>
      <c r="ML16" s="119">
        <v>0</v>
      </c>
      <c r="MM16" s="119">
        <v>0</v>
      </c>
      <c r="MN16" s="119">
        <v>0</v>
      </c>
      <c r="MO16" s="120">
        <v>0</v>
      </c>
      <c r="MP16" s="143">
        <v>0</v>
      </c>
      <c r="MQ16" s="142">
        <v>0</v>
      </c>
      <c r="MR16" s="119">
        <v>0</v>
      </c>
      <c r="MS16" s="120">
        <v>0</v>
      </c>
      <c r="MT16" s="145"/>
      <c r="MU16" s="119">
        <v>0</v>
      </c>
      <c r="MV16" s="119">
        <v>0</v>
      </c>
      <c r="MW16" s="119">
        <v>0</v>
      </c>
      <c r="MX16" s="119">
        <v>0</v>
      </c>
      <c r="MY16" s="119">
        <v>0</v>
      </c>
      <c r="MZ16" s="120">
        <v>0</v>
      </c>
      <c r="NA16" s="143">
        <v>0</v>
      </c>
      <c r="NB16" s="142">
        <v>0</v>
      </c>
      <c r="NC16" s="119">
        <v>0</v>
      </c>
      <c r="ND16" s="120">
        <v>0</v>
      </c>
      <c r="NE16" s="145"/>
      <c r="NF16" s="119">
        <v>0</v>
      </c>
      <c r="NG16" s="119">
        <v>0</v>
      </c>
      <c r="NH16" s="119">
        <v>0</v>
      </c>
      <c r="NI16" s="119">
        <v>0</v>
      </c>
      <c r="NJ16" s="119">
        <v>0</v>
      </c>
      <c r="NK16" s="120">
        <v>0</v>
      </c>
      <c r="NL16" s="320">
        <v>0</v>
      </c>
      <c r="NM16" s="142">
        <v>0</v>
      </c>
      <c r="NN16" s="119">
        <v>0</v>
      </c>
      <c r="NO16" s="120">
        <v>0</v>
      </c>
      <c r="NP16" s="145"/>
      <c r="NQ16" s="119">
        <v>0</v>
      </c>
      <c r="NR16" s="119">
        <v>0</v>
      </c>
      <c r="NS16" s="119">
        <v>0</v>
      </c>
      <c r="NT16" s="119">
        <v>0</v>
      </c>
      <c r="NU16" s="119">
        <v>0</v>
      </c>
      <c r="NV16" s="120">
        <v>0</v>
      </c>
      <c r="NW16" s="121">
        <v>0</v>
      </c>
      <c r="NX16" s="142">
        <v>0</v>
      </c>
      <c r="NY16" s="119">
        <v>0</v>
      </c>
      <c r="NZ16" s="120">
        <v>0</v>
      </c>
      <c r="OA16" s="145"/>
      <c r="OB16" s="119">
        <v>0</v>
      </c>
      <c r="OC16" s="119">
        <v>0</v>
      </c>
      <c r="OD16" s="119">
        <v>0</v>
      </c>
      <c r="OE16" s="119">
        <v>0</v>
      </c>
      <c r="OF16" s="119">
        <v>0</v>
      </c>
      <c r="OG16" s="120">
        <v>0</v>
      </c>
      <c r="OH16" s="121">
        <v>0</v>
      </c>
      <c r="OI16" s="142">
        <v>142800</v>
      </c>
      <c r="OJ16" s="119">
        <v>452620</v>
      </c>
      <c r="OK16" s="141">
        <v>595420</v>
      </c>
      <c r="OL16" s="118">
        <v>0</v>
      </c>
      <c r="OM16" s="119">
        <v>229110</v>
      </c>
      <c r="ON16" s="119">
        <v>9590</v>
      </c>
      <c r="OO16" s="119">
        <v>0</v>
      </c>
      <c r="OP16" s="119">
        <v>88550</v>
      </c>
      <c r="OQ16" s="119">
        <v>0</v>
      </c>
      <c r="OR16" s="120">
        <v>327250</v>
      </c>
      <c r="OS16" s="143">
        <v>922670</v>
      </c>
    </row>
    <row r="17" spans="2:409" ht="21" customHeight="1" x14ac:dyDescent="0.2">
      <c r="B17" s="126" t="s">
        <v>11</v>
      </c>
      <c r="C17" s="110">
        <v>0</v>
      </c>
      <c r="D17" s="114">
        <v>0</v>
      </c>
      <c r="E17" s="171">
        <v>0</v>
      </c>
      <c r="F17" s="111">
        <v>0</v>
      </c>
      <c r="G17" s="114">
        <v>0</v>
      </c>
      <c r="H17" s="114">
        <v>0</v>
      </c>
      <c r="I17" s="114">
        <v>0</v>
      </c>
      <c r="J17" s="114">
        <v>0</v>
      </c>
      <c r="K17" s="114">
        <v>0</v>
      </c>
      <c r="L17" s="109">
        <v>0</v>
      </c>
      <c r="M17" s="116">
        <v>0</v>
      </c>
      <c r="N17" s="110">
        <v>0</v>
      </c>
      <c r="O17" s="114">
        <v>0</v>
      </c>
      <c r="P17" s="113">
        <v>0</v>
      </c>
      <c r="Q17" s="110">
        <v>0</v>
      </c>
      <c r="R17" s="114">
        <v>0</v>
      </c>
      <c r="S17" s="114">
        <v>0</v>
      </c>
      <c r="T17" s="114">
        <v>0</v>
      </c>
      <c r="U17" s="114">
        <v>0</v>
      </c>
      <c r="V17" s="114">
        <v>0</v>
      </c>
      <c r="W17" s="113">
        <v>0</v>
      </c>
      <c r="X17" s="116">
        <v>0</v>
      </c>
      <c r="Y17" s="110">
        <v>0</v>
      </c>
      <c r="Z17" s="114">
        <v>0</v>
      </c>
      <c r="AA17" s="113">
        <v>0</v>
      </c>
      <c r="AB17" s="110">
        <v>0</v>
      </c>
      <c r="AC17" s="114">
        <v>0</v>
      </c>
      <c r="AD17" s="114">
        <v>0</v>
      </c>
      <c r="AE17" s="114">
        <v>0</v>
      </c>
      <c r="AF17" s="114">
        <v>0</v>
      </c>
      <c r="AG17" s="114">
        <v>0</v>
      </c>
      <c r="AH17" s="113">
        <v>0</v>
      </c>
      <c r="AI17" s="116">
        <v>0</v>
      </c>
      <c r="AJ17" s="110">
        <v>0</v>
      </c>
      <c r="AK17" s="114">
        <v>0</v>
      </c>
      <c r="AL17" s="113">
        <v>0</v>
      </c>
      <c r="AM17" s="110">
        <v>0</v>
      </c>
      <c r="AN17" s="114">
        <v>0</v>
      </c>
      <c r="AO17" s="114">
        <v>0</v>
      </c>
      <c r="AP17" s="114">
        <v>0</v>
      </c>
      <c r="AQ17" s="114">
        <v>0</v>
      </c>
      <c r="AR17" s="114">
        <v>0</v>
      </c>
      <c r="AS17" s="113">
        <v>0</v>
      </c>
      <c r="AT17" s="116">
        <v>0</v>
      </c>
      <c r="AU17" s="110">
        <v>0</v>
      </c>
      <c r="AV17" s="114">
        <v>0</v>
      </c>
      <c r="AW17" s="113">
        <v>0</v>
      </c>
      <c r="AX17" s="110">
        <v>0</v>
      </c>
      <c r="AY17" s="114">
        <v>0</v>
      </c>
      <c r="AZ17" s="114">
        <v>0</v>
      </c>
      <c r="BA17" s="114">
        <v>0</v>
      </c>
      <c r="BB17" s="114">
        <v>0</v>
      </c>
      <c r="BC17" s="114">
        <v>0</v>
      </c>
      <c r="BD17" s="113">
        <v>0</v>
      </c>
      <c r="BE17" s="116">
        <v>0</v>
      </c>
      <c r="BF17" s="110">
        <v>0</v>
      </c>
      <c r="BG17" s="114">
        <v>0</v>
      </c>
      <c r="BH17" s="112">
        <v>0</v>
      </c>
      <c r="BI17" s="111">
        <v>0</v>
      </c>
      <c r="BJ17" s="114">
        <v>0</v>
      </c>
      <c r="BK17" s="114">
        <v>0</v>
      </c>
      <c r="BL17" s="114">
        <v>0</v>
      </c>
      <c r="BM17" s="114">
        <v>0</v>
      </c>
      <c r="BN17" s="114">
        <v>0</v>
      </c>
      <c r="BO17" s="113">
        <v>0</v>
      </c>
      <c r="BP17" s="116">
        <v>0</v>
      </c>
      <c r="BQ17" s="110">
        <v>0</v>
      </c>
      <c r="BR17" s="114">
        <v>0</v>
      </c>
      <c r="BS17" s="113">
        <v>0</v>
      </c>
      <c r="BT17" s="110">
        <v>0</v>
      </c>
      <c r="BU17" s="114">
        <v>0</v>
      </c>
      <c r="BV17" s="114">
        <v>0</v>
      </c>
      <c r="BW17" s="114">
        <v>0</v>
      </c>
      <c r="BX17" s="114">
        <v>0</v>
      </c>
      <c r="BY17" s="114">
        <v>0</v>
      </c>
      <c r="BZ17" s="113">
        <v>0</v>
      </c>
      <c r="CA17" s="116">
        <v>0</v>
      </c>
      <c r="CB17" s="110">
        <v>0</v>
      </c>
      <c r="CC17" s="114">
        <v>0</v>
      </c>
      <c r="CD17" s="113">
        <v>0</v>
      </c>
      <c r="CE17" s="110">
        <v>0</v>
      </c>
      <c r="CF17" s="114">
        <v>0</v>
      </c>
      <c r="CG17" s="114">
        <v>0</v>
      </c>
      <c r="CH17" s="114">
        <v>0</v>
      </c>
      <c r="CI17" s="114">
        <v>0</v>
      </c>
      <c r="CJ17" s="114">
        <v>0</v>
      </c>
      <c r="CK17" s="113">
        <v>0</v>
      </c>
      <c r="CL17" s="116">
        <v>0</v>
      </c>
      <c r="CM17" s="110">
        <v>0</v>
      </c>
      <c r="CN17" s="114">
        <v>0</v>
      </c>
      <c r="CO17" s="113">
        <v>0</v>
      </c>
      <c r="CP17" s="111">
        <v>0</v>
      </c>
      <c r="CQ17" s="114">
        <v>0</v>
      </c>
      <c r="CR17" s="114">
        <v>0</v>
      </c>
      <c r="CS17" s="114">
        <v>0</v>
      </c>
      <c r="CT17" s="114">
        <v>0</v>
      </c>
      <c r="CU17" s="114">
        <v>0</v>
      </c>
      <c r="CV17" s="113">
        <v>0</v>
      </c>
      <c r="CW17" s="116">
        <v>0</v>
      </c>
      <c r="CX17" s="110">
        <v>0</v>
      </c>
      <c r="CY17" s="114">
        <v>0</v>
      </c>
      <c r="CZ17" s="113">
        <v>0</v>
      </c>
      <c r="DA17" s="110">
        <v>0</v>
      </c>
      <c r="DB17" s="114">
        <v>0</v>
      </c>
      <c r="DC17" s="114">
        <v>0</v>
      </c>
      <c r="DD17" s="114">
        <v>0</v>
      </c>
      <c r="DE17" s="114">
        <v>0</v>
      </c>
      <c r="DF17" s="114">
        <v>0</v>
      </c>
      <c r="DG17" s="113">
        <v>0</v>
      </c>
      <c r="DH17" s="116">
        <v>0</v>
      </c>
      <c r="DI17" s="110">
        <v>0</v>
      </c>
      <c r="DJ17" s="114">
        <v>0</v>
      </c>
      <c r="DK17" s="112">
        <v>0</v>
      </c>
      <c r="DL17" s="111">
        <v>0</v>
      </c>
      <c r="DM17" s="114">
        <v>0</v>
      </c>
      <c r="DN17" s="114">
        <v>0</v>
      </c>
      <c r="DO17" s="114">
        <v>0</v>
      </c>
      <c r="DP17" s="114">
        <v>0</v>
      </c>
      <c r="DQ17" s="114">
        <v>0</v>
      </c>
      <c r="DR17" s="113">
        <v>0</v>
      </c>
      <c r="DS17" s="116">
        <v>0</v>
      </c>
      <c r="DT17" s="110">
        <v>0</v>
      </c>
      <c r="DU17" s="114">
        <v>0</v>
      </c>
      <c r="DV17" s="113">
        <v>0</v>
      </c>
      <c r="DW17" s="110">
        <v>0</v>
      </c>
      <c r="DX17" s="114">
        <v>0</v>
      </c>
      <c r="DY17" s="114">
        <v>0</v>
      </c>
      <c r="DZ17" s="114">
        <v>0</v>
      </c>
      <c r="EA17" s="114">
        <v>0</v>
      </c>
      <c r="EB17" s="114">
        <v>0</v>
      </c>
      <c r="EC17" s="113">
        <v>0</v>
      </c>
      <c r="ED17" s="116">
        <v>0</v>
      </c>
      <c r="EE17" s="110">
        <v>0</v>
      </c>
      <c r="EF17" s="112">
        <v>0</v>
      </c>
      <c r="EG17" s="113">
        <v>0</v>
      </c>
      <c r="EH17" s="110">
        <v>0</v>
      </c>
      <c r="EI17" s="114">
        <v>0</v>
      </c>
      <c r="EJ17" s="114">
        <v>0</v>
      </c>
      <c r="EK17" s="114">
        <v>0</v>
      </c>
      <c r="EL17" s="114">
        <v>0</v>
      </c>
      <c r="EM17" s="114">
        <v>0</v>
      </c>
      <c r="EN17" s="112">
        <v>0</v>
      </c>
      <c r="EO17" s="116">
        <v>0</v>
      </c>
      <c r="EP17" s="110">
        <v>0</v>
      </c>
      <c r="EQ17" s="114">
        <v>0</v>
      </c>
      <c r="ER17" s="112">
        <v>0</v>
      </c>
      <c r="ES17" s="111">
        <v>0</v>
      </c>
      <c r="ET17" s="114">
        <v>0</v>
      </c>
      <c r="EU17" s="114">
        <v>0</v>
      </c>
      <c r="EV17" s="114">
        <v>0</v>
      </c>
      <c r="EW17" s="114">
        <v>0</v>
      </c>
      <c r="EX17" s="114">
        <v>0</v>
      </c>
      <c r="EY17" s="113">
        <v>0</v>
      </c>
      <c r="EZ17" s="116">
        <v>0</v>
      </c>
      <c r="FA17" s="110">
        <v>0</v>
      </c>
      <c r="FB17" s="114">
        <v>0</v>
      </c>
      <c r="FC17" s="112">
        <v>0</v>
      </c>
      <c r="FD17" s="347"/>
      <c r="FE17" s="114">
        <v>0</v>
      </c>
      <c r="FF17" s="114">
        <v>0</v>
      </c>
      <c r="FG17" s="114">
        <v>0</v>
      </c>
      <c r="FH17" s="114">
        <v>0</v>
      </c>
      <c r="FI17" s="114">
        <v>0</v>
      </c>
      <c r="FJ17" s="113">
        <v>0</v>
      </c>
      <c r="FK17" s="116">
        <v>0</v>
      </c>
      <c r="FL17" s="110">
        <v>0</v>
      </c>
      <c r="FM17" s="114">
        <v>0</v>
      </c>
      <c r="FN17" s="113">
        <v>0</v>
      </c>
      <c r="FO17" s="110">
        <v>0</v>
      </c>
      <c r="FP17" s="114">
        <v>0</v>
      </c>
      <c r="FQ17" s="114">
        <v>0</v>
      </c>
      <c r="FR17" s="114">
        <v>0</v>
      </c>
      <c r="FS17" s="114">
        <v>0</v>
      </c>
      <c r="FT17" s="114">
        <v>0</v>
      </c>
      <c r="FU17" s="113">
        <v>0</v>
      </c>
      <c r="FV17" s="116">
        <v>0</v>
      </c>
      <c r="FW17" s="115">
        <v>0</v>
      </c>
      <c r="FX17" s="114">
        <v>0</v>
      </c>
      <c r="FY17" s="112">
        <v>0</v>
      </c>
      <c r="FZ17" s="111">
        <v>0</v>
      </c>
      <c r="GA17" s="114">
        <v>0</v>
      </c>
      <c r="GB17" s="114">
        <v>0</v>
      </c>
      <c r="GC17" s="114">
        <v>0</v>
      </c>
      <c r="GD17" s="114">
        <v>0</v>
      </c>
      <c r="GE17" s="114">
        <v>0</v>
      </c>
      <c r="GF17" s="113">
        <v>0</v>
      </c>
      <c r="GG17" s="318">
        <v>0</v>
      </c>
      <c r="GH17" s="115">
        <v>0</v>
      </c>
      <c r="GI17" s="114">
        <v>0</v>
      </c>
      <c r="GJ17" s="112">
        <v>0</v>
      </c>
      <c r="GK17" s="111">
        <v>0</v>
      </c>
      <c r="GL17" s="114">
        <v>0</v>
      </c>
      <c r="GM17" s="114">
        <v>0</v>
      </c>
      <c r="GN17" s="114">
        <v>0</v>
      </c>
      <c r="GO17" s="114">
        <v>0</v>
      </c>
      <c r="GP17" s="114">
        <v>0</v>
      </c>
      <c r="GQ17" s="113">
        <v>0</v>
      </c>
      <c r="GR17" s="116">
        <v>0</v>
      </c>
      <c r="GS17" s="110">
        <v>0</v>
      </c>
      <c r="GT17" s="114">
        <v>0</v>
      </c>
      <c r="GU17" s="113">
        <v>0</v>
      </c>
      <c r="GV17" s="110">
        <v>0</v>
      </c>
      <c r="GW17" s="114">
        <v>0</v>
      </c>
      <c r="GX17" s="114">
        <v>0</v>
      </c>
      <c r="GY17" s="114">
        <v>0</v>
      </c>
      <c r="GZ17" s="114">
        <v>0</v>
      </c>
      <c r="HA17" s="114">
        <v>0</v>
      </c>
      <c r="HB17" s="112">
        <v>0</v>
      </c>
      <c r="HC17" s="116">
        <v>0</v>
      </c>
      <c r="HD17" s="110">
        <v>0</v>
      </c>
      <c r="HE17" s="114">
        <v>0</v>
      </c>
      <c r="HF17" s="112">
        <v>0</v>
      </c>
      <c r="HG17" s="111">
        <v>0</v>
      </c>
      <c r="HH17" s="114">
        <v>0</v>
      </c>
      <c r="HI17" s="114">
        <v>0</v>
      </c>
      <c r="HJ17" s="114">
        <v>0</v>
      </c>
      <c r="HK17" s="114">
        <v>0</v>
      </c>
      <c r="HL17" s="114">
        <v>0</v>
      </c>
      <c r="HM17" s="113">
        <v>0</v>
      </c>
      <c r="HN17" s="109">
        <v>0</v>
      </c>
      <c r="HO17" s="328"/>
      <c r="HP17" s="329"/>
      <c r="HQ17" s="330"/>
      <c r="HR17" s="331"/>
      <c r="HS17" s="329"/>
      <c r="HT17" s="329"/>
      <c r="HU17" s="329"/>
      <c r="HV17" s="329"/>
      <c r="HW17" s="329"/>
      <c r="HX17" s="332"/>
      <c r="HY17" s="333"/>
      <c r="HZ17" s="131">
        <v>0</v>
      </c>
      <c r="IA17" s="132">
        <v>0</v>
      </c>
      <c r="IB17" s="133">
        <v>0</v>
      </c>
      <c r="IC17" s="146">
        <v>0</v>
      </c>
      <c r="ID17" s="132">
        <v>0</v>
      </c>
      <c r="IE17" s="147">
        <v>0</v>
      </c>
      <c r="IF17" s="133">
        <v>0</v>
      </c>
      <c r="IG17" s="132">
        <v>0</v>
      </c>
      <c r="IH17" s="133">
        <v>0</v>
      </c>
      <c r="II17" s="148">
        <v>0</v>
      </c>
      <c r="IJ17" s="139">
        <v>0</v>
      </c>
      <c r="IK17" s="232">
        <v>0</v>
      </c>
      <c r="IL17" s="236">
        <v>0</v>
      </c>
      <c r="IM17" s="237">
        <v>0</v>
      </c>
      <c r="IN17" s="140"/>
      <c r="IO17" s="119">
        <v>0</v>
      </c>
      <c r="IP17" s="119">
        <v>0</v>
      </c>
      <c r="IQ17" s="119">
        <v>0</v>
      </c>
      <c r="IR17" s="119">
        <v>0</v>
      </c>
      <c r="IS17" s="119">
        <v>0</v>
      </c>
      <c r="IT17" s="141">
        <v>0</v>
      </c>
      <c r="IU17" s="320">
        <v>0</v>
      </c>
      <c r="IV17" s="142">
        <v>0</v>
      </c>
      <c r="IW17" s="119">
        <v>0</v>
      </c>
      <c r="IX17" s="120">
        <v>0</v>
      </c>
      <c r="IY17" s="144"/>
      <c r="IZ17" s="119">
        <v>0</v>
      </c>
      <c r="JA17" s="119">
        <v>0</v>
      </c>
      <c r="JB17" s="119">
        <v>0</v>
      </c>
      <c r="JC17" s="119">
        <v>0</v>
      </c>
      <c r="JD17" s="119">
        <v>0</v>
      </c>
      <c r="JE17" s="120">
        <v>0</v>
      </c>
      <c r="JF17" s="121">
        <v>0</v>
      </c>
      <c r="JG17" s="142">
        <v>0</v>
      </c>
      <c r="JH17" s="119">
        <v>0</v>
      </c>
      <c r="JI17" s="141">
        <v>0</v>
      </c>
      <c r="JJ17" s="118">
        <v>0</v>
      </c>
      <c r="JK17" s="119">
        <v>0</v>
      </c>
      <c r="JL17" s="119">
        <v>0</v>
      </c>
      <c r="JM17" s="119">
        <v>0</v>
      </c>
      <c r="JN17" s="119">
        <v>0</v>
      </c>
      <c r="JO17" s="119">
        <v>0</v>
      </c>
      <c r="JP17" s="120">
        <v>0</v>
      </c>
      <c r="JQ17" s="320">
        <v>0</v>
      </c>
      <c r="JR17" s="142">
        <v>0</v>
      </c>
      <c r="JS17" s="119">
        <v>0</v>
      </c>
      <c r="JT17" s="141">
        <v>0</v>
      </c>
      <c r="JU17" s="118">
        <v>0</v>
      </c>
      <c r="JV17" s="119">
        <v>0</v>
      </c>
      <c r="JW17" s="119">
        <v>0</v>
      </c>
      <c r="JX17" s="119">
        <v>0</v>
      </c>
      <c r="JY17" s="119">
        <v>0</v>
      </c>
      <c r="JZ17" s="119">
        <v>0</v>
      </c>
      <c r="KA17" s="120">
        <v>0</v>
      </c>
      <c r="KB17" s="320">
        <v>0</v>
      </c>
      <c r="KC17" s="234">
        <v>0</v>
      </c>
      <c r="KD17" s="230">
        <v>0</v>
      </c>
      <c r="KE17" s="120">
        <v>0</v>
      </c>
      <c r="KF17" s="118">
        <v>0</v>
      </c>
      <c r="KG17" s="119">
        <v>0</v>
      </c>
      <c r="KH17" s="119">
        <v>0</v>
      </c>
      <c r="KI17" s="119">
        <v>0</v>
      </c>
      <c r="KJ17" s="119">
        <v>0</v>
      </c>
      <c r="KK17" s="119">
        <v>0</v>
      </c>
      <c r="KL17" s="120">
        <v>0</v>
      </c>
      <c r="KM17" s="143">
        <v>0</v>
      </c>
      <c r="KN17" s="232">
        <v>0</v>
      </c>
      <c r="KO17" s="236">
        <v>0</v>
      </c>
      <c r="KP17" s="237">
        <v>0</v>
      </c>
      <c r="KQ17" s="140"/>
      <c r="KR17" s="119">
        <v>0</v>
      </c>
      <c r="KS17" s="119">
        <v>0</v>
      </c>
      <c r="KT17" s="119">
        <v>0</v>
      </c>
      <c r="KU17" s="119">
        <v>0</v>
      </c>
      <c r="KV17" s="119">
        <v>0</v>
      </c>
      <c r="KW17" s="120">
        <v>0</v>
      </c>
      <c r="KX17" s="320">
        <v>0</v>
      </c>
      <c r="KY17" s="142">
        <v>0</v>
      </c>
      <c r="KZ17" s="119">
        <v>0</v>
      </c>
      <c r="LA17" s="120">
        <v>0</v>
      </c>
      <c r="LB17" s="145"/>
      <c r="LC17" s="119">
        <v>0</v>
      </c>
      <c r="LD17" s="119">
        <v>0</v>
      </c>
      <c r="LE17" s="119">
        <v>0</v>
      </c>
      <c r="LF17" s="119">
        <v>0</v>
      </c>
      <c r="LG17" s="119">
        <v>0</v>
      </c>
      <c r="LH17" s="120">
        <v>0</v>
      </c>
      <c r="LI17" s="121">
        <v>0</v>
      </c>
      <c r="LJ17" s="142">
        <v>0</v>
      </c>
      <c r="LK17" s="119">
        <v>0</v>
      </c>
      <c r="LL17" s="120">
        <v>0</v>
      </c>
      <c r="LM17" s="145"/>
      <c r="LN17" s="119">
        <v>0</v>
      </c>
      <c r="LO17" s="119">
        <v>0</v>
      </c>
      <c r="LP17" s="119">
        <v>0</v>
      </c>
      <c r="LQ17" s="119">
        <v>0</v>
      </c>
      <c r="LR17" s="119">
        <v>0</v>
      </c>
      <c r="LS17" s="120">
        <v>0</v>
      </c>
      <c r="LT17" s="320">
        <v>0</v>
      </c>
      <c r="LU17" s="142">
        <v>0</v>
      </c>
      <c r="LV17" s="119">
        <v>0</v>
      </c>
      <c r="LW17" s="120">
        <v>0</v>
      </c>
      <c r="LX17" s="145"/>
      <c r="LY17" s="119">
        <v>0</v>
      </c>
      <c r="LZ17" s="119">
        <v>0</v>
      </c>
      <c r="MA17" s="119">
        <v>0</v>
      </c>
      <c r="MB17" s="119">
        <v>0</v>
      </c>
      <c r="MC17" s="119">
        <v>0</v>
      </c>
      <c r="MD17" s="120">
        <v>0</v>
      </c>
      <c r="ME17" s="121">
        <v>0</v>
      </c>
      <c r="MF17" s="142">
        <v>0</v>
      </c>
      <c r="MG17" s="119">
        <v>0</v>
      </c>
      <c r="MH17" s="120">
        <v>0</v>
      </c>
      <c r="MI17" s="145"/>
      <c r="MJ17" s="119">
        <v>0</v>
      </c>
      <c r="MK17" s="119">
        <v>0</v>
      </c>
      <c r="ML17" s="119">
        <v>0</v>
      </c>
      <c r="MM17" s="119">
        <v>0</v>
      </c>
      <c r="MN17" s="119">
        <v>0</v>
      </c>
      <c r="MO17" s="120">
        <v>0</v>
      </c>
      <c r="MP17" s="143">
        <v>0</v>
      </c>
      <c r="MQ17" s="142">
        <v>0</v>
      </c>
      <c r="MR17" s="119">
        <v>0</v>
      </c>
      <c r="MS17" s="120">
        <v>0</v>
      </c>
      <c r="MT17" s="145"/>
      <c r="MU17" s="119">
        <v>0</v>
      </c>
      <c r="MV17" s="119">
        <v>0</v>
      </c>
      <c r="MW17" s="119">
        <v>0</v>
      </c>
      <c r="MX17" s="119">
        <v>0</v>
      </c>
      <c r="MY17" s="119">
        <v>0</v>
      </c>
      <c r="MZ17" s="120">
        <v>0</v>
      </c>
      <c r="NA17" s="143">
        <v>0</v>
      </c>
      <c r="NB17" s="142">
        <v>0</v>
      </c>
      <c r="NC17" s="119">
        <v>0</v>
      </c>
      <c r="ND17" s="120">
        <v>0</v>
      </c>
      <c r="NE17" s="145"/>
      <c r="NF17" s="119">
        <v>0</v>
      </c>
      <c r="NG17" s="119">
        <v>0</v>
      </c>
      <c r="NH17" s="119">
        <v>0</v>
      </c>
      <c r="NI17" s="119">
        <v>0</v>
      </c>
      <c r="NJ17" s="119">
        <v>0</v>
      </c>
      <c r="NK17" s="120">
        <v>0</v>
      </c>
      <c r="NL17" s="320">
        <v>0</v>
      </c>
      <c r="NM17" s="142">
        <v>0</v>
      </c>
      <c r="NN17" s="119">
        <v>0</v>
      </c>
      <c r="NO17" s="120">
        <v>0</v>
      </c>
      <c r="NP17" s="145"/>
      <c r="NQ17" s="119">
        <v>0</v>
      </c>
      <c r="NR17" s="119">
        <v>0</v>
      </c>
      <c r="NS17" s="119">
        <v>0</v>
      </c>
      <c r="NT17" s="119">
        <v>0</v>
      </c>
      <c r="NU17" s="119">
        <v>0</v>
      </c>
      <c r="NV17" s="120">
        <v>0</v>
      </c>
      <c r="NW17" s="121">
        <v>0</v>
      </c>
      <c r="NX17" s="142">
        <v>0</v>
      </c>
      <c r="NY17" s="119">
        <v>0</v>
      </c>
      <c r="NZ17" s="120">
        <v>0</v>
      </c>
      <c r="OA17" s="145"/>
      <c r="OB17" s="119">
        <v>0</v>
      </c>
      <c r="OC17" s="119">
        <v>0</v>
      </c>
      <c r="OD17" s="119">
        <v>0</v>
      </c>
      <c r="OE17" s="119">
        <v>0</v>
      </c>
      <c r="OF17" s="119">
        <v>0</v>
      </c>
      <c r="OG17" s="120">
        <v>0</v>
      </c>
      <c r="OH17" s="121">
        <v>0</v>
      </c>
      <c r="OI17" s="142">
        <v>0</v>
      </c>
      <c r="OJ17" s="119">
        <v>0</v>
      </c>
      <c r="OK17" s="141">
        <v>0</v>
      </c>
      <c r="OL17" s="118">
        <v>0</v>
      </c>
      <c r="OM17" s="119">
        <v>0</v>
      </c>
      <c r="ON17" s="119">
        <v>0</v>
      </c>
      <c r="OO17" s="119">
        <v>0</v>
      </c>
      <c r="OP17" s="119">
        <v>0</v>
      </c>
      <c r="OQ17" s="119">
        <v>0</v>
      </c>
      <c r="OR17" s="120">
        <v>0</v>
      </c>
      <c r="OS17" s="143">
        <v>0</v>
      </c>
    </row>
    <row r="18" spans="2:409" ht="21" customHeight="1" x14ac:dyDescent="0.2">
      <c r="B18" s="126" t="s">
        <v>12</v>
      </c>
      <c r="C18" s="110">
        <v>182777</v>
      </c>
      <c r="D18" s="114">
        <v>127281</v>
      </c>
      <c r="E18" s="113">
        <v>310058</v>
      </c>
      <c r="F18" s="109">
        <v>0</v>
      </c>
      <c r="G18" s="114">
        <v>62020</v>
      </c>
      <c r="H18" s="170">
        <v>212898</v>
      </c>
      <c r="I18" s="170">
        <v>17325</v>
      </c>
      <c r="J18" s="170">
        <v>0</v>
      </c>
      <c r="K18" s="170">
        <v>0</v>
      </c>
      <c r="L18" s="112">
        <v>292243</v>
      </c>
      <c r="M18" s="116">
        <v>602301</v>
      </c>
      <c r="N18" s="110">
        <v>0</v>
      </c>
      <c r="O18" s="114">
        <v>0</v>
      </c>
      <c r="P18" s="113">
        <v>0</v>
      </c>
      <c r="Q18" s="110">
        <v>0</v>
      </c>
      <c r="R18" s="114">
        <v>0</v>
      </c>
      <c r="S18" s="114">
        <v>0</v>
      </c>
      <c r="T18" s="114">
        <v>0</v>
      </c>
      <c r="U18" s="114">
        <v>0</v>
      </c>
      <c r="V18" s="114">
        <v>0</v>
      </c>
      <c r="W18" s="113">
        <v>0</v>
      </c>
      <c r="X18" s="116">
        <v>0</v>
      </c>
      <c r="Y18" s="110">
        <v>0</v>
      </c>
      <c r="Z18" s="114">
        <v>0</v>
      </c>
      <c r="AA18" s="113">
        <v>0</v>
      </c>
      <c r="AB18" s="110">
        <v>0</v>
      </c>
      <c r="AC18" s="114">
        <v>0</v>
      </c>
      <c r="AD18" s="114">
        <v>0</v>
      </c>
      <c r="AE18" s="114">
        <v>0</v>
      </c>
      <c r="AF18" s="114">
        <v>0</v>
      </c>
      <c r="AG18" s="114">
        <v>0</v>
      </c>
      <c r="AH18" s="113">
        <v>0</v>
      </c>
      <c r="AI18" s="116">
        <v>0</v>
      </c>
      <c r="AJ18" s="110">
        <v>0</v>
      </c>
      <c r="AK18" s="114">
        <v>0</v>
      </c>
      <c r="AL18" s="113">
        <v>0</v>
      </c>
      <c r="AM18" s="110">
        <v>0</v>
      </c>
      <c r="AN18" s="114">
        <v>0</v>
      </c>
      <c r="AO18" s="114">
        <v>0</v>
      </c>
      <c r="AP18" s="114">
        <v>0</v>
      </c>
      <c r="AQ18" s="114">
        <v>0</v>
      </c>
      <c r="AR18" s="114">
        <v>0</v>
      </c>
      <c r="AS18" s="113">
        <v>0</v>
      </c>
      <c r="AT18" s="116">
        <v>0</v>
      </c>
      <c r="AU18" s="110">
        <v>0</v>
      </c>
      <c r="AV18" s="114">
        <v>0</v>
      </c>
      <c r="AW18" s="113">
        <v>0</v>
      </c>
      <c r="AX18" s="110">
        <v>0</v>
      </c>
      <c r="AY18" s="114">
        <v>0</v>
      </c>
      <c r="AZ18" s="114">
        <v>0</v>
      </c>
      <c r="BA18" s="114">
        <v>0</v>
      </c>
      <c r="BB18" s="114">
        <v>0</v>
      </c>
      <c r="BC18" s="114">
        <v>0</v>
      </c>
      <c r="BD18" s="113">
        <v>0</v>
      </c>
      <c r="BE18" s="116">
        <v>0</v>
      </c>
      <c r="BF18" s="110">
        <v>0</v>
      </c>
      <c r="BG18" s="114">
        <v>0</v>
      </c>
      <c r="BH18" s="112">
        <v>0</v>
      </c>
      <c r="BI18" s="111">
        <v>0</v>
      </c>
      <c r="BJ18" s="114">
        <v>0</v>
      </c>
      <c r="BK18" s="114">
        <v>0</v>
      </c>
      <c r="BL18" s="114">
        <v>0</v>
      </c>
      <c r="BM18" s="114">
        <v>0</v>
      </c>
      <c r="BN18" s="114">
        <v>0</v>
      </c>
      <c r="BO18" s="113">
        <v>0</v>
      </c>
      <c r="BP18" s="116">
        <v>0</v>
      </c>
      <c r="BQ18" s="110">
        <v>0</v>
      </c>
      <c r="BR18" s="114">
        <v>0</v>
      </c>
      <c r="BS18" s="113">
        <v>0</v>
      </c>
      <c r="BT18" s="110">
        <v>0</v>
      </c>
      <c r="BU18" s="114">
        <v>0</v>
      </c>
      <c r="BV18" s="114">
        <v>0</v>
      </c>
      <c r="BW18" s="114">
        <v>0</v>
      </c>
      <c r="BX18" s="114">
        <v>0</v>
      </c>
      <c r="BY18" s="114">
        <v>0</v>
      </c>
      <c r="BZ18" s="113">
        <v>0</v>
      </c>
      <c r="CA18" s="116">
        <v>0</v>
      </c>
      <c r="CB18" s="110">
        <v>0</v>
      </c>
      <c r="CC18" s="114">
        <v>0</v>
      </c>
      <c r="CD18" s="113">
        <v>0</v>
      </c>
      <c r="CE18" s="110">
        <v>0</v>
      </c>
      <c r="CF18" s="114">
        <v>0</v>
      </c>
      <c r="CG18" s="114">
        <v>0</v>
      </c>
      <c r="CH18" s="114">
        <v>0</v>
      </c>
      <c r="CI18" s="114">
        <v>0</v>
      </c>
      <c r="CJ18" s="114">
        <v>0</v>
      </c>
      <c r="CK18" s="113">
        <v>0</v>
      </c>
      <c r="CL18" s="116">
        <v>0</v>
      </c>
      <c r="CM18" s="110">
        <v>0</v>
      </c>
      <c r="CN18" s="114">
        <v>0</v>
      </c>
      <c r="CO18" s="113">
        <v>0</v>
      </c>
      <c r="CP18" s="111">
        <v>0</v>
      </c>
      <c r="CQ18" s="114">
        <v>0</v>
      </c>
      <c r="CR18" s="114">
        <v>0</v>
      </c>
      <c r="CS18" s="114">
        <v>0</v>
      </c>
      <c r="CT18" s="114">
        <v>0</v>
      </c>
      <c r="CU18" s="114">
        <v>0</v>
      </c>
      <c r="CV18" s="113">
        <v>0</v>
      </c>
      <c r="CW18" s="116">
        <v>0</v>
      </c>
      <c r="CX18" s="110">
        <v>0</v>
      </c>
      <c r="CY18" s="114">
        <v>0</v>
      </c>
      <c r="CZ18" s="113">
        <v>0</v>
      </c>
      <c r="DA18" s="110">
        <v>0</v>
      </c>
      <c r="DB18" s="114">
        <v>0</v>
      </c>
      <c r="DC18" s="114">
        <v>0</v>
      </c>
      <c r="DD18" s="114">
        <v>0</v>
      </c>
      <c r="DE18" s="114">
        <v>0</v>
      </c>
      <c r="DF18" s="114">
        <v>0</v>
      </c>
      <c r="DG18" s="113">
        <v>0</v>
      </c>
      <c r="DH18" s="116">
        <v>0</v>
      </c>
      <c r="DI18" s="110">
        <v>0</v>
      </c>
      <c r="DJ18" s="114">
        <v>0</v>
      </c>
      <c r="DK18" s="112">
        <v>0</v>
      </c>
      <c r="DL18" s="111">
        <v>0</v>
      </c>
      <c r="DM18" s="114">
        <v>0</v>
      </c>
      <c r="DN18" s="114">
        <v>0</v>
      </c>
      <c r="DO18" s="114">
        <v>0</v>
      </c>
      <c r="DP18" s="114">
        <v>0</v>
      </c>
      <c r="DQ18" s="114">
        <v>0</v>
      </c>
      <c r="DR18" s="113">
        <v>0</v>
      </c>
      <c r="DS18" s="116">
        <v>0</v>
      </c>
      <c r="DT18" s="110">
        <v>0</v>
      </c>
      <c r="DU18" s="114">
        <v>0</v>
      </c>
      <c r="DV18" s="113">
        <v>0</v>
      </c>
      <c r="DW18" s="110">
        <v>0</v>
      </c>
      <c r="DX18" s="114">
        <v>0</v>
      </c>
      <c r="DY18" s="114">
        <v>0</v>
      </c>
      <c r="DZ18" s="114">
        <v>0</v>
      </c>
      <c r="EA18" s="114">
        <v>0</v>
      </c>
      <c r="EB18" s="114">
        <v>0</v>
      </c>
      <c r="EC18" s="113">
        <v>0</v>
      </c>
      <c r="ED18" s="116">
        <v>0</v>
      </c>
      <c r="EE18" s="110">
        <v>0</v>
      </c>
      <c r="EF18" s="112">
        <v>0</v>
      </c>
      <c r="EG18" s="113">
        <v>0</v>
      </c>
      <c r="EH18" s="110">
        <v>0</v>
      </c>
      <c r="EI18" s="114">
        <v>0</v>
      </c>
      <c r="EJ18" s="114">
        <v>0</v>
      </c>
      <c r="EK18" s="114">
        <v>0</v>
      </c>
      <c r="EL18" s="114">
        <v>0</v>
      </c>
      <c r="EM18" s="114">
        <v>0</v>
      </c>
      <c r="EN18" s="112">
        <v>0</v>
      </c>
      <c r="EO18" s="116">
        <v>0</v>
      </c>
      <c r="EP18" s="110">
        <v>0</v>
      </c>
      <c r="EQ18" s="114">
        <v>0</v>
      </c>
      <c r="ER18" s="112">
        <v>0</v>
      </c>
      <c r="ES18" s="111">
        <v>0</v>
      </c>
      <c r="ET18" s="114">
        <v>0</v>
      </c>
      <c r="EU18" s="114">
        <v>0</v>
      </c>
      <c r="EV18" s="114">
        <v>0</v>
      </c>
      <c r="EW18" s="114">
        <v>0</v>
      </c>
      <c r="EX18" s="114">
        <v>0</v>
      </c>
      <c r="EY18" s="113">
        <v>0</v>
      </c>
      <c r="EZ18" s="116">
        <v>0</v>
      </c>
      <c r="FA18" s="110">
        <v>0</v>
      </c>
      <c r="FB18" s="114">
        <v>0</v>
      </c>
      <c r="FC18" s="112">
        <v>0</v>
      </c>
      <c r="FD18" s="347"/>
      <c r="FE18" s="114">
        <v>0</v>
      </c>
      <c r="FF18" s="114">
        <v>0</v>
      </c>
      <c r="FG18" s="114">
        <v>0</v>
      </c>
      <c r="FH18" s="114">
        <v>0</v>
      </c>
      <c r="FI18" s="114">
        <v>0</v>
      </c>
      <c r="FJ18" s="113">
        <v>0</v>
      </c>
      <c r="FK18" s="116">
        <v>0</v>
      </c>
      <c r="FL18" s="110">
        <v>182777</v>
      </c>
      <c r="FM18" s="114">
        <v>127281</v>
      </c>
      <c r="FN18" s="113">
        <v>310058</v>
      </c>
      <c r="FO18" s="110">
        <v>0</v>
      </c>
      <c r="FP18" s="114">
        <v>62020</v>
      </c>
      <c r="FQ18" s="114">
        <v>212898</v>
      </c>
      <c r="FR18" s="114">
        <v>17325</v>
      </c>
      <c r="FS18" s="114">
        <v>0</v>
      </c>
      <c r="FT18" s="114">
        <v>0</v>
      </c>
      <c r="FU18" s="113">
        <v>292243</v>
      </c>
      <c r="FV18" s="116">
        <v>602301</v>
      </c>
      <c r="FW18" s="115">
        <v>0</v>
      </c>
      <c r="FX18" s="114">
        <v>0</v>
      </c>
      <c r="FY18" s="112">
        <v>0</v>
      </c>
      <c r="FZ18" s="111">
        <v>0</v>
      </c>
      <c r="GA18" s="114">
        <v>0</v>
      </c>
      <c r="GB18" s="114">
        <v>0</v>
      </c>
      <c r="GC18" s="114">
        <v>0</v>
      </c>
      <c r="GD18" s="114">
        <v>0</v>
      </c>
      <c r="GE18" s="114">
        <v>0</v>
      </c>
      <c r="GF18" s="113">
        <v>0</v>
      </c>
      <c r="GG18" s="318">
        <v>0</v>
      </c>
      <c r="GH18" s="115">
        <v>67200</v>
      </c>
      <c r="GI18" s="114">
        <v>0</v>
      </c>
      <c r="GJ18" s="112">
        <v>67200</v>
      </c>
      <c r="GK18" s="111">
        <v>0</v>
      </c>
      <c r="GL18" s="114">
        <v>0</v>
      </c>
      <c r="GM18" s="114">
        <v>55748</v>
      </c>
      <c r="GN18" s="114">
        <v>17325</v>
      </c>
      <c r="GO18" s="114">
        <v>0</v>
      </c>
      <c r="GP18" s="114">
        <v>0</v>
      </c>
      <c r="GQ18" s="113">
        <v>73073</v>
      </c>
      <c r="GR18" s="116">
        <v>140273</v>
      </c>
      <c r="GS18" s="110">
        <v>115577</v>
      </c>
      <c r="GT18" s="114">
        <v>127281</v>
      </c>
      <c r="GU18" s="113">
        <v>242858</v>
      </c>
      <c r="GV18" s="110">
        <v>0</v>
      </c>
      <c r="GW18" s="114">
        <v>62020</v>
      </c>
      <c r="GX18" s="114">
        <v>157150</v>
      </c>
      <c r="GY18" s="114">
        <v>0</v>
      </c>
      <c r="GZ18" s="114">
        <v>0</v>
      </c>
      <c r="HA18" s="114">
        <v>0</v>
      </c>
      <c r="HB18" s="112">
        <v>219170</v>
      </c>
      <c r="HC18" s="116">
        <v>462028</v>
      </c>
      <c r="HD18" s="110">
        <v>0</v>
      </c>
      <c r="HE18" s="114">
        <v>0</v>
      </c>
      <c r="HF18" s="112">
        <v>0</v>
      </c>
      <c r="HG18" s="111">
        <v>0</v>
      </c>
      <c r="HH18" s="114">
        <v>0</v>
      </c>
      <c r="HI18" s="114">
        <v>0</v>
      </c>
      <c r="HJ18" s="114">
        <v>0</v>
      </c>
      <c r="HK18" s="114">
        <v>0</v>
      </c>
      <c r="HL18" s="114">
        <v>0</v>
      </c>
      <c r="HM18" s="113">
        <v>0</v>
      </c>
      <c r="HN18" s="109">
        <v>0</v>
      </c>
      <c r="HO18" s="328"/>
      <c r="HP18" s="329"/>
      <c r="HQ18" s="330"/>
      <c r="HR18" s="331"/>
      <c r="HS18" s="329"/>
      <c r="HT18" s="329"/>
      <c r="HU18" s="329"/>
      <c r="HV18" s="329"/>
      <c r="HW18" s="329"/>
      <c r="HX18" s="332"/>
      <c r="HY18" s="333"/>
      <c r="HZ18" s="150">
        <v>0</v>
      </c>
      <c r="IA18" s="135">
        <v>0</v>
      </c>
      <c r="IB18" s="150">
        <v>0</v>
      </c>
      <c r="IC18" s="134">
        <v>0</v>
      </c>
      <c r="ID18" s="135">
        <v>0</v>
      </c>
      <c r="IE18" s="136">
        <v>0</v>
      </c>
      <c r="IF18" s="137">
        <v>0</v>
      </c>
      <c r="IG18" s="135">
        <v>0</v>
      </c>
      <c r="IH18" s="137">
        <v>0</v>
      </c>
      <c r="II18" s="138">
        <v>0</v>
      </c>
      <c r="IJ18" s="150">
        <v>0</v>
      </c>
      <c r="IK18" s="232">
        <v>0</v>
      </c>
      <c r="IL18" s="236">
        <v>0</v>
      </c>
      <c r="IM18" s="237">
        <v>0</v>
      </c>
      <c r="IN18" s="140"/>
      <c r="IO18" s="119">
        <v>0</v>
      </c>
      <c r="IP18" s="119">
        <v>0</v>
      </c>
      <c r="IQ18" s="119">
        <v>0</v>
      </c>
      <c r="IR18" s="119">
        <v>0</v>
      </c>
      <c r="IS18" s="119">
        <v>0</v>
      </c>
      <c r="IT18" s="141">
        <v>0</v>
      </c>
      <c r="IU18" s="320">
        <v>0</v>
      </c>
      <c r="IV18" s="142">
        <v>0</v>
      </c>
      <c r="IW18" s="119">
        <v>0</v>
      </c>
      <c r="IX18" s="120">
        <v>0</v>
      </c>
      <c r="IY18" s="144"/>
      <c r="IZ18" s="119">
        <v>0</v>
      </c>
      <c r="JA18" s="119">
        <v>0</v>
      </c>
      <c r="JB18" s="119">
        <v>0</v>
      </c>
      <c r="JC18" s="119">
        <v>0</v>
      </c>
      <c r="JD18" s="119">
        <v>0</v>
      </c>
      <c r="JE18" s="120">
        <v>0</v>
      </c>
      <c r="JF18" s="121">
        <v>0</v>
      </c>
      <c r="JG18" s="142">
        <v>0</v>
      </c>
      <c r="JH18" s="119">
        <v>0</v>
      </c>
      <c r="JI18" s="141">
        <v>0</v>
      </c>
      <c r="JJ18" s="118">
        <v>0</v>
      </c>
      <c r="JK18" s="119">
        <v>0</v>
      </c>
      <c r="JL18" s="119">
        <v>0</v>
      </c>
      <c r="JM18" s="119">
        <v>0</v>
      </c>
      <c r="JN18" s="119">
        <v>0</v>
      </c>
      <c r="JO18" s="119">
        <v>0</v>
      </c>
      <c r="JP18" s="120">
        <v>0</v>
      </c>
      <c r="JQ18" s="320">
        <v>0</v>
      </c>
      <c r="JR18" s="142">
        <v>0</v>
      </c>
      <c r="JS18" s="119">
        <v>0</v>
      </c>
      <c r="JT18" s="141">
        <v>0</v>
      </c>
      <c r="JU18" s="118">
        <v>0</v>
      </c>
      <c r="JV18" s="119">
        <v>0</v>
      </c>
      <c r="JW18" s="119">
        <v>0</v>
      </c>
      <c r="JX18" s="119">
        <v>0</v>
      </c>
      <c r="JY18" s="119">
        <v>0</v>
      </c>
      <c r="JZ18" s="119">
        <v>0</v>
      </c>
      <c r="KA18" s="120">
        <v>0</v>
      </c>
      <c r="KB18" s="320">
        <v>0</v>
      </c>
      <c r="KC18" s="234">
        <v>0</v>
      </c>
      <c r="KD18" s="230">
        <v>0</v>
      </c>
      <c r="KE18" s="120">
        <v>0</v>
      </c>
      <c r="KF18" s="118">
        <v>0</v>
      </c>
      <c r="KG18" s="119">
        <v>0</v>
      </c>
      <c r="KH18" s="119">
        <v>0</v>
      </c>
      <c r="KI18" s="119">
        <v>0</v>
      </c>
      <c r="KJ18" s="119">
        <v>0</v>
      </c>
      <c r="KK18" s="119">
        <v>0</v>
      </c>
      <c r="KL18" s="120">
        <v>0</v>
      </c>
      <c r="KM18" s="143">
        <v>0</v>
      </c>
      <c r="KN18" s="232">
        <v>0</v>
      </c>
      <c r="KO18" s="236">
        <v>0</v>
      </c>
      <c r="KP18" s="237">
        <v>0</v>
      </c>
      <c r="KQ18" s="140"/>
      <c r="KR18" s="119">
        <v>0</v>
      </c>
      <c r="KS18" s="119">
        <v>0</v>
      </c>
      <c r="KT18" s="119">
        <v>0</v>
      </c>
      <c r="KU18" s="119">
        <v>0</v>
      </c>
      <c r="KV18" s="119">
        <v>0</v>
      </c>
      <c r="KW18" s="120">
        <v>0</v>
      </c>
      <c r="KX18" s="320">
        <v>0</v>
      </c>
      <c r="KY18" s="142">
        <v>0</v>
      </c>
      <c r="KZ18" s="119">
        <v>0</v>
      </c>
      <c r="LA18" s="120">
        <v>0</v>
      </c>
      <c r="LB18" s="145"/>
      <c r="LC18" s="119">
        <v>0</v>
      </c>
      <c r="LD18" s="119">
        <v>0</v>
      </c>
      <c r="LE18" s="119">
        <v>0</v>
      </c>
      <c r="LF18" s="119">
        <v>0</v>
      </c>
      <c r="LG18" s="119">
        <v>0</v>
      </c>
      <c r="LH18" s="120">
        <v>0</v>
      </c>
      <c r="LI18" s="121">
        <v>0</v>
      </c>
      <c r="LJ18" s="142">
        <v>0</v>
      </c>
      <c r="LK18" s="119">
        <v>0</v>
      </c>
      <c r="LL18" s="120">
        <v>0</v>
      </c>
      <c r="LM18" s="145"/>
      <c r="LN18" s="119">
        <v>0</v>
      </c>
      <c r="LO18" s="119">
        <v>0</v>
      </c>
      <c r="LP18" s="119">
        <v>0</v>
      </c>
      <c r="LQ18" s="119">
        <v>0</v>
      </c>
      <c r="LR18" s="119">
        <v>0</v>
      </c>
      <c r="LS18" s="120">
        <v>0</v>
      </c>
      <c r="LT18" s="320">
        <v>0</v>
      </c>
      <c r="LU18" s="142">
        <v>0</v>
      </c>
      <c r="LV18" s="119">
        <v>0</v>
      </c>
      <c r="LW18" s="120">
        <v>0</v>
      </c>
      <c r="LX18" s="145"/>
      <c r="LY18" s="119">
        <v>0</v>
      </c>
      <c r="LZ18" s="119">
        <v>0</v>
      </c>
      <c r="MA18" s="119">
        <v>0</v>
      </c>
      <c r="MB18" s="119">
        <v>0</v>
      </c>
      <c r="MC18" s="119">
        <v>0</v>
      </c>
      <c r="MD18" s="120">
        <v>0</v>
      </c>
      <c r="ME18" s="121">
        <v>0</v>
      </c>
      <c r="MF18" s="142">
        <v>0</v>
      </c>
      <c r="MG18" s="119">
        <v>0</v>
      </c>
      <c r="MH18" s="120">
        <v>0</v>
      </c>
      <c r="MI18" s="145"/>
      <c r="MJ18" s="119">
        <v>0</v>
      </c>
      <c r="MK18" s="119">
        <v>0</v>
      </c>
      <c r="ML18" s="119">
        <v>0</v>
      </c>
      <c r="MM18" s="119">
        <v>0</v>
      </c>
      <c r="MN18" s="119">
        <v>0</v>
      </c>
      <c r="MO18" s="120">
        <v>0</v>
      </c>
      <c r="MP18" s="143">
        <v>0</v>
      </c>
      <c r="MQ18" s="142">
        <v>0</v>
      </c>
      <c r="MR18" s="119">
        <v>0</v>
      </c>
      <c r="MS18" s="120">
        <v>0</v>
      </c>
      <c r="MT18" s="145"/>
      <c r="MU18" s="119">
        <v>0</v>
      </c>
      <c r="MV18" s="119">
        <v>0</v>
      </c>
      <c r="MW18" s="119">
        <v>0</v>
      </c>
      <c r="MX18" s="119">
        <v>0</v>
      </c>
      <c r="MY18" s="119">
        <v>0</v>
      </c>
      <c r="MZ18" s="120">
        <v>0</v>
      </c>
      <c r="NA18" s="143">
        <v>0</v>
      </c>
      <c r="NB18" s="142">
        <v>0</v>
      </c>
      <c r="NC18" s="119">
        <v>0</v>
      </c>
      <c r="ND18" s="120">
        <v>0</v>
      </c>
      <c r="NE18" s="145"/>
      <c r="NF18" s="119">
        <v>0</v>
      </c>
      <c r="NG18" s="119">
        <v>0</v>
      </c>
      <c r="NH18" s="119">
        <v>0</v>
      </c>
      <c r="NI18" s="119">
        <v>0</v>
      </c>
      <c r="NJ18" s="119">
        <v>0</v>
      </c>
      <c r="NK18" s="120">
        <v>0</v>
      </c>
      <c r="NL18" s="320">
        <v>0</v>
      </c>
      <c r="NM18" s="142">
        <v>0</v>
      </c>
      <c r="NN18" s="119">
        <v>0</v>
      </c>
      <c r="NO18" s="120">
        <v>0</v>
      </c>
      <c r="NP18" s="145"/>
      <c r="NQ18" s="119">
        <v>0</v>
      </c>
      <c r="NR18" s="119">
        <v>0</v>
      </c>
      <c r="NS18" s="119">
        <v>0</v>
      </c>
      <c r="NT18" s="119">
        <v>0</v>
      </c>
      <c r="NU18" s="119">
        <v>0</v>
      </c>
      <c r="NV18" s="120">
        <v>0</v>
      </c>
      <c r="NW18" s="121">
        <v>0</v>
      </c>
      <c r="NX18" s="142">
        <v>0</v>
      </c>
      <c r="NY18" s="119">
        <v>0</v>
      </c>
      <c r="NZ18" s="120">
        <v>0</v>
      </c>
      <c r="OA18" s="145"/>
      <c r="OB18" s="119">
        <v>0</v>
      </c>
      <c r="OC18" s="119">
        <v>0</v>
      </c>
      <c r="OD18" s="119">
        <v>0</v>
      </c>
      <c r="OE18" s="119">
        <v>0</v>
      </c>
      <c r="OF18" s="119">
        <v>0</v>
      </c>
      <c r="OG18" s="120">
        <v>0</v>
      </c>
      <c r="OH18" s="121">
        <v>0</v>
      </c>
      <c r="OI18" s="142">
        <v>182777</v>
      </c>
      <c r="OJ18" s="119">
        <v>127281</v>
      </c>
      <c r="OK18" s="141">
        <v>310058</v>
      </c>
      <c r="OL18" s="118">
        <v>0</v>
      </c>
      <c r="OM18" s="119">
        <v>62020</v>
      </c>
      <c r="ON18" s="119">
        <v>212898</v>
      </c>
      <c r="OO18" s="119">
        <v>17325</v>
      </c>
      <c r="OP18" s="119">
        <v>0</v>
      </c>
      <c r="OQ18" s="119">
        <v>0</v>
      </c>
      <c r="OR18" s="120">
        <v>292243</v>
      </c>
      <c r="OS18" s="143">
        <v>602301</v>
      </c>
    </row>
    <row r="19" spans="2:409" ht="21" customHeight="1" x14ac:dyDescent="0.2">
      <c r="B19" s="126" t="s">
        <v>13</v>
      </c>
      <c r="C19" s="110">
        <v>0</v>
      </c>
      <c r="D19" s="114">
        <v>0</v>
      </c>
      <c r="E19" s="113">
        <v>0</v>
      </c>
      <c r="F19" s="110">
        <v>0</v>
      </c>
      <c r="G19" s="170">
        <v>0</v>
      </c>
      <c r="H19" s="114">
        <v>0</v>
      </c>
      <c r="I19" s="114">
        <v>0</v>
      </c>
      <c r="J19" s="114">
        <v>0</v>
      </c>
      <c r="K19" s="114">
        <v>0</v>
      </c>
      <c r="L19" s="112">
        <v>0</v>
      </c>
      <c r="M19" s="116">
        <v>0</v>
      </c>
      <c r="N19" s="110">
        <v>0</v>
      </c>
      <c r="O19" s="114">
        <v>0</v>
      </c>
      <c r="P19" s="113">
        <v>0</v>
      </c>
      <c r="Q19" s="110">
        <v>0</v>
      </c>
      <c r="R19" s="114">
        <v>0</v>
      </c>
      <c r="S19" s="114">
        <v>0</v>
      </c>
      <c r="T19" s="114">
        <v>0</v>
      </c>
      <c r="U19" s="114">
        <v>0</v>
      </c>
      <c r="V19" s="114">
        <v>0</v>
      </c>
      <c r="W19" s="113">
        <v>0</v>
      </c>
      <c r="X19" s="116">
        <v>0</v>
      </c>
      <c r="Y19" s="110">
        <v>0</v>
      </c>
      <c r="Z19" s="114">
        <v>0</v>
      </c>
      <c r="AA19" s="113">
        <v>0</v>
      </c>
      <c r="AB19" s="110">
        <v>0</v>
      </c>
      <c r="AC19" s="114">
        <v>0</v>
      </c>
      <c r="AD19" s="114">
        <v>0</v>
      </c>
      <c r="AE19" s="114">
        <v>0</v>
      </c>
      <c r="AF19" s="114">
        <v>0</v>
      </c>
      <c r="AG19" s="114">
        <v>0</v>
      </c>
      <c r="AH19" s="113">
        <v>0</v>
      </c>
      <c r="AI19" s="116">
        <v>0</v>
      </c>
      <c r="AJ19" s="110">
        <v>0</v>
      </c>
      <c r="AK19" s="114">
        <v>0</v>
      </c>
      <c r="AL19" s="113">
        <v>0</v>
      </c>
      <c r="AM19" s="110">
        <v>0</v>
      </c>
      <c r="AN19" s="114">
        <v>0</v>
      </c>
      <c r="AO19" s="114">
        <v>0</v>
      </c>
      <c r="AP19" s="114">
        <v>0</v>
      </c>
      <c r="AQ19" s="114">
        <v>0</v>
      </c>
      <c r="AR19" s="114">
        <v>0</v>
      </c>
      <c r="AS19" s="113">
        <v>0</v>
      </c>
      <c r="AT19" s="116">
        <v>0</v>
      </c>
      <c r="AU19" s="110">
        <v>0</v>
      </c>
      <c r="AV19" s="114">
        <v>0</v>
      </c>
      <c r="AW19" s="113">
        <v>0</v>
      </c>
      <c r="AX19" s="110">
        <v>0</v>
      </c>
      <c r="AY19" s="114">
        <v>0</v>
      </c>
      <c r="AZ19" s="114">
        <v>0</v>
      </c>
      <c r="BA19" s="114">
        <v>0</v>
      </c>
      <c r="BB19" s="114">
        <v>0</v>
      </c>
      <c r="BC19" s="114">
        <v>0</v>
      </c>
      <c r="BD19" s="113">
        <v>0</v>
      </c>
      <c r="BE19" s="116">
        <v>0</v>
      </c>
      <c r="BF19" s="110">
        <v>0</v>
      </c>
      <c r="BG19" s="114">
        <v>0</v>
      </c>
      <c r="BH19" s="112">
        <v>0</v>
      </c>
      <c r="BI19" s="111">
        <v>0</v>
      </c>
      <c r="BJ19" s="114">
        <v>0</v>
      </c>
      <c r="BK19" s="114">
        <v>0</v>
      </c>
      <c r="BL19" s="114">
        <v>0</v>
      </c>
      <c r="BM19" s="114">
        <v>0</v>
      </c>
      <c r="BN19" s="114">
        <v>0</v>
      </c>
      <c r="BO19" s="113">
        <v>0</v>
      </c>
      <c r="BP19" s="116">
        <v>0</v>
      </c>
      <c r="BQ19" s="110">
        <v>0</v>
      </c>
      <c r="BR19" s="114">
        <v>0</v>
      </c>
      <c r="BS19" s="113">
        <v>0</v>
      </c>
      <c r="BT19" s="110">
        <v>0</v>
      </c>
      <c r="BU19" s="114">
        <v>0</v>
      </c>
      <c r="BV19" s="114">
        <v>0</v>
      </c>
      <c r="BW19" s="114">
        <v>0</v>
      </c>
      <c r="BX19" s="114">
        <v>0</v>
      </c>
      <c r="BY19" s="114">
        <v>0</v>
      </c>
      <c r="BZ19" s="113">
        <v>0</v>
      </c>
      <c r="CA19" s="116">
        <v>0</v>
      </c>
      <c r="CB19" s="110">
        <v>0</v>
      </c>
      <c r="CC19" s="114">
        <v>0</v>
      </c>
      <c r="CD19" s="113">
        <v>0</v>
      </c>
      <c r="CE19" s="110">
        <v>0</v>
      </c>
      <c r="CF19" s="114">
        <v>0</v>
      </c>
      <c r="CG19" s="114">
        <v>0</v>
      </c>
      <c r="CH19" s="114">
        <v>0</v>
      </c>
      <c r="CI19" s="114">
        <v>0</v>
      </c>
      <c r="CJ19" s="114">
        <v>0</v>
      </c>
      <c r="CK19" s="113">
        <v>0</v>
      </c>
      <c r="CL19" s="116">
        <v>0</v>
      </c>
      <c r="CM19" s="110">
        <v>0</v>
      </c>
      <c r="CN19" s="114">
        <v>0</v>
      </c>
      <c r="CO19" s="113">
        <v>0</v>
      </c>
      <c r="CP19" s="111">
        <v>0</v>
      </c>
      <c r="CQ19" s="114">
        <v>0</v>
      </c>
      <c r="CR19" s="114">
        <v>0</v>
      </c>
      <c r="CS19" s="114">
        <v>0</v>
      </c>
      <c r="CT19" s="114">
        <v>0</v>
      </c>
      <c r="CU19" s="114">
        <v>0</v>
      </c>
      <c r="CV19" s="113">
        <v>0</v>
      </c>
      <c r="CW19" s="116">
        <v>0</v>
      </c>
      <c r="CX19" s="110">
        <v>0</v>
      </c>
      <c r="CY19" s="114">
        <v>0</v>
      </c>
      <c r="CZ19" s="113">
        <v>0</v>
      </c>
      <c r="DA19" s="110">
        <v>0</v>
      </c>
      <c r="DB19" s="114">
        <v>0</v>
      </c>
      <c r="DC19" s="114">
        <v>0</v>
      </c>
      <c r="DD19" s="114">
        <v>0</v>
      </c>
      <c r="DE19" s="114">
        <v>0</v>
      </c>
      <c r="DF19" s="114">
        <v>0</v>
      </c>
      <c r="DG19" s="113">
        <v>0</v>
      </c>
      <c r="DH19" s="116">
        <v>0</v>
      </c>
      <c r="DI19" s="110">
        <v>0</v>
      </c>
      <c r="DJ19" s="114">
        <v>0</v>
      </c>
      <c r="DK19" s="112">
        <v>0</v>
      </c>
      <c r="DL19" s="111">
        <v>0</v>
      </c>
      <c r="DM19" s="114">
        <v>0</v>
      </c>
      <c r="DN19" s="114">
        <v>0</v>
      </c>
      <c r="DO19" s="114">
        <v>0</v>
      </c>
      <c r="DP19" s="114">
        <v>0</v>
      </c>
      <c r="DQ19" s="114">
        <v>0</v>
      </c>
      <c r="DR19" s="113">
        <v>0</v>
      </c>
      <c r="DS19" s="116">
        <v>0</v>
      </c>
      <c r="DT19" s="110">
        <v>0</v>
      </c>
      <c r="DU19" s="114">
        <v>0</v>
      </c>
      <c r="DV19" s="113">
        <v>0</v>
      </c>
      <c r="DW19" s="110">
        <v>0</v>
      </c>
      <c r="DX19" s="114">
        <v>0</v>
      </c>
      <c r="DY19" s="114">
        <v>0</v>
      </c>
      <c r="DZ19" s="114">
        <v>0</v>
      </c>
      <c r="EA19" s="114">
        <v>0</v>
      </c>
      <c r="EB19" s="114">
        <v>0</v>
      </c>
      <c r="EC19" s="113">
        <v>0</v>
      </c>
      <c r="ED19" s="116">
        <v>0</v>
      </c>
      <c r="EE19" s="110">
        <v>0</v>
      </c>
      <c r="EF19" s="112">
        <v>0</v>
      </c>
      <c r="EG19" s="113">
        <v>0</v>
      </c>
      <c r="EH19" s="110">
        <v>0</v>
      </c>
      <c r="EI19" s="114">
        <v>0</v>
      </c>
      <c r="EJ19" s="114">
        <v>0</v>
      </c>
      <c r="EK19" s="114">
        <v>0</v>
      </c>
      <c r="EL19" s="114">
        <v>0</v>
      </c>
      <c r="EM19" s="114">
        <v>0</v>
      </c>
      <c r="EN19" s="112">
        <v>0</v>
      </c>
      <c r="EO19" s="116">
        <v>0</v>
      </c>
      <c r="EP19" s="110">
        <v>0</v>
      </c>
      <c r="EQ19" s="114">
        <v>0</v>
      </c>
      <c r="ER19" s="112">
        <v>0</v>
      </c>
      <c r="ES19" s="111">
        <v>0</v>
      </c>
      <c r="ET19" s="114">
        <v>0</v>
      </c>
      <c r="EU19" s="114">
        <v>0</v>
      </c>
      <c r="EV19" s="114">
        <v>0</v>
      </c>
      <c r="EW19" s="114">
        <v>0</v>
      </c>
      <c r="EX19" s="114">
        <v>0</v>
      </c>
      <c r="EY19" s="113">
        <v>0</v>
      </c>
      <c r="EZ19" s="116">
        <v>0</v>
      </c>
      <c r="FA19" s="110">
        <v>0</v>
      </c>
      <c r="FB19" s="114">
        <v>0</v>
      </c>
      <c r="FC19" s="112">
        <v>0</v>
      </c>
      <c r="FD19" s="347"/>
      <c r="FE19" s="114">
        <v>0</v>
      </c>
      <c r="FF19" s="114">
        <v>0</v>
      </c>
      <c r="FG19" s="114">
        <v>0</v>
      </c>
      <c r="FH19" s="114">
        <v>0</v>
      </c>
      <c r="FI19" s="114">
        <v>0</v>
      </c>
      <c r="FJ19" s="113">
        <v>0</v>
      </c>
      <c r="FK19" s="116">
        <v>0</v>
      </c>
      <c r="FL19" s="110">
        <v>0</v>
      </c>
      <c r="FM19" s="114">
        <v>0</v>
      </c>
      <c r="FN19" s="113">
        <v>0</v>
      </c>
      <c r="FO19" s="110">
        <v>0</v>
      </c>
      <c r="FP19" s="114">
        <v>0</v>
      </c>
      <c r="FQ19" s="114">
        <v>0</v>
      </c>
      <c r="FR19" s="114">
        <v>0</v>
      </c>
      <c r="FS19" s="114">
        <v>0</v>
      </c>
      <c r="FT19" s="114">
        <v>0</v>
      </c>
      <c r="FU19" s="113">
        <v>0</v>
      </c>
      <c r="FV19" s="116">
        <v>0</v>
      </c>
      <c r="FW19" s="115">
        <v>0</v>
      </c>
      <c r="FX19" s="114">
        <v>0</v>
      </c>
      <c r="FY19" s="112">
        <v>0</v>
      </c>
      <c r="FZ19" s="111">
        <v>0</v>
      </c>
      <c r="GA19" s="114">
        <v>0</v>
      </c>
      <c r="GB19" s="114">
        <v>0</v>
      </c>
      <c r="GC19" s="114">
        <v>0</v>
      </c>
      <c r="GD19" s="114">
        <v>0</v>
      </c>
      <c r="GE19" s="114">
        <v>0</v>
      </c>
      <c r="GF19" s="113">
        <v>0</v>
      </c>
      <c r="GG19" s="318">
        <v>0</v>
      </c>
      <c r="GH19" s="115">
        <v>0</v>
      </c>
      <c r="GI19" s="114">
        <v>0</v>
      </c>
      <c r="GJ19" s="112">
        <v>0</v>
      </c>
      <c r="GK19" s="111">
        <v>0</v>
      </c>
      <c r="GL19" s="114">
        <v>0</v>
      </c>
      <c r="GM19" s="114">
        <v>0</v>
      </c>
      <c r="GN19" s="114">
        <v>0</v>
      </c>
      <c r="GO19" s="114">
        <v>0</v>
      </c>
      <c r="GP19" s="114">
        <v>0</v>
      </c>
      <c r="GQ19" s="113">
        <v>0</v>
      </c>
      <c r="GR19" s="116">
        <v>0</v>
      </c>
      <c r="GS19" s="110">
        <v>0</v>
      </c>
      <c r="GT19" s="114">
        <v>0</v>
      </c>
      <c r="GU19" s="113">
        <v>0</v>
      </c>
      <c r="GV19" s="110">
        <v>0</v>
      </c>
      <c r="GW19" s="114">
        <v>0</v>
      </c>
      <c r="GX19" s="114">
        <v>0</v>
      </c>
      <c r="GY19" s="114">
        <v>0</v>
      </c>
      <c r="GZ19" s="114">
        <v>0</v>
      </c>
      <c r="HA19" s="114">
        <v>0</v>
      </c>
      <c r="HB19" s="112">
        <v>0</v>
      </c>
      <c r="HC19" s="116">
        <v>0</v>
      </c>
      <c r="HD19" s="110">
        <v>0</v>
      </c>
      <c r="HE19" s="114">
        <v>0</v>
      </c>
      <c r="HF19" s="112">
        <v>0</v>
      </c>
      <c r="HG19" s="111">
        <v>0</v>
      </c>
      <c r="HH19" s="114">
        <v>0</v>
      </c>
      <c r="HI19" s="114">
        <v>0</v>
      </c>
      <c r="HJ19" s="114">
        <v>0</v>
      </c>
      <c r="HK19" s="114">
        <v>0</v>
      </c>
      <c r="HL19" s="114">
        <v>0</v>
      </c>
      <c r="HM19" s="113">
        <v>0</v>
      </c>
      <c r="HN19" s="109">
        <v>0</v>
      </c>
      <c r="HO19" s="328"/>
      <c r="HP19" s="329"/>
      <c r="HQ19" s="330"/>
      <c r="HR19" s="331"/>
      <c r="HS19" s="329"/>
      <c r="HT19" s="329"/>
      <c r="HU19" s="329"/>
      <c r="HV19" s="329"/>
      <c r="HW19" s="329"/>
      <c r="HX19" s="332"/>
      <c r="HY19" s="333"/>
      <c r="HZ19" s="131">
        <v>0</v>
      </c>
      <c r="IA19" s="132">
        <v>0</v>
      </c>
      <c r="IB19" s="133">
        <v>0</v>
      </c>
      <c r="IC19" s="146">
        <v>0</v>
      </c>
      <c r="ID19" s="132">
        <v>0</v>
      </c>
      <c r="IE19" s="147">
        <v>0</v>
      </c>
      <c r="IF19" s="133">
        <v>0</v>
      </c>
      <c r="IG19" s="132">
        <v>0</v>
      </c>
      <c r="IH19" s="133">
        <v>0</v>
      </c>
      <c r="II19" s="148">
        <v>0</v>
      </c>
      <c r="IJ19" s="139">
        <v>0</v>
      </c>
      <c r="IK19" s="232">
        <v>0</v>
      </c>
      <c r="IL19" s="236">
        <v>0</v>
      </c>
      <c r="IM19" s="237">
        <v>0</v>
      </c>
      <c r="IN19" s="140"/>
      <c r="IO19" s="119">
        <v>0</v>
      </c>
      <c r="IP19" s="119">
        <v>0</v>
      </c>
      <c r="IQ19" s="119">
        <v>0</v>
      </c>
      <c r="IR19" s="119">
        <v>0</v>
      </c>
      <c r="IS19" s="119">
        <v>0</v>
      </c>
      <c r="IT19" s="141">
        <v>0</v>
      </c>
      <c r="IU19" s="320">
        <v>0</v>
      </c>
      <c r="IV19" s="142">
        <v>0</v>
      </c>
      <c r="IW19" s="119">
        <v>0</v>
      </c>
      <c r="IX19" s="120">
        <v>0</v>
      </c>
      <c r="IY19" s="144"/>
      <c r="IZ19" s="119">
        <v>0</v>
      </c>
      <c r="JA19" s="119">
        <v>0</v>
      </c>
      <c r="JB19" s="119">
        <v>0</v>
      </c>
      <c r="JC19" s="119">
        <v>0</v>
      </c>
      <c r="JD19" s="119">
        <v>0</v>
      </c>
      <c r="JE19" s="120">
        <v>0</v>
      </c>
      <c r="JF19" s="121">
        <v>0</v>
      </c>
      <c r="JG19" s="142">
        <v>0</v>
      </c>
      <c r="JH19" s="119">
        <v>0</v>
      </c>
      <c r="JI19" s="141">
        <v>0</v>
      </c>
      <c r="JJ19" s="118">
        <v>0</v>
      </c>
      <c r="JK19" s="119">
        <v>0</v>
      </c>
      <c r="JL19" s="119">
        <v>0</v>
      </c>
      <c r="JM19" s="119">
        <v>0</v>
      </c>
      <c r="JN19" s="119">
        <v>0</v>
      </c>
      <c r="JO19" s="119">
        <v>0</v>
      </c>
      <c r="JP19" s="120">
        <v>0</v>
      </c>
      <c r="JQ19" s="320">
        <v>0</v>
      </c>
      <c r="JR19" s="142">
        <v>0</v>
      </c>
      <c r="JS19" s="119">
        <v>0</v>
      </c>
      <c r="JT19" s="141">
        <v>0</v>
      </c>
      <c r="JU19" s="118">
        <v>0</v>
      </c>
      <c r="JV19" s="119">
        <v>0</v>
      </c>
      <c r="JW19" s="119">
        <v>0</v>
      </c>
      <c r="JX19" s="119">
        <v>0</v>
      </c>
      <c r="JY19" s="119">
        <v>0</v>
      </c>
      <c r="JZ19" s="119">
        <v>0</v>
      </c>
      <c r="KA19" s="120">
        <v>0</v>
      </c>
      <c r="KB19" s="320">
        <v>0</v>
      </c>
      <c r="KC19" s="234">
        <v>0</v>
      </c>
      <c r="KD19" s="230">
        <v>0</v>
      </c>
      <c r="KE19" s="120">
        <v>0</v>
      </c>
      <c r="KF19" s="118">
        <v>0</v>
      </c>
      <c r="KG19" s="119">
        <v>0</v>
      </c>
      <c r="KH19" s="119">
        <v>0</v>
      </c>
      <c r="KI19" s="119">
        <v>0</v>
      </c>
      <c r="KJ19" s="119">
        <v>0</v>
      </c>
      <c r="KK19" s="119">
        <v>0</v>
      </c>
      <c r="KL19" s="120">
        <v>0</v>
      </c>
      <c r="KM19" s="143">
        <v>0</v>
      </c>
      <c r="KN19" s="232">
        <v>0</v>
      </c>
      <c r="KO19" s="236">
        <v>0</v>
      </c>
      <c r="KP19" s="237">
        <v>0</v>
      </c>
      <c r="KQ19" s="140"/>
      <c r="KR19" s="119">
        <v>0</v>
      </c>
      <c r="KS19" s="119">
        <v>0</v>
      </c>
      <c r="KT19" s="119">
        <v>0</v>
      </c>
      <c r="KU19" s="119">
        <v>0</v>
      </c>
      <c r="KV19" s="119">
        <v>0</v>
      </c>
      <c r="KW19" s="120">
        <v>0</v>
      </c>
      <c r="KX19" s="320">
        <v>0</v>
      </c>
      <c r="KY19" s="142">
        <v>0</v>
      </c>
      <c r="KZ19" s="119">
        <v>0</v>
      </c>
      <c r="LA19" s="120">
        <v>0</v>
      </c>
      <c r="LB19" s="145"/>
      <c r="LC19" s="119">
        <v>0</v>
      </c>
      <c r="LD19" s="119">
        <v>0</v>
      </c>
      <c r="LE19" s="119">
        <v>0</v>
      </c>
      <c r="LF19" s="119">
        <v>0</v>
      </c>
      <c r="LG19" s="119">
        <v>0</v>
      </c>
      <c r="LH19" s="120">
        <v>0</v>
      </c>
      <c r="LI19" s="121">
        <v>0</v>
      </c>
      <c r="LJ19" s="142">
        <v>0</v>
      </c>
      <c r="LK19" s="119">
        <v>0</v>
      </c>
      <c r="LL19" s="120">
        <v>0</v>
      </c>
      <c r="LM19" s="145"/>
      <c r="LN19" s="119">
        <v>0</v>
      </c>
      <c r="LO19" s="119">
        <v>0</v>
      </c>
      <c r="LP19" s="119">
        <v>0</v>
      </c>
      <c r="LQ19" s="119">
        <v>0</v>
      </c>
      <c r="LR19" s="119">
        <v>0</v>
      </c>
      <c r="LS19" s="120">
        <v>0</v>
      </c>
      <c r="LT19" s="320">
        <v>0</v>
      </c>
      <c r="LU19" s="142">
        <v>0</v>
      </c>
      <c r="LV19" s="119">
        <v>0</v>
      </c>
      <c r="LW19" s="120">
        <v>0</v>
      </c>
      <c r="LX19" s="145"/>
      <c r="LY19" s="119">
        <v>0</v>
      </c>
      <c r="LZ19" s="119">
        <v>0</v>
      </c>
      <c r="MA19" s="119">
        <v>0</v>
      </c>
      <c r="MB19" s="119">
        <v>0</v>
      </c>
      <c r="MC19" s="119">
        <v>0</v>
      </c>
      <c r="MD19" s="120">
        <v>0</v>
      </c>
      <c r="ME19" s="121">
        <v>0</v>
      </c>
      <c r="MF19" s="142">
        <v>0</v>
      </c>
      <c r="MG19" s="119">
        <v>0</v>
      </c>
      <c r="MH19" s="120">
        <v>0</v>
      </c>
      <c r="MI19" s="145"/>
      <c r="MJ19" s="119">
        <v>0</v>
      </c>
      <c r="MK19" s="119">
        <v>0</v>
      </c>
      <c r="ML19" s="119">
        <v>0</v>
      </c>
      <c r="MM19" s="119">
        <v>0</v>
      </c>
      <c r="MN19" s="119">
        <v>0</v>
      </c>
      <c r="MO19" s="120">
        <v>0</v>
      </c>
      <c r="MP19" s="143">
        <v>0</v>
      </c>
      <c r="MQ19" s="142">
        <v>0</v>
      </c>
      <c r="MR19" s="119">
        <v>0</v>
      </c>
      <c r="MS19" s="120">
        <v>0</v>
      </c>
      <c r="MT19" s="145"/>
      <c r="MU19" s="119">
        <v>0</v>
      </c>
      <c r="MV19" s="119">
        <v>0</v>
      </c>
      <c r="MW19" s="119">
        <v>0</v>
      </c>
      <c r="MX19" s="119">
        <v>0</v>
      </c>
      <c r="MY19" s="119">
        <v>0</v>
      </c>
      <c r="MZ19" s="120">
        <v>0</v>
      </c>
      <c r="NA19" s="143">
        <v>0</v>
      </c>
      <c r="NB19" s="142">
        <v>0</v>
      </c>
      <c r="NC19" s="119">
        <v>0</v>
      </c>
      <c r="ND19" s="120">
        <v>0</v>
      </c>
      <c r="NE19" s="145"/>
      <c r="NF19" s="119">
        <v>0</v>
      </c>
      <c r="NG19" s="119">
        <v>0</v>
      </c>
      <c r="NH19" s="119">
        <v>0</v>
      </c>
      <c r="NI19" s="119">
        <v>0</v>
      </c>
      <c r="NJ19" s="119">
        <v>0</v>
      </c>
      <c r="NK19" s="120">
        <v>0</v>
      </c>
      <c r="NL19" s="320">
        <v>0</v>
      </c>
      <c r="NM19" s="142">
        <v>0</v>
      </c>
      <c r="NN19" s="119">
        <v>0</v>
      </c>
      <c r="NO19" s="120">
        <v>0</v>
      </c>
      <c r="NP19" s="145"/>
      <c r="NQ19" s="119">
        <v>0</v>
      </c>
      <c r="NR19" s="119">
        <v>0</v>
      </c>
      <c r="NS19" s="119">
        <v>0</v>
      </c>
      <c r="NT19" s="119">
        <v>0</v>
      </c>
      <c r="NU19" s="119">
        <v>0</v>
      </c>
      <c r="NV19" s="120">
        <v>0</v>
      </c>
      <c r="NW19" s="121">
        <v>0</v>
      </c>
      <c r="NX19" s="142">
        <v>0</v>
      </c>
      <c r="NY19" s="119">
        <v>0</v>
      </c>
      <c r="NZ19" s="120">
        <v>0</v>
      </c>
      <c r="OA19" s="145"/>
      <c r="OB19" s="119">
        <v>0</v>
      </c>
      <c r="OC19" s="119">
        <v>0</v>
      </c>
      <c r="OD19" s="119">
        <v>0</v>
      </c>
      <c r="OE19" s="119">
        <v>0</v>
      </c>
      <c r="OF19" s="119">
        <v>0</v>
      </c>
      <c r="OG19" s="120">
        <v>0</v>
      </c>
      <c r="OH19" s="121">
        <v>0</v>
      </c>
      <c r="OI19" s="142">
        <v>0</v>
      </c>
      <c r="OJ19" s="119">
        <v>0</v>
      </c>
      <c r="OK19" s="141">
        <v>0</v>
      </c>
      <c r="OL19" s="118">
        <v>0</v>
      </c>
      <c r="OM19" s="119">
        <v>0</v>
      </c>
      <c r="ON19" s="119">
        <v>0</v>
      </c>
      <c r="OO19" s="119">
        <v>0</v>
      </c>
      <c r="OP19" s="119">
        <v>0</v>
      </c>
      <c r="OQ19" s="119">
        <v>0</v>
      </c>
      <c r="OR19" s="120">
        <v>0</v>
      </c>
      <c r="OS19" s="143">
        <v>0</v>
      </c>
    </row>
    <row r="20" spans="2:409" ht="21" customHeight="1" x14ac:dyDescent="0.2">
      <c r="B20" s="126" t="s">
        <v>15</v>
      </c>
      <c r="C20" s="110">
        <v>0</v>
      </c>
      <c r="D20" s="114">
        <v>0</v>
      </c>
      <c r="E20" s="113">
        <v>0</v>
      </c>
      <c r="F20" s="109">
        <v>0</v>
      </c>
      <c r="G20" s="114">
        <v>0</v>
      </c>
      <c r="H20" s="114">
        <v>0</v>
      </c>
      <c r="I20" s="114">
        <v>0</v>
      </c>
      <c r="J20" s="114">
        <v>0</v>
      </c>
      <c r="K20" s="114">
        <v>0</v>
      </c>
      <c r="L20" s="109">
        <v>0</v>
      </c>
      <c r="M20" s="116">
        <v>0</v>
      </c>
      <c r="N20" s="110">
        <v>0</v>
      </c>
      <c r="O20" s="114">
        <v>0</v>
      </c>
      <c r="P20" s="113">
        <v>0</v>
      </c>
      <c r="Q20" s="110">
        <v>0</v>
      </c>
      <c r="R20" s="114">
        <v>0</v>
      </c>
      <c r="S20" s="114">
        <v>0</v>
      </c>
      <c r="T20" s="114">
        <v>0</v>
      </c>
      <c r="U20" s="114">
        <v>0</v>
      </c>
      <c r="V20" s="114">
        <v>0</v>
      </c>
      <c r="W20" s="113">
        <v>0</v>
      </c>
      <c r="X20" s="116">
        <v>0</v>
      </c>
      <c r="Y20" s="110">
        <v>0</v>
      </c>
      <c r="Z20" s="114">
        <v>0</v>
      </c>
      <c r="AA20" s="113">
        <v>0</v>
      </c>
      <c r="AB20" s="110">
        <v>0</v>
      </c>
      <c r="AC20" s="114">
        <v>0</v>
      </c>
      <c r="AD20" s="114">
        <v>0</v>
      </c>
      <c r="AE20" s="114">
        <v>0</v>
      </c>
      <c r="AF20" s="114">
        <v>0</v>
      </c>
      <c r="AG20" s="114">
        <v>0</v>
      </c>
      <c r="AH20" s="113">
        <v>0</v>
      </c>
      <c r="AI20" s="116">
        <v>0</v>
      </c>
      <c r="AJ20" s="110">
        <v>0</v>
      </c>
      <c r="AK20" s="114">
        <v>0</v>
      </c>
      <c r="AL20" s="113">
        <v>0</v>
      </c>
      <c r="AM20" s="110">
        <v>0</v>
      </c>
      <c r="AN20" s="114">
        <v>0</v>
      </c>
      <c r="AO20" s="114">
        <v>0</v>
      </c>
      <c r="AP20" s="114">
        <v>0</v>
      </c>
      <c r="AQ20" s="114">
        <v>0</v>
      </c>
      <c r="AR20" s="114">
        <v>0</v>
      </c>
      <c r="AS20" s="113">
        <v>0</v>
      </c>
      <c r="AT20" s="116">
        <v>0</v>
      </c>
      <c r="AU20" s="110">
        <v>0</v>
      </c>
      <c r="AV20" s="114">
        <v>0</v>
      </c>
      <c r="AW20" s="113">
        <v>0</v>
      </c>
      <c r="AX20" s="110">
        <v>0</v>
      </c>
      <c r="AY20" s="114">
        <v>0</v>
      </c>
      <c r="AZ20" s="114">
        <v>0</v>
      </c>
      <c r="BA20" s="114">
        <v>0</v>
      </c>
      <c r="BB20" s="114">
        <v>0</v>
      </c>
      <c r="BC20" s="114">
        <v>0</v>
      </c>
      <c r="BD20" s="113">
        <v>0</v>
      </c>
      <c r="BE20" s="116">
        <v>0</v>
      </c>
      <c r="BF20" s="110">
        <v>0</v>
      </c>
      <c r="BG20" s="114">
        <v>0</v>
      </c>
      <c r="BH20" s="112">
        <v>0</v>
      </c>
      <c r="BI20" s="111">
        <v>0</v>
      </c>
      <c r="BJ20" s="114">
        <v>0</v>
      </c>
      <c r="BK20" s="114">
        <v>0</v>
      </c>
      <c r="BL20" s="114">
        <v>0</v>
      </c>
      <c r="BM20" s="114">
        <v>0</v>
      </c>
      <c r="BN20" s="114">
        <v>0</v>
      </c>
      <c r="BO20" s="113">
        <v>0</v>
      </c>
      <c r="BP20" s="116">
        <v>0</v>
      </c>
      <c r="BQ20" s="110">
        <v>0</v>
      </c>
      <c r="BR20" s="114">
        <v>0</v>
      </c>
      <c r="BS20" s="113">
        <v>0</v>
      </c>
      <c r="BT20" s="110">
        <v>0</v>
      </c>
      <c r="BU20" s="114">
        <v>0</v>
      </c>
      <c r="BV20" s="114">
        <v>0</v>
      </c>
      <c r="BW20" s="114">
        <v>0</v>
      </c>
      <c r="BX20" s="114">
        <v>0</v>
      </c>
      <c r="BY20" s="114">
        <v>0</v>
      </c>
      <c r="BZ20" s="113">
        <v>0</v>
      </c>
      <c r="CA20" s="116">
        <v>0</v>
      </c>
      <c r="CB20" s="110">
        <v>0</v>
      </c>
      <c r="CC20" s="114">
        <v>0</v>
      </c>
      <c r="CD20" s="113">
        <v>0</v>
      </c>
      <c r="CE20" s="110">
        <v>0</v>
      </c>
      <c r="CF20" s="114">
        <v>0</v>
      </c>
      <c r="CG20" s="114">
        <v>0</v>
      </c>
      <c r="CH20" s="114">
        <v>0</v>
      </c>
      <c r="CI20" s="114">
        <v>0</v>
      </c>
      <c r="CJ20" s="114">
        <v>0</v>
      </c>
      <c r="CK20" s="113">
        <v>0</v>
      </c>
      <c r="CL20" s="116">
        <v>0</v>
      </c>
      <c r="CM20" s="110">
        <v>0</v>
      </c>
      <c r="CN20" s="114">
        <v>0</v>
      </c>
      <c r="CO20" s="113">
        <v>0</v>
      </c>
      <c r="CP20" s="111">
        <v>0</v>
      </c>
      <c r="CQ20" s="114">
        <v>0</v>
      </c>
      <c r="CR20" s="114">
        <v>0</v>
      </c>
      <c r="CS20" s="114">
        <v>0</v>
      </c>
      <c r="CT20" s="114">
        <v>0</v>
      </c>
      <c r="CU20" s="114">
        <v>0</v>
      </c>
      <c r="CV20" s="113">
        <v>0</v>
      </c>
      <c r="CW20" s="116">
        <v>0</v>
      </c>
      <c r="CX20" s="110">
        <v>0</v>
      </c>
      <c r="CY20" s="114">
        <v>0</v>
      </c>
      <c r="CZ20" s="113">
        <v>0</v>
      </c>
      <c r="DA20" s="110">
        <v>0</v>
      </c>
      <c r="DB20" s="114">
        <v>0</v>
      </c>
      <c r="DC20" s="114">
        <v>0</v>
      </c>
      <c r="DD20" s="114">
        <v>0</v>
      </c>
      <c r="DE20" s="114">
        <v>0</v>
      </c>
      <c r="DF20" s="114">
        <v>0</v>
      </c>
      <c r="DG20" s="113">
        <v>0</v>
      </c>
      <c r="DH20" s="116">
        <v>0</v>
      </c>
      <c r="DI20" s="110">
        <v>0</v>
      </c>
      <c r="DJ20" s="114">
        <v>0</v>
      </c>
      <c r="DK20" s="112">
        <v>0</v>
      </c>
      <c r="DL20" s="111">
        <v>0</v>
      </c>
      <c r="DM20" s="114">
        <v>0</v>
      </c>
      <c r="DN20" s="114">
        <v>0</v>
      </c>
      <c r="DO20" s="114">
        <v>0</v>
      </c>
      <c r="DP20" s="114">
        <v>0</v>
      </c>
      <c r="DQ20" s="114">
        <v>0</v>
      </c>
      <c r="DR20" s="113">
        <v>0</v>
      </c>
      <c r="DS20" s="116">
        <v>0</v>
      </c>
      <c r="DT20" s="110">
        <v>0</v>
      </c>
      <c r="DU20" s="114">
        <v>0</v>
      </c>
      <c r="DV20" s="113">
        <v>0</v>
      </c>
      <c r="DW20" s="110">
        <v>0</v>
      </c>
      <c r="DX20" s="114">
        <v>0</v>
      </c>
      <c r="DY20" s="114">
        <v>0</v>
      </c>
      <c r="DZ20" s="114">
        <v>0</v>
      </c>
      <c r="EA20" s="114">
        <v>0</v>
      </c>
      <c r="EB20" s="114">
        <v>0</v>
      </c>
      <c r="EC20" s="113">
        <v>0</v>
      </c>
      <c r="ED20" s="116">
        <v>0</v>
      </c>
      <c r="EE20" s="110">
        <v>0</v>
      </c>
      <c r="EF20" s="112">
        <v>0</v>
      </c>
      <c r="EG20" s="113">
        <v>0</v>
      </c>
      <c r="EH20" s="110">
        <v>0</v>
      </c>
      <c r="EI20" s="114">
        <v>0</v>
      </c>
      <c r="EJ20" s="114">
        <v>0</v>
      </c>
      <c r="EK20" s="114">
        <v>0</v>
      </c>
      <c r="EL20" s="114">
        <v>0</v>
      </c>
      <c r="EM20" s="114">
        <v>0</v>
      </c>
      <c r="EN20" s="112">
        <v>0</v>
      </c>
      <c r="EO20" s="116">
        <v>0</v>
      </c>
      <c r="EP20" s="110">
        <v>0</v>
      </c>
      <c r="EQ20" s="114">
        <v>0</v>
      </c>
      <c r="ER20" s="112">
        <v>0</v>
      </c>
      <c r="ES20" s="111">
        <v>0</v>
      </c>
      <c r="ET20" s="114">
        <v>0</v>
      </c>
      <c r="EU20" s="114">
        <v>0</v>
      </c>
      <c r="EV20" s="114">
        <v>0</v>
      </c>
      <c r="EW20" s="114">
        <v>0</v>
      </c>
      <c r="EX20" s="114">
        <v>0</v>
      </c>
      <c r="EY20" s="113">
        <v>0</v>
      </c>
      <c r="EZ20" s="116">
        <v>0</v>
      </c>
      <c r="FA20" s="110">
        <v>0</v>
      </c>
      <c r="FB20" s="114">
        <v>0</v>
      </c>
      <c r="FC20" s="112">
        <v>0</v>
      </c>
      <c r="FD20" s="347"/>
      <c r="FE20" s="114">
        <v>0</v>
      </c>
      <c r="FF20" s="114">
        <v>0</v>
      </c>
      <c r="FG20" s="114">
        <v>0</v>
      </c>
      <c r="FH20" s="114">
        <v>0</v>
      </c>
      <c r="FI20" s="114">
        <v>0</v>
      </c>
      <c r="FJ20" s="113">
        <v>0</v>
      </c>
      <c r="FK20" s="116">
        <v>0</v>
      </c>
      <c r="FL20" s="110">
        <v>0</v>
      </c>
      <c r="FM20" s="114">
        <v>0</v>
      </c>
      <c r="FN20" s="113">
        <v>0</v>
      </c>
      <c r="FO20" s="110">
        <v>0</v>
      </c>
      <c r="FP20" s="114">
        <v>0</v>
      </c>
      <c r="FQ20" s="114">
        <v>0</v>
      </c>
      <c r="FR20" s="114">
        <v>0</v>
      </c>
      <c r="FS20" s="114">
        <v>0</v>
      </c>
      <c r="FT20" s="114">
        <v>0</v>
      </c>
      <c r="FU20" s="113">
        <v>0</v>
      </c>
      <c r="FV20" s="116">
        <v>0</v>
      </c>
      <c r="FW20" s="115">
        <v>0</v>
      </c>
      <c r="FX20" s="114">
        <v>0</v>
      </c>
      <c r="FY20" s="112">
        <v>0</v>
      </c>
      <c r="FZ20" s="111">
        <v>0</v>
      </c>
      <c r="GA20" s="114">
        <v>0</v>
      </c>
      <c r="GB20" s="114">
        <v>0</v>
      </c>
      <c r="GC20" s="114">
        <v>0</v>
      </c>
      <c r="GD20" s="114">
        <v>0</v>
      </c>
      <c r="GE20" s="114">
        <v>0</v>
      </c>
      <c r="GF20" s="113">
        <v>0</v>
      </c>
      <c r="GG20" s="318">
        <v>0</v>
      </c>
      <c r="GH20" s="115">
        <v>0</v>
      </c>
      <c r="GI20" s="114">
        <v>0</v>
      </c>
      <c r="GJ20" s="112">
        <v>0</v>
      </c>
      <c r="GK20" s="111">
        <v>0</v>
      </c>
      <c r="GL20" s="114">
        <v>0</v>
      </c>
      <c r="GM20" s="114">
        <v>0</v>
      </c>
      <c r="GN20" s="114">
        <v>0</v>
      </c>
      <c r="GO20" s="114">
        <v>0</v>
      </c>
      <c r="GP20" s="114">
        <v>0</v>
      </c>
      <c r="GQ20" s="113">
        <v>0</v>
      </c>
      <c r="GR20" s="116">
        <v>0</v>
      </c>
      <c r="GS20" s="110">
        <v>0</v>
      </c>
      <c r="GT20" s="114">
        <v>0</v>
      </c>
      <c r="GU20" s="113">
        <v>0</v>
      </c>
      <c r="GV20" s="110">
        <v>0</v>
      </c>
      <c r="GW20" s="114">
        <v>0</v>
      </c>
      <c r="GX20" s="114">
        <v>0</v>
      </c>
      <c r="GY20" s="114">
        <v>0</v>
      </c>
      <c r="GZ20" s="114">
        <v>0</v>
      </c>
      <c r="HA20" s="114">
        <v>0</v>
      </c>
      <c r="HB20" s="112">
        <v>0</v>
      </c>
      <c r="HC20" s="116">
        <v>0</v>
      </c>
      <c r="HD20" s="110">
        <v>0</v>
      </c>
      <c r="HE20" s="114">
        <v>0</v>
      </c>
      <c r="HF20" s="112">
        <v>0</v>
      </c>
      <c r="HG20" s="111">
        <v>0</v>
      </c>
      <c r="HH20" s="114">
        <v>0</v>
      </c>
      <c r="HI20" s="114">
        <v>0</v>
      </c>
      <c r="HJ20" s="114">
        <v>0</v>
      </c>
      <c r="HK20" s="114">
        <v>0</v>
      </c>
      <c r="HL20" s="114">
        <v>0</v>
      </c>
      <c r="HM20" s="113">
        <v>0</v>
      </c>
      <c r="HN20" s="109">
        <v>0</v>
      </c>
      <c r="HO20" s="328"/>
      <c r="HP20" s="329"/>
      <c r="HQ20" s="330"/>
      <c r="HR20" s="331"/>
      <c r="HS20" s="329"/>
      <c r="HT20" s="329"/>
      <c r="HU20" s="329"/>
      <c r="HV20" s="329"/>
      <c r="HW20" s="329"/>
      <c r="HX20" s="332"/>
      <c r="HY20" s="333"/>
      <c r="HZ20" s="150">
        <v>0</v>
      </c>
      <c r="IA20" s="135">
        <v>0</v>
      </c>
      <c r="IB20" s="150">
        <v>0</v>
      </c>
      <c r="IC20" s="134">
        <v>0</v>
      </c>
      <c r="ID20" s="135">
        <v>0</v>
      </c>
      <c r="IE20" s="136">
        <v>0</v>
      </c>
      <c r="IF20" s="137">
        <v>0</v>
      </c>
      <c r="IG20" s="135">
        <v>0</v>
      </c>
      <c r="IH20" s="137">
        <v>0</v>
      </c>
      <c r="II20" s="138">
        <v>0</v>
      </c>
      <c r="IJ20" s="150">
        <v>0</v>
      </c>
      <c r="IK20" s="232">
        <v>0</v>
      </c>
      <c r="IL20" s="236">
        <v>0</v>
      </c>
      <c r="IM20" s="237">
        <v>0</v>
      </c>
      <c r="IN20" s="140"/>
      <c r="IO20" s="119">
        <v>0</v>
      </c>
      <c r="IP20" s="119">
        <v>0</v>
      </c>
      <c r="IQ20" s="119">
        <v>0</v>
      </c>
      <c r="IR20" s="119">
        <v>0</v>
      </c>
      <c r="IS20" s="119">
        <v>0</v>
      </c>
      <c r="IT20" s="141">
        <v>0</v>
      </c>
      <c r="IU20" s="320">
        <v>0</v>
      </c>
      <c r="IV20" s="142">
        <v>0</v>
      </c>
      <c r="IW20" s="119">
        <v>0</v>
      </c>
      <c r="IX20" s="120">
        <v>0</v>
      </c>
      <c r="IY20" s="144"/>
      <c r="IZ20" s="119">
        <v>0</v>
      </c>
      <c r="JA20" s="119">
        <v>0</v>
      </c>
      <c r="JB20" s="119">
        <v>0</v>
      </c>
      <c r="JC20" s="119">
        <v>0</v>
      </c>
      <c r="JD20" s="119">
        <v>0</v>
      </c>
      <c r="JE20" s="120">
        <v>0</v>
      </c>
      <c r="JF20" s="121">
        <v>0</v>
      </c>
      <c r="JG20" s="142">
        <v>0</v>
      </c>
      <c r="JH20" s="119">
        <v>0</v>
      </c>
      <c r="JI20" s="141">
        <v>0</v>
      </c>
      <c r="JJ20" s="118">
        <v>0</v>
      </c>
      <c r="JK20" s="119">
        <v>0</v>
      </c>
      <c r="JL20" s="119">
        <v>0</v>
      </c>
      <c r="JM20" s="119">
        <v>0</v>
      </c>
      <c r="JN20" s="119">
        <v>0</v>
      </c>
      <c r="JO20" s="119">
        <v>0</v>
      </c>
      <c r="JP20" s="120">
        <v>0</v>
      </c>
      <c r="JQ20" s="320">
        <v>0</v>
      </c>
      <c r="JR20" s="142">
        <v>0</v>
      </c>
      <c r="JS20" s="119">
        <v>0</v>
      </c>
      <c r="JT20" s="141">
        <v>0</v>
      </c>
      <c r="JU20" s="118">
        <v>0</v>
      </c>
      <c r="JV20" s="119">
        <v>0</v>
      </c>
      <c r="JW20" s="119">
        <v>0</v>
      </c>
      <c r="JX20" s="119">
        <v>0</v>
      </c>
      <c r="JY20" s="119">
        <v>0</v>
      </c>
      <c r="JZ20" s="119">
        <v>0</v>
      </c>
      <c r="KA20" s="120">
        <v>0</v>
      </c>
      <c r="KB20" s="320">
        <v>0</v>
      </c>
      <c r="KC20" s="234">
        <v>0</v>
      </c>
      <c r="KD20" s="230">
        <v>0</v>
      </c>
      <c r="KE20" s="120">
        <v>0</v>
      </c>
      <c r="KF20" s="118">
        <v>0</v>
      </c>
      <c r="KG20" s="119">
        <v>0</v>
      </c>
      <c r="KH20" s="119">
        <v>0</v>
      </c>
      <c r="KI20" s="119">
        <v>0</v>
      </c>
      <c r="KJ20" s="119">
        <v>0</v>
      </c>
      <c r="KK20" s="119">
        <v>0</v>
      </c>
      <c r="KL20" s="120">
        <v>0</v>
      </c>
      <c r="KM20" s="143">
        <v>0</v>
      </c>
      <c r="KN20" s="232">
        <v>0</v>
      </c>
      <c r="KO20" s="236">
        <v>0</v>
      </c>
      <c r="KP20" s="237">
        <v>0</v>
      </c>
      <c r="KQ20" s="140"/>
      <c r="KR20" s="119">
        <v>0</v>
      </c>
      <c r="KS20" s="119">
        <v>0</v>
      </c>
      <c r="KT20" s="119">
        <v>0</v>
      </c>
      <c r="KU20" s="119">
        <v>0</v>
      </c>
      <c r="KV20" s="119">
        <v>0</v>
      </c>
      <c r="KW20" s="120">
        <v>0</v>
      </c>
      <c r="KX20" s="320">
        <v>0</v>
      </c>
      <c r="KY20" s="142">
        <v>0</v>
      </c>
      <c r="KZ20" s="119">
        <v>0</v>
      </c>
      <c r="LA20" s="120">
        <v>0</v>
      </c>
      <c r="LB20" s="145"/>
      <c r="LC20" s="119">
        <v>0</v>
      </c>
      <c r="LD20" s="119">
        <v>0</v>
      </c>
      <c r="LE20" s="119">
        <v>0</v>
      </c>
      <c r="LF20" s="119">
        <v>0</v>
      </c>
      <c r="LG20" s="119">
        <v>0</v>
      </c>
      <c r="LH20" s="120">
        <v>0</v>
      </c>
      <c r="LI20" s="121">
        <v>0</v>
      </c>
      <c r="LJ20" s="142">
        <v>0</v>
      </c>
      <c r="LK20" s="119">
        <v>0</v>
      </c>
      <c r="LL20" s="120">
        <v>0</v>
      </c>
      <c r="LM20" s="145"/>
      <c r="LN20" s="119">
        <v>0</v>
      </c>
      <c r="LO20" s="119">
        <v>0</v>
      </c>
      <c r="LP20" s="119">
        <v>0</v>
      </c>
      <c r="LQ20" s="119">
        <v>0</v>
      </c>
      <c r="LR20" s="119">
        <v>0</v>
      </c>
      <c r="LS20" s="120">
        <v>0</v>
      </c>
      <c r="LT20" s="320">
        <v>0</v>
      </c>
      <c r="LU20" s="142">
        <v>0</v>
      </c>
      <c r="LV20" s="119">
        <v>0</v>
      </c>
      <c r="LW20" s="120">
        <v>0</v>
      </c>
      <c r="LX20" s="145"/>
      <c r="LY20" s="119">
        <v>0</v>
      </c>
      <c r="LZ20" s="119">
        <v>0</v>
      </c>
      <c r="MA20" s="119">
        <v>0</v>
      </c>
      <c r="MB20" s="119">
        <v>0</v>
      </c>
      <c r="MC20" s="119">
        <v>0</v>
      </c>
      <c r="MD20" s="120">
        <v>0</v>
      </c>
      <c r="ME20" s="121">
        <v>0</v>
      </c>
      <c r="MF20" s="142">
        <v>0</v>
      </c>
      <c r="MG20" s="119">
        <v>0</v>
      </c>
      <c r="MH20" s="120">
        <v>0</v>
      </c>
      <c r="MI20" s="145"/>
      <c r="MJ20" s="119">
        <v>0</v>
      </c>
      <c r="MK20" s="119">
        <v>0</v>
      </c>
      <c r="ML20" s="119">
        <v>0</v>
      </c>
      <c r="MM20" s="119">
        <v>0</v>
      </c>
      <c r="MN20" s="119">
        <v>0</v>
      </c>
      <c r="MO20" s="120">
        <v>0</v>
      </c>
      <c r="MP20" s="143">
        <v>0</v>
      </c>
      <c r="MQ20" s="142">
        <v>0</v>
      </c>
      <c r="MR20" s="119">
        <v>0</v>
      </c>
      <c r="MS20" s="120">
        <v>0</v>
      </c>
      <c r="MT20" s="145"/>
      <c r="MU20" s="119">
        <v>0</v>
      </c>
      <c r="MV20" s="119">
        <v>0</v>
      </c>
      <c r="MW20" s="119">
        <v>0</v>
      </c>
      <c r="MX20" s="119">
        <v>0</v>
      </c>
      <c r="MY20" s="119">
        <v>0</v>
      </c>
      <c r="MZ20" s="120">
        <v>0</v>
      </c>
      <c r="NA20" s="143">
        <v>0</v>
      </c>
      <c r="NB20" s="142">
        <v>0</v>
      </c>
      <c r="NC20" s="119">
        <v>0</v>
      </c>
      <c r="ND20" s="120">
        <v>0</v>
      </c>
      <c r="NE20" s="145"/>
      <c r="NF20" s="119">
        <v>0</v>
      </c>
      <c r="NG20" s="119">
        <v>0</v>
      </c>
      <c r="NH20" s="119">
        <v>0</v>
      </c>
      <c r="NI20" s="119">
        <v>0</v>
      </c>
      <c r="NJ20" s="119">
        <v>0</v>
      </c>
      <c r="NK20" s="120">
        <v>0</v>
      </c>
      <c r="NL20" s="320">
        <v>0</v>
      </c>
      <c r="NM20" s="142">
        <v>0</v>
      </c>
      <c r="NN20" s="119">
        <v>0</v>
      </c>
      <c r="NO20" s="120">
        <v>0</v>
      </c>
      <c r="NP20" s="145"/>
      <c r="NQ20" s="119">
        <v>0</v>
      </c>
      <c r="NR20" s="119">
        <v>0</v>
      </c>
      <c r="NS20" s="119">
        <v>0</v>
      </c>
      <c r="NT20" s="119">
        <v>0</v>
      </c>
      <c r="NU20" s="119">
        <v>0</v>
      </c>
      <c r="NV20" s="120">
        <v>0</v>
      </c>
      <c r="NW20" s="121">
        <v>0</v>
      </c>
      <c r="NX20" s="142">
        <v>0</v>
      </c>
      <c r="NY20" s="119">
        <v>0</v>
      </c>
      <c r="NZ20" s="120">
        <v>0</v>
      </c>
      <c r="OA20" s="145"/>
      <c r="OB20" s="119">
        <v>0</v>
      </c>
      <c r="OC20" s="119">
        <v>0</v>
      </c>
      <c r="OD20" s="119">
        <v>0</v>
      </c>
      <c r="OE20" s="119">
        <v>0</v>
      </c>
      <c r="OF20" s="119">
        <v>0</v>
      </c>
      <c r="OG20" s="120">
        <v>0</v>
      </c>
      <c r="OH20" s="121">
        <v>0</v>
      </c>
      <c r="OI20" s="142">
        <v>0</v>
      </c>
      <c r="OJ20" s="119">
        <v>0</v>
      </c>
      <c r="OK20" s="141">
        <v>0</v>
      </c>
      <c r="OL20" s="118">
        <v>0</v>
      </c>
      <c r="OM20" s="119">
        <v>0</v>
      </c>
      <c r="ON20" s="119">
        <v>0</v>
      </c>
      <c r="OO20" s="119">
        <v>0</v>
      </c>
      <c r="OP20" s="119">
        <v>0</v>
      </c>
      <c r="OQ20" s="119">
        <v>0</v>
      </c>
      <c r="OR20" s="120">
        <v>0</v>
      </c>
      <c r="OS20" s="143">
        <v>0</v>
      </c>
    </row>
    <row r="21" spans="2:409" ht="21" customHeight="1" x14ac:dyDescent="0.2">
      <c r="B21" s="126" t="s">
        <v>16</v>
      </c>
      <c r="C21" s="110">
        <v>0</v>
      </c>
      <c r="D21" s="114">
        <v>8330</v>
      </c>
      <c r="E21" s="113">
        <v>8330</v>
      </c>
      <c r="F21" s="109">
        <v>0</v>
      </c>
      <c r="G21" s="114">
        <v>68225</v>
      </c>
      <c r="H21" s="114">
        <v>0</v>
      </c>
      <c r="I21" s="114">
        <v>67900</v>
      </c>
      <c r="J21" s="114">
        <v>0</v>
      </c>
      <c r="K21" s="114">
        <v>0</v>
      </c>
      <c r="L21" s="109">
        <v>136125</v>
      </c>
      <c r="M21" s="116">
        <v>144455</v>
      </c>
      <c r="N21" s="110">
        <v>0</v>
      </c>
      <c r="O21" s="114">
        <v>0</v>
      </c>
      <c r="P21" s="113">
        <v>0</v>
      </c>
      <c r="Q21" s="110">
        <v>0</v>
      </c>
      <c r="R21" s="114">
        <v>0</v>
      </c>
      <c r="S21" s="114">
        <v>0</v>
      </c>
      <c r="T21" s="114">
        <v>0</v>
      </c>
      <c r="U21" s="114">
        <v>0</v>
      </c>
      <c r="V21" s="114">
        <v>0</v>
      </c>
      <c r="W21" s="113">
        <v>0</v>
      </c>
      <c r="X21" s="116">
        <v>0</v>
      </c>
      <c r="Y21" s="110">
        <v>0</v>
      </c>
      <c r="Z21" s="114">
        <v>0</v>
      </c>
      <c r="AA21" s="113">
        <v>0</v>
      </c>
      <c r="AB21" s="110">
        <v>0</v>
      </c>
      <c r="AC21" s="114">
        <v>0</v>
      </c>
      <c r="AD21" s="114">
        <v>0</v>
      </c>
      <c r="AE21" s="114">
        <v>0</v>
      </c>
      <c r="AF21" s="114">
        <v>0</v>
      </c>
      <c r="AG21" s="114">
        <v>0</v>
      </c>
      <c r="AH21" s="113">
        <v>0</v>
      </c>
      <c r="AI21" s="116">
        <v>0</v>
      </c>
      <c r="AJ21" s="110">
        <v>0</v>
      </c>
      <c r="AK21" s="114">
        <v>0</v>
      </c>
      <c r="AL21" s="113">
        <v>0</v>
      </c>
      <c r="AM21" s="110">
        <v>0</v>
      </c>
      <c r="AN21" s="114">
        <v>0</v>
      </c>
      <c r="AO21" s="114">
        <v>0</v>
      </c>
      <c r="AP21" s="114">
        <v>0</v>
      </c>
      <c r="AQ21" s="114">
        <v>0</v>
      </c>
      <c r="AR21" s="114">
        <v>0</v>
      </c>
      <c r="AS21" s="113">
        <v>0</v>
      </c>
      <c r="AT21" s="116">
        <v>0</v>
      </c>
      <c r="AU21" s="110">
        <v>0</v>
      </c>
      <c r="AV21" s="114">
        <v>0</v>
      </c>
      <c r="AW21" s="113">
        <v>0</v>
      </c>
      <c r="AX21" s="110">
        <v>0</v>
      </c>
      <c r="AY21" s="114">
        <v>0</v>
      </c>
      <c r="AZ21" s="114">
        <v>0</v>
      </c>
      <c r="BA21" s="114">
        <v>0</v>
      </c>
      <c r="BB21" s="114">
        <v>0</v>
      </c>
      <c r="BC21" s="114">
        <v>0</v>
      </c>
      <c r="BD21" s="113">
        <v>0</v>
      </c>
      <c r="BE21" s="116">
        <v>0</v>
      </c>
      <c r="BF21" s="110">
        <v>0</v>
      </c>
      <c r="BG21" s="114">
        <v>0</v>
      </c>
      <c r="BH21" s="112">
        <v>0</v>
      </c>
      <c r="BI21" s="111">
        <v>0</v>
      </c>
      <c r="BJ21" s="114">
        <v>0</v>
      </c>
      <c r="BK21" s="114">
        <v>0</v>
      </c>
      <c r="BL21" s="114">
        <v>0</v>
      </c>
      <c r="BM21" s="114">
        <v>0</v>
      </c>
      <c r="BN21" s="114">
        <v>0</v>
      </c>
      <c r="BO21" s="113">
        <v>0</v>
      </c>
      <c r="BP21" s="116">
        <v>0</v>
      </c>
      <c r="BQ21" s="110">
        <v>0</v>
      </c>
      <c r="BR21" s="114">
        <v>0</v>
      </c>
      <c r="BS21" s="113">
        <v>0</v>
      </c>
      <c r="BT21" s="110">
        <v>0</v>
      </c>
      <c r="BU21" s="114">
        <v>0</v>
      </c>
      <c r="BV21" s="114">
        <v>0</v>
      </c>
      <c r="BW21" s="114">
        <v>0</v>
      </c>
      <c r="BX21" s="114">
        <v>0</v>
      </c>
      <c r="BY21" s="114">
        <v>0</v>
      </c>
      <c r="BZ21" s="113">
        <v>0</v>
      </c>
      <c r="CA21" s="116">
        <v>0</v>
      </c>
      <c r="CB21" s="110">
        <v>0</v>
      </c>
      <c r="CC21" s="114">
        <v>0</v>
      </c>
      <c r="CD21" s="113">
        <v>0</v>
      </c>
      <c r="CE21" s="110">
        <v>0</v>
      </c>
      <c r="CF21" s="114">
        <v>0</v>
      </c>
      <c r="CG21" s="114">
        <v>0</v>
      </c>
      <c r="CH21" s="114">
        <v>0</v>
      </c>
      <c r="CI21" s="114">
        <v>0</v>
      </c>
      <c r="CJ21" s="114">
        <v>0</v>
      </c>
      <c r="CK21" s="113">
        <v>0</v>
      </c>
      <c r="CL21" s="116">
        <v>0</v>
      </c>
      <c r="CM21" s="110">
        <v>0</v>
      </c>
      <c r="CN21" s="114">
        <v>0</v>
      </c>
      <c r="CO21" s="113">
        <v>0</v>
      </c>
      <c r="CP21" s="111">
        <v>0</v>
      </c>
      <c r="CQ21" s="114">
        <v>0</v>
      </c>
      <c r="CR21" s="114">
        <v>0</v>
      </c>
      <c r="CS21" s="114">
        <v>0</v>
      </c>
      <c r="CT21" s="114">
        <v>0</v>
      </c>
      <c r="CU21" s="114">
        <v>0</v>
      </c>
      <c r="CV21" s="113">
        <v>0</v>
      </c>
      <c r="CW21" s="116">
        <v>0</v>
      </c>
      <c r="CX21" s="110">
        <v>0</v>
      </c>
      <c r="CY21" s="114">
        <v>0</v>
      </c>
      <c r="CZ21" s="113">
        <v>0</v>
      </c>
      <c r="DA21" s="110">
        <v>0</v>
      </c>
      <c r="DB21" s="114">
        <v>0</v>
      </c>
      <c r="DC21" s="114">
        <v>0</v>
      </c>
      <c r="DD21" s="114">
        <v>0</v>
      </c>
      <c r="DE21" s="114">
        <v>0</v>
      </c>
      <c r="DF21" s="114">
        <v>0</v>
      </c>
      <c r="DG21" s="113">
        <v>0</v>
      </c>
      <c r="DH21" s="116">
        <v>0</v>
      </c>
      <c r="DI21" s="110">
        <v>0</v>
      </c>
      <c r="DJ21" s="114">
        <v>0</v>
      </c>
      <c r="DK21" s="112">
        <v>0</v>
      </c>
      <c r="DL21" s="111">
        <v>0</v>
      </c>
      <c r="DM21" s="114">
        <v>0</v>
      </c>
      <c r="DN21" s="114">
        <v>0</v>
      </c>
      <c r="DO21" s="114">
        <v>0</v>
      </c>
      <c r="DP21" s="114">
        <v>0</v>
      </c>
      <c r="DQ21" s="114">
        <v>0</v>
      </c>
      <c r="DR21" s="113">
        <v>0</v>
      </c>
      <c r="DS21" s="116">
        <v>0</v>
      </c>
      <c r="DT21" s="110">
        <v>0</v>
      </c>
      <c r="DU21" s="114">
        <v>0</v>
      </c>
      <c r="DV21" s="113">
        <v>0</v>
      </c>
      <c r="DW21" s="110">
        <v>0</v>
      </c>
      <c r="DX21" s="114">
        <v>0</v>
      </c>
      <c r="DY21" s="114">
        <v>0</v>
      </c>
      <c r="DZ21" s="114">
        <v>0</v>
      </c>
      <c r="EA21" s="114">
        <v>0</v>
      </c>
      <c r="EB21" s="114">
        <v>0</v>
      </c>
      <c r="EC21" s="113">
        <v>0</v>
      </c>
      <c r="ED21" s="116">
        <v>0</v>
      </c>
      <c r="EE21" s="110">
        <v>0</v>
      </c>
      <c r="EF21" s="112">
        <v>0</v>
      </c>
      <c r="EG21" s="113">
        <v>0</v>
      </c>
      <c r="EH21" s="110">
        <v>0</v>
      </c>
      <c r="EI21" s="114">
        <v>0</v>
      </c>
      <c r="EJ21" s="114">
        <v>0</v>
      </c>
      <c r="EK21" s="114">
        <v>0</v>
      </c>
      <c r="EL21" s="114">
        <v>0</v>
      </c>
      <c r="EM21" s="114">
        <v>0</v>
      </c>
      <c r="EN21" s="112">
        <v>0</v>
      </c>
      <c r="EO21" s="116">
        <v>0</v>
      </c>
      <c r="EP21" s="110">
        <v>0</v>
      </c>
      <c r="EQ21" s="114">
        <v>0</v>
      </c>
      <c r="ER21" s="112">
        <v>0</v>
      </c>
      <c r="ES21" s="111">
        <v>0</v>
      </c>
      <c r="ET21" s="114">
        <v>0</v>
      </c>
      <c r="EU21" s="114">
        <v>0</v>
      </c>
      <c r="EV21" s="114">
        <v>0</v>
      </c>
      <c r="EW21" s="114">
        <v>0</v>
      </c>
      <c r="EX21" s="114">
        <v>0</v>
      </c>
      <c r="EY21" s="113">
        <v>0</v>
      </c>
      <c r="EZ21" s="116">
        <v>0</v>
      </c>
      <c r="FA21" s="110">
        <v>0</v>
      </c>
      <c r="FB21" s="114">
        <v>0</v>
      </c>
      <c r="FC21" s="112">
        <v>0</v>
      </c>
      <c r="FD21" s="347"/>
      <c r="FE21" s="114">
        <v>0</v>
      </c>
      <c r="FF21" s="114">
        <v>0</v>
      </c>
      <c r="FG21" s="114">
        <v>0</v>
      </c>
      <c r="FH21" s="114">
        <v>0</v>
      </c>
      <c r="FI21" s="114">
        <v>0</v>
      </c>
      <c r="FJ21" s="113">
        <v>0</v>
      </c>
      <c r="FK21" s="116">
        <v>0</v>
      </c>
      <c r="FL21" s="110">
        <v>0</v>
      </c>
      <c r="FM21" s="114">
        <v>8330</v>
      </c>
      <c r="FN21" s="113">
        <v>8330</v>
      </c>
      <c r="FO21" s="110">
        <v>0</v>
      </c>
      <c r="FP21" s="114">
        <v>68225</v>
      </c>
      <c r="FQ21" s="114">
        <v>0</v>
      </c>
      <c r="FR21" s="114">
        <v>67900</v>
      </c>
      <c r="FS21" s="114">
        <v>0</v>
      </c>
      <c r="FT21" s="114">
        <v>0</v>
      </c>
      <c r="FU21" s="113">
        <v>136125</v>
      </c>
      <c r="FV21" s="116">
        <v>144455</v>
      </c>
      <c r="FW21" s="115">
        <v>0</v>
      </c>
      <c r="FX21" s="114">
        <v>0</v>
      </c>
      <c r="FY21" s="112">
        <v>0</v>
      </c>
      <c r="FZ21" s="111">
        <v>0</v>
      </c>
      <c r="GA21" s="114">
        <v>0</v>
      </c>
      <c r="GB21" s="114">
        <v>0</v>
      </c>
      <c r="GC21" s="114">
        <v>0</v>
      </c>
      <c r="GD21" s="114">
        <v>0</v>
      </c>
      <c r="GE21" s="114">
        <v>0</v>
      </c>
      <c r="GF21" s="113">
        <v>0</v>
      </c>
      <c r="GG21" s="318">
        <v>0</v>
      </c>
      <c r="GH21" s="115">
        <v>0</v>
      </c>
      <c r="GI21" s="114">
        <v>8330</v>
      </c>
      <c r="GJ21" s="112">
        <v>8330</v>
      </c>
      <c r="GK21" s="111">
        <v>0</v>
      </c>
      <c r="GL21" s="114">
        <v>46200</v>
      </c>
      <c r="GM21" s="114">
        <v>0</v>
      </c>
      <c r="GN21" s="114">
        <v>0</v>
      </c>
      <c r="GO21" s="114">
        <v>0</v>
      </c>
      <c r="GP21" s="114">
        <v>0</v>
      </c>
      <c r="GQ21" s="113">
        <v>46200</v>
      </c>
      <c r="GR21" s="116">
        <v>54530</v>
      </c>
      <c r="GS21" s="110">
        <v>0</v>
      </c>
      <c r="GT21" s="114">
        <v>0</v>
      </c>
      <c r="GU21" s="113">
        <v>0</v>
      </c>
      <c r="GV21" s="110">
        <v>0</v>
      </c>
      <c r="GW21" s="114">
        <v>22025</v>
      </c>
      <c r="GX21" s="114">
        <v>0</v>
      </c>
      <c r="GY21" s="114">
        <v>67900</v>
      </c>
      <c r="GZ21" s="114">
        <v>0</v>
      </c>
      <c r="HA21" s="114">
        <v>0</v>
      </c>
      <c r="HB21" s="112">
        <v>89925</v>
      </c>
      <c r="HC21" s="116">
        <v>89925</v>
      </c>
      <c r="HD21" s="110">
        <v>0</v>
      </c>
      <c r="HE21" s="114">
        <v>0</v>
      </c>
      <c r="HF21" s="112">
        <v>0</v>
      </c>
      <c r="HG21" s="111">
        <v>0</v>
      </c>
      <c r="HH21" s="114">
        <v>0</v>
      </c>
      <c r="HI21" s="114">
        <v>0</v>
      </c>
      <c r="HJ21" s="114">
        <v>0</v>
      </c>
      <c r="HK21" s="114">
        <v>0</v>
      </c>
      <c r="HL21" s="114">
        <v>0</v>
      </c>
      <c r="HM21" s="113">
        <v>0</v>
      </c>
      <c r="HN21" s="109">
        <v>0</v>
      </c>
      <c r="HO21" s="328"/>
      <c r="HP21" s="329"/>
      <c r="HQ21" s="330"/>
      <c r="HR21" s="331"/>
      <c r="HS21" s="329"/>
      <c r="HT21" s="329"/>
      <c r="HU21" s="329"/>
      <c r="HV21" s="329"/>
      <c r="HW21" s="329"/>
      <c r="HX21" s="332"/>
      <c r="HY21" s="333"/>
      <c r="HZ21" s="131">
        <v>0</v>
      </c>
      <c r="IA21" s="132">
        <v>0</v>
      </c>
      <c r="IB21" s="133">
        <v>0</v>
      </c>
      <c r="IC21" s="146">
        <v>0</v>
      </c>
      <c r="ID21" s="132">
        <v>0</v>
      </c>
      <c r="IE21" s="147">
        <v>0</v>
      </c>
      <c r="IF21" s="133">
        <v>0</v>
      </c>
      <c r="IG21" s="132">
        <v>0</v>
      </c>
      <c r="IH21" s="133">
        <v>0</v>
      </c>
      <c r="II21" s="148">
        <v>0</v>
      </c>
      <c r="IJ21" s="139">
        <v>0</v>
      </c>
      <c r="IK21" s="232">
        <v>0</v>
      </c>
      <c r="IL21" s="236">
        <v>0</v>
      </c>
      <c r="IM21" s="237">
        <v>0</v>
      </c>
      <c r="IN21" s="140"/>
      <c r="IO21" s="119">
        <v>0</v>
      </c>
      <c r="IP21" s="119">
        <v>0</v>
      </c>
      <c r="IQ21" s="119">
        <v>0</v>
      </c>
      <c r="IR21" s="119">
        <v>0</v>
      </c>
      <c r="IS21" s="119">
        <v>0</v>
      </c>
      <c r="IT21" s="141">
        <v>0</v>
      </c>
      <c r="IU21" s="320">
        <v>0</v>
      </c>
      <c r="IV21" s="142">
        <v>0</v>
      </c>
      <c r="IW21" s="119">
        <v>0</v>
      </c>
      <c r="IX21" s="120">
        <v>0</v>
      </c>
      <c r="IY21" s="144"/>
      <c r="IZ21" s="119">
        <v>0</v>
      </c>
      <c r="JA21" s="119">
        <v>0</v>
      </c>
      <c r="JB21" s="119">
        <v>0</v>
      </c>
      <c r="JC21" s="119">
        <v>0</v>
      </c>
      <c r="JD21" s="119">
        <v>0</v>
      </c>
      <c r="JE21" s="120">
        <v>0</v>
      </c>
      <c r="JF21" s="121">
        <v>0</v>
      </c>
      <c r="JG21" s="142">
        <v>0</v>
      </c>
      <c r="JH21" s="119">
        <v>0</v>
      </c>
      <c r="JI21" s="141">
        <v>0</v>
      </c>
      <c r="JJ21" s="118">
        <v>0</v>
      </c>
      <c r="JK21" s="119">
        <v>0</v>
      </c>
      <c r="JL21" s="119">
        <v>0</v>
      </c>
      <c r="JM21" s="119">
        <v>0</v>
      </c>
      <c r="JN21" s="119">
        <v>0</v>
      </c>
      <c r="JO21" s="119">
        <v>0</v>
      </c>
      <c r="JP21" s="120">
        <v>0</v>
      </c>
      <c r="JQ21" s="320">
        <v>0</v>
      </c>
      <c r="JR21" s="142">
        <v>0</v>
      </c>
      <c r="JS21" s="119">
        <v>0</v>
      </c>
      <c r="JT21" s="141">
        <v>0</v>
      </c>
      <c r="JU21" s="118">
        <v>0</v>
      </c>
      <c r="JV21" s="119">
        <v>0</v>
      </c>
      <c r="JW21" s="119">
        <v>0</v>
      </c>
      <c r="JX21" s="119">
        <v>0</v>
      </c>
      <c r="JY21" s="119">
        <v>0</v>
      </c>
      <c r="JZ21" s="119">
        <v>0</v>
      </c>
      <c r="KA21" s="120">
        <v>0</v>
      </c>
      <c r="KB21" s="320">
        <v>0</v>
      </c>
      <c r="KC21" s="234">
        <v>0</v>
      </c>
      <c r="KD21" s="230">
        <v>0</v>
      </c>
      <c r="KE21" s="120">
        <v>0</v>
      </c>
      <c r="KF21" s="118">
        <v>0</v>
      </c>
      <c r="KG21" s="119">
        <v>0</v>
      </c>
      <c r="KH21" s="119">
        <v>0</v>
      </c>
      <c r="KI21" s="119">
        <v>0</v>
      </c>
      <c r="KJ21" s="119">
        <v>0</v>
      </c>
      <c r="KK21" s="119">
        <v>0</v>
      </c>
      <c r="KL21" s="120">
        <v>0</v>
      </c>
      <c r="KM21" s="143">
        <v>0</v>
      </c>
      <c r="KN21" s="232">
        <v>0</v>
      </c>
      <c r="KO21" s="236">
        <v>0</v>
      </c>
      <c r="KP21" s="237">
        <v>0</v>
      </c>
      <c r="KQ21" s="140"/>
      <c r="KR21" s="119">
        <v>0</v>
      </c>
      <c r="KS21" s="119">
        <v>0</v>
      </c>
      <c r="KT21" s="119">
        <v>0</v>
      </c>
      <c r="KU21" s="119">
        <v>0</v>
      </c>
      <c r="KV21" s="119">
        <v>0</v>
      </c>
      <c r="KW21" s="120">
        <v>0</v>
      </c>
      <c r="KX21" s="320">
        <v>0</v>
      </c>
      <c r="KY21" s="142">
        <v>0</v>
      </c>
      <c r="KZ21" s="119">
        <v>0</v>
      </c>
      <c r="LA21" s="120">
        <v>0</v>
      </c>
      <c r="LB21" s="145"/>
      <c r="LC21" s="119">
        <v>0</v>
      </c>
      <c r="LD21" s="119">
        <v>0</v>
      </c>
      <c r="LE21" s="119">
        <v>0</v>
      </c>
      <c r="LF21" s="119">
        <v>0</v>
      </c>
      <c r="LG21" s="119">
        <v>0</v>
      </c>
      <c r="LH21" s="120">
        <v>0</v>
      </c>
      <c r="LI21" s="121">
        <v>0</v>
      </c>
      <c r="LJ21" s="142">
        <v>0</v>
      </c>
      <c r="LK21" s="119">
        <v>0</v>
      </c>
      <c r="LL21" s="120">
        <v>0</v>
      </c>
      <c r="LM21" s="145"/>
      <c r="LN21" s="119">
        <v>0</v>
      </c>
      <c r="LO21" s="119">
        <v>0</v>
      </c>
      <c r="LP21" s="119">
        <v>0</v>
      </c>
      <c r="LQ21" s="119">
        <v>0</v>
      </c>
      <c r="LR21" s="119">
        <v>0</v>
      </c>
      <c r="LS21" s="120">
        <v>0</v>
      </c>
      <c r="LT21" s="320">
        <v>0</v>
      </c>
      <c r="LU21" s="142">
        <v>0</v>
      </c>
      <c r="LV21" s="119">
        <v>0</v>
      </c>
      <c r="LW21" s="120">
        <v>0</v>
      </c>
      <c r="LX21" s="145"/>
      <c r="LY21" s="119">
        <v>0</v>
      </c>
      <c r="LZ21" s="119">
        <v>0</v>
      </c>
      <c r="MA21" s="119">
        <v>0</v>
      </c>
      <c r="MB21" s="119">
        <v>0</v>
      </c>
      <c r="MC21" s="119">
        <v>0</v>
      </c>
      <c r="MD21" s="120">
        <v>0</v>
      </c>
      <c r="ME21" s="121">
        <v>0</v>
      </c>
      <c r="MF21" s="142">
        <v>0</v>
      </c>
      <c r="MG21" s="119">
        <v>0</v>
      </c>
      <c r="MH21" s="120">
        <v>0</v>
      </c>
      <c r="MI21" s="145"/>
      <c r="MJ21" s="119">
        <v>0</v>
      </c>
      <c r="MK21" s="119">
        <v>0</v>
      </c>
      <c r="ML21" s="119">
        <v>0</v>
      </c>
      <c r="MM21" s="119">
        <v>0</v>
      </c>
      <c r="MN21" s="119">
        <v>0</v>
      </c>
      <c r="MO21" s="120">
        <v>0</v>
      </c>
      <c r="MP21" s="143">
        <v>0</v>
      </c>
      <c r="MQ21" s="142">
        <v>0</v>
      </c>
      <c r="MR21" s="119">
        <v>0</v>
      </c>
      <c r="MS21" s="120">
        <v>0</v>
      </c>
      <c r="MT21" s="145"/>
      <c r="MU21" s="119">
        <v>0</v>
      </c>
      <c r="MV21" s="119">
        <v>0</v>
      </c>
      <c r="MW21" s="119">
        <v>0</v>
      </c>
      <c r="MX21" s="119">
        <v>0</v>
      </c>
      <c r="MY21" s="119">
        <v>0</v>
      </c>
      <c r="MZ21" s="120">
        <v>0</v>
      </c>
      <c r="NA21" s="143">
        <v>0</v>
      </c>
      <c r="NB21" s="142">
        <v>0</v>
      </c>
      <c r="NC21" s="119">
        <v>0</v>
      </c>
      <c r="ND21" s="120">
        <v>0</v>
      </c>
      <c r="NE21" s="145"/>
      <c r="NF21" s="119">
        <v>0</v>
      </c>
      <c r="NG21" s="119">
        <v>0</v>
      </c>
      <c r="NH21" s="119">
        <v>0</v>
      </c>
      <c r="NI21" s="119">
        <v>0</v>
      </c>
      <c r="NJ21" s="119">
        <v>0</v>
      </c>
      <c r="NK21" s="120">
        <v>0</v>
      </c>
      <c r="NL21" s="320">
        <v>0</v>
      </c>
      <c r="NM21" s="142">
        <v>0</v>
      </c>
      <c r="NN21" s="119">
        <v>0</v>
      </c>
      <c r="NO21" s="120">
        <v>0</v>
      </c>
      <c r="NP21" s="145"/>
      <c r="NQ21" s="119">
        <v>0</v>
      </c>
      <c r="NR21" s="119">
        <v>0</v>
      </c>
      <c r="NS21" s="119">
        <v>0</v>
      </c>
      <c r="NT21" s="119">
        <v>0</v>
      </c>
      <c r="NU21" s="119">
        <v>0</v>
      </c>
      <c r="NV21" s="120">
        <v>0</v>
      </c>
      <c r="NW21" s="121">
        <v>0</v>
      </c>
      <c r="NX21" s="142">
        <v>0</v>
      </c>
      <c r="NY21" s="119">
        <v>0</v>
      </c>
      <c r="NZ21" s="120">
        <v>0</v>
      </c>
      <c r="OA21" s="145"/>
      <c r="OB21" s="119">
        <v>0</v>
      </c>
      <c r="OC21" s="119">
        <v>0</v>
      </c>
      <c r="OD21" s="119">
        <v>0</v>
      </c>
      <c r="OE21" s="119">
        <v>0</v>
      </c>
      <c r="OF21" s="119">
        <v>0</v>
      </c>
      <c r="OG21" s="120">
        <v>0</v>
      </c>
      <c r="OH21" s="121">
        <v>0</v>
      </c>
      <c r="OI21" s="142">
        <v>0</v>
      </c>
      <c r="OJ21" s="119">
        <v>8330</v>
      </c>
      <c r="OK21" s="141">
        <v>8330</v>
      </c>
      <c r="OL21" s="118">
        <v>0</v>
      </c>
      <c r="OM21" s="119">
        <v>68225</v>
      </c>
      <c r="ON21" s="119">
        <v>0</v>
      </c>
      <c r="OO21" s="119">
        <v>67900</v>
      </c>
      <c r="OP21" s="119">
        <v>0</v>
      </c>
      <c r="OQ21" s="119">
        <v>0</v>
      </c>
      <c r="OR21" s="120">
        <v>136125</v>
      </c>
      <c r="OS21" s="143">
        <v>144455</v>
      </c>
    </row>
    <row r="22" spans="2:409" ht="21" customHeight="1" x14ac:dyDescent="0.2">
      <c r="B22" s="126" t="s">
        <v>17</v>
      </c>
      <c r="C22" s="110">
        <v>22530</v>
      </c>
      <c r="D22" s="114">
        <v>12600</v>
      </c>
      <c r="E22" s="113">
        <v>35130</v>
      </c>
      <c r="F22" s="109">
        <v>0</v>
      </c>
      <c r="G22" s="114">
        <v>45500</v>
      </c>
      <c r="H22" s="114">
        <v>0</v>
      </c>
      <c r="I22" s="114">
        <v>18354</v>
      </c>
      <c r="J22" s="114">
        <v>24500</v>
      </c>
      <c r="K22" s="114">
        <v>289380</v>
      </c>
      <c r="L22" s="109">
        <v>377734</v>
      </c>
      <c r="M22" s="116">
        <v>412864</v>
      </c>
      <c r="N22" s="110">
        <v>0</v>
      </c>
      <c r="O22" s="114">
        <v>0</v>
      </c>
      <c r="P22" s="113">
        <v>0</v>
      </c>
      <c r="Q22" s="110">
        <v>0</v>
      </c>
      <c r="R22" s="114">
        <v>0</v>
      </c>
      <c r="S22" s="114">
        <v>0</v>
      </c>
      <c r="T22" s="114">
        <v>0</v>
      </c>
      <c r="U22" s="114">
        <v>0</v>
      </c>
      <c r="V22" s="114">
        <v>0</v>
      </c>
      <c r="W22" s="113">
        <v>0</v>
      </c>
      <c r="X22" s="116">
        <v>0</v>
      </c>
      <c r="Y22" s="110">
        <v>0</v>
      </c>
      <c r="Z22" s="114">
        <v>0</v>
      </c>
      <c r="AA22" s="113">
        <v>0</v>
      </c>
      <c r="AB22" s="110">
        <v>0</v>
      </c>
      <c r="AC22" s="114">
        <v>0</v>
      </c>
      <c r="AD22" s="114">
        <v>0</v>
      </c>
      <c r="AE22" s="114">
        <v>0</v>
      </c>
      <c r="AF22" s="114">
        <v>0</v>
      </c>
      <c r="AG22" s="114">
        <v>0</v>
      </c>
      <c r="AH22" s="113">
        <v>0</v>
      </c>
      <c r="AI22" s="116">
        <v>0</v>
      </c>
      <c r="AJ22" s="110">
        <v>0</v>
      </c>
      <c r="AK22" s="114">
        <v>0</v>
      </c>
      <c r="AL22" s="113">
        <v>0</v>
      </c>
      <c r="AM22" s="110">
        <v>0</v>
      </c>
      <c r="AN22" s="114">
        <v>0</v>
      </c>
      <c r="AO22" s="114">
        <v>0</v>
      </c>
      <c r="AP22" s="114">
        <v>0</v>
      </c>
      <c r="AQ22" s="114">
        <v>0</v>
      </c>
      <c r="AR22" s="114">
        <v>0</v>
      </c>
      <c r="AS22" s="113">
        <v>0</v>
      </c>
      <c r="AT22" s="116">
        <v>0</v>
      </c>
      <c r="AU22" s="110">
        <v>0</v>
      </c>
      <c r="AV22" s="114">
        <v>0</v>
      </c>
      <c r="AW22" s="113">
        <v>0</v>
      </c>
      <c r="AX22" s="110">
        <v>0</v>
      </c>
      <c r="AY22" s="114">
        <v>0</v>
      </c>
      <c r="AZ22" s="114">
        <v>0</v>
      </c>
      <c r="BA22" s="114">
        <v>0</v>
      </c>
      <c r="BB22" s="114">
        <v>0</v>
      </c>
      <c r="BC22" s="114">
        <v>0</v>
      </c>
      <c r="BD22" s="113">
        <v>0</v>
      </c>
      <c r="BE22" s="116">
        <v>0</v>
      </c>
      <c r="BF22" s="110">
        <v>0</v>
      </c>
      <c r="BG22" s="114">
        <v>0</v>
      </c>
      <c r="BH22" s="112">
        <v>0</v>
      </c>
      <c r="BI22" s="111">
        <v>0</v>
      </c>
      <c r="BJ22" s="114">
        <v>0</v>
      </c>
      <c r="BK22" s="114">
        <v>0</v>
      </c>
      <c r="BL22" s="114">
        <v>0</v>
      </c>
      <c r="BM22" s="114">
        <v>0</v>
      </c>
      <c r="BN22" s="114">
        <v>0</v>
      </c>
      <c r="BO22" s="113">
        <v>0</v>
      </c>
      <c r="BP22" s="116">
        <v>0</v>
      </c>
      <c r="BQ22" s="110">
        <v>0</v>
      </c>
      <c r="BR22" s="114">
        <v>0</v>
      </c>
      <c r="BS22" s="113">
        <v>0</v>
      </c>
      <c r="BT22" s="110">
        <v>0</v>
      </c>
      <c r="BU22" s="114">
        <v>0</v>
      </c>
      <c r="BV22" s="114">
        <v>0</v>
      </c>
      <c r="BW22" s="114">
        <v>0</v>
      </c>
      <c r="BX22" s="114">
        <v>0</v>
      </c>
      <c r="BY22" s="114">
        <v>0</v>
      </c>
      <c r="BZ22" s="113">
        <v>0</v>
      </c>
      <c r="CA22" s="116">
        <v>0</v>
      </c>
      <c r="CB22" s="110">
        <v>0</v>
      </c>
      <c r="CC22" s="114">
        <v>0</v>
      </c>
      <c r="CD22" s="113">
        <v>0</v>
      </c>
      <c r="CE22" s="110">
        <v>0</v>
      </c>
      <c r="CF22" s="114">
        <v>0</v>
      </c>
      <c r="CG22" s="114">
        <v>0</v>
      </c>
      <c r="CH22" s="114">
        <v>0</v>
      </c>
      <c r="CI22" s="114">
        <v>0</v>
      </c>
      <c r="CJ22" s="114">
        <v>0</v>
      </c>
      <c r="CK22" s="113">
        <v>0</v>
      </c>
      <c r="CL22" s="116">
        <v>0</v>
      </c>
      <c r="CM22" s="110">
        <v>0</v>
      </c>
      <c r="CN22" s="114">
        <v>0</v>
      </c>
      <c r="CO22" s="113">
        <v>0</v>
      </c>
      <c r="CP22" s="111">
        <v>0</v>
      </c>
      <c r="CQ22" s="114">
        <v>0</v>
      </c>
      <c r="CR22" s="114">
        <v>0</v>
      </c>
      <c r="CS22" s="114">
        <v>0</v>
      </c>
      <c r="CT22" s="114">
        <v>0</v>
      </c>
      <c r="CU22" s="114">
        <v>0</v>
      </c>
      <c r="CV22" s="113">
        <v>0</v>
      </c>
      <c r="CW22" s="116">
        <v>0</v>
      </c>
      <c r="CX22" s="110">
        <v>0</v>
      </c>
      <c r="CY22" s="114">
        <v>0</v>
      </c>
      <c r="CZ22" s="113">
        <v>0</v>
      </c>
      <c r="DA22" s="110">
        <v>0</v>
      </c>
      <c r="DB22" s="114">
        <v>0</v>
      </c>
      <c r="DC22" s="114">
        <v>0</v>
      </c>
      <c r="DD22" s="114">
        <v>0</v>
      </c>
      <c r="DE22" s="114">
        <v>0</v>
      </c>
      <c r="DF22" s="114">
        <v>0</v>
      </c>
      <c r="DG22" s="113">
        <v>0</v>
      </c>
      <c r="DH22" s="116">
        <v>0</v>
      </c>
      <c r="DI22" s="110">
        <v>0</v>
      </c>
      <c r="DJ22" s="114">
        <v>0</v>
      </c>
      <c r="DK22" s="112">
        <v>0</v>
      </c>
      <c r="DL22" s="111">
        <v>0</v>
      </c>
      <c r="DM22" s="114">
        <v>0</v>
      </c>
      <c r="DN22" s="114">
        <v>0</v>
      </c>
      <c r="DO22" s="114">
        <v>0</v>
      </c>
      <c r="DP22" s="114">
        <v>0</v>
      </c>
      <c r="DQ22" s="114">
        <v>0</v>
      </c>
      <c r="DR22" s="113">
        <v>0</v>
      </c>
      <c r="DS22" s="116">
        <v>0</v>
      </c>
      <c r="DT22" s="110">
        <v>0</v>
      </c>
      <c r="DU22" s="114">
        <v>0</v>
      </c>
      <c r="DV22" s="113">
        <v>0</v>
      </c>
      <c r="DW22" s="110">
        <v>0</v>
      </c>
      <c r="DX22" s="114">
        <v>0</v>
      </c>
      <c r="DY22" s="114">
        <v>0</v>
      </c>
      <c r="DZ22" s="114">
        <v>0</v>
      </c>
      <c r="EA22" s="114">
        <v>0</v>
      </c>
      <c r="EB22" s="114">
        <v>0</v>
      </c>
      <c r="EC22" s="113">
        <v>0</v>
      </c>
      <c r="ED22" s="116">
        <v>0</v>
      </c>
      <c r="EE22" s="110">
        <v>0</v>
      </c>
      <c r="EF22" s="112">
        <v>0</v>
      </c>
      <c r="EG22" s="113">
        <v>0</v>
      </c>
      <c r="EH22" s="110">
        <v>0</v>
      </c>
      <c r="EI22" s="114">
        <v>0</v>
      </c>
      <c r="EJ22" s="114">
        <v>0</v>
      </c>
      <c r="EK22" s="114">
        <v>0</v>
      </c>
      <c r="EL22" s="114">
        <v>0</v>
      </c>
      <c r="EM22" s="114">
        <v>0</v>
      </c>
      <c r="EN22" s="112">
        <v>0</v>
      </c>
      <c r="EO22" s="116">
        <v>0</v>
      </c>
      <c r="EP22" s="110">
        <v>0</v>
      </c>
      <c r="EQ22" s="114">
        <v>0</v>
      </c>
      <c r="ER22" s="112">
        <v>0</v>
      </c>
      <c r="ES22" s="111">
        <v>0</v>
      </c>
      <c r="ET22" s="114">
        <v>0</v>
      </c>
      <c r="EU22" s="114">
        <v>0</v>
      </c>
      <c r="EV22" s="114">
        <v>0</v>
      </c>
      <c r="EW22" s="114">
        <v>0</v>
      </c>
      <c r="EX22" s="114">
        <v>0</v>
      </c>
      <c r="EY22" s="113">
        <v>0</v>
      </c>
      <c r="EZ22" s="116">
        <v>0</v>
      </c>
      <c r="FA22" s="110">
        <v>0</v>
      </c>
      <c r="FB22" s="114">
        <v>0</v>
      </c>
      <c r="FC22" s="112">
        <v>0</v>
      </c>
      <c r="FD22" s="347"/>
      <c r="FE22" s="114">
        <v>0</v>
      </c>
      <c r="FF22" s="114">
        <v>0</v>
      </c>
      <c r="FG22" s="114">
        <v>0</v>
      </c>
      <c r="FH22" s="114">
        <v>0</v>
      </c>
      <c r="FI22" s="114">
        <v>0</v>
      </c>
      <c r="FJ22" s="113">
        <v>0</v>
      </c>
      <c r="FK22" s="116">
        <v>0</v>
      </c>
      <c r="FL22" s="110">
        <v>22530</v>
      </c>
      <c r="FM22" s="114">
        <v>12600</v>
      </c>
      <c r="FN22" s="113">
        <v>35130</v>
      </c>
      <c r="FO22" s="110">
        <v>0</v>
      </c>
      <c r="FP22" s="114">
        <v>45500</v>
      </c>
      <c r="FQ22" s="114">
        <v>0</v>
      </c>
      <c r="FR22" s="114">
        <v>18354</v>
      </c>
      <c r="FS22" s="114">
        <v>24500</v>
      </c>
      <c r="FT22" s="114">
        <v>289380</v>
      </c>
      <c r="FU22" s="113">
        <v>377734</v>
      </c>
      <c r="FV22" s="116">
        <v>412864</v>
      </c>
      <c r="FW22" s="115">
        <v>0</v>
      </c>
      <c r="FX22" s="114">
        <v>0</v>
      </c>
      <c r="FY22" s="112">
        <v>0</v>
      </c>
      <c r="FZ22" s="111">
        <v>0</v>
      </c>
      <c r="GA22" s="114">
        <v>0</v>
      </c>
      <c r="GB22" s="114">
        <v>0</v>
      </c>
      <c r="GC22" s="114">
        <v>0</v>
      </c>
      <c r="GD22" s="114">
        <v>0</v>
      </c>
      <c r="GE22" s="114">
        <v>0</v>
      </c>
      <c r="GF22" s="113">
        <v>0</v>
      </c>
      <c r="GG22" s="318">
        <v>0</v>
      </c>
      <c r="GH22" s="115">
        <v>0</v>
      </c>
      <c r="GI22" s="114">
        <v>12600</v>
      </c>
      <c r="GJ22" s="112">
        <v>12600</v>
      </c>
      <c r="GK22" s="111">
        <v>0</v>
      </c>
      <c r="GL22" s="114">
        <v>0</v>
      </c>
      <c r="GM22" s="114">
        <v>0</v>
      </c>
      <c r="GN22" s="114">
        <v>18354</v>
      </c>
      <c r="GO22" s="114">
        <v>0</v>
      </c>
      <c r="GP22" s="114">
        <v>18480</v>
      </c>
      <c r="GQ22" s="113">
        <v>36834</v>
      </c>
      <c r="GR22" s="116">
        <v>49434</v>
      </c>
      <c r="GS22" s="110">
        <v>22530</v>
      </c>
      <c r="GT22" s="114">
        <v>0</v>
      </c>
      <c r="GU22" s="113">
        <v>22530</v>
      </c>
      <c r="GV22" s="110">
        <v>0</v>
      </c>
      <c r="GW22" s="114">
        <v>45500</v>
      </c>
      <c r="GX22" s="114">
        <v>0</v>
      </c>
      <c r="GY22" s="114">
        <v>0</v>
      </c>
      <c r="GZ22" s="114">
        <v>24500</v>
      </c>
      <c r="HA22" s="114">
        <v>270900</v>
      </c>
      <c r="HB22" s="112">
        <v>340900</v>
      </c>
      <c r="HC22" s="116">
        <v>363430</v>
      </c>
      <c r="HD22" s="110">
        <v>0</v>
      </c>
      <c r="HE22" s="114">
        <v>0</v>
      </c>
      <c r="HF22" s="112">
        <v>0</v>
      </c>
      <c r="HG22" s="111">
        <v>0</v>
      </c>
      <c r="HH22" s="114">
        <v>0</v>
      </c>
      <c r="HI22" s="114">
        <v>0</v>
      </c>
      <c r="HJ22" s="114">
        <v>0</v>
      </c>
      <c r="HK22" s="114">
        <v>0</v>
      </c>
      <c r="HL22" s="114">
        <v>0</v>
      </c>
      <c r="HM22" s="113">
        <v>0</v>
      </c>
      <c r="HN22" s="109">
        <v>0</v>
      </c>
      <c r="HO22" s="328"/>
      <c r="HP22" s="329"/>
      <c r="HQ22" s="330"/>
      <c r="HR22" s="331"/>
      <c r="HS22" s="329"/>
      <c r="HT22" s="329"/>
      <c r="HU22" s="329"/>
      <c r="HV22" s="329"/>
      <c r="HW22" s="329"/>
      <c r="HX22" s="332"/>
      <c r="HY22" s="333"/>
      <c r="HZ22" s="150">
        <v>0</v>
      </c>
      <c r="IA22" s="135">
        <v>0</v>
      </c>
      <c r="IB22" s="150">
        <v>0</v>
      </c>
      <c r="IC22" s="134">
        <v>0</v>
      </c>
      <c r="ID22" s="135">
        <v>0</v>
      </c>
      <c r="IE22" s="136">
        <v>0</v>
      </c>
      <c r="IF22" s="137">
        <v>0</v>
      </c>
      <c r="IG22" s="135">
        <v>0</v>
      </c>
      <c r="IH22" s="137">
        <v>0</v>
      </c>
      <c r="II22" s="138">
        <v>0</v>
      </c>
      <c r="IJ22" s="150">
        <v>0</v>
      </c>
      <c r="IK22" s="232">
        <v>0</v>
      </c>
      <c r="IL22" s="236">
        <v>0</v>
      </c>
      <c r="IM22" s="237">
        <v>0</v>
      </c>
      <c r="IN22" s="140"/>
      <c r="IO22" s="119">
        <v>0</v>
      </c>
      <c r="IP22" s="119">
        <v>0</v>
      </c>
      <c r="IQ22" s="119">
        <v>0</v>
      </c>
      <c r="IR22" s="119">
        <v>0</v>
      </c>
      <c r="IS22" s="119">
        <v>0</v>
      </c>
      <c r="IT22" s="141">
        <v>0</v>
      </c>
      <c r="IU22" s="320">
        <v>0</v>
      </c>
      <c r="IV22" s="142">
        <v>0</v>
      </c>
      <c r="IW22" s="119">
        <v>0</v>
      </c>
      <c r="IX22" s="120">
        <v>0</v>
      </c>
      <c r="IY22" s="144"/>
      <c r="IZ22" s="119">
        <v>0</v>
      </c>
      <c r="JA22" s="119">
        <v>0</v>
      </c>
      <c r="JB22" s="119">
        <v>0</v>
      </c>
      <c r="JC22" s="119">
        <v>0</v>
      </c>
      <c r="JD22" s="119">
        <v>0</v>
      </c>
      <c r="JE22" s="120">
        <v>0</v>
      </c>
      <c r="JF22" s="121">
        <v>0</v>
      </c>
      <c r="JG22" s="142">
        <v>0</v>
      </c>
      <c r="JH22" s="119">
        <v>0</v>
      </c>
      <c r="JI22" s="141">
        <v>0</v>
      </c>
      <c r="JJ22" s="118">
        <v>0</v>
      </c>
      <c r="JK22" s="119">
        <v>0</v>
      </c>
      <c r="JL22" s="119">
        <v>0</v>
      </c>
      <c r="JM22" s="119">
        <v>0</v>
      </c>
      <c r="JN22" s="119">
        <v>0</v>
      </c>
      <c r="JO22" s="119">
        <v>0</v>
      </c>
      <c r="JP22" s="120">
        <v>0</v>
      </c>
      <c r="JQ22" s="320">
        <v>0</v>
      </c>
      <c r="JR22" s="142">
        <v>0</v>
      </c>
      <c r="JS22" s="119">
        <v>0</v>
      </c>
      <c r="JT22" s="141">
        <v>0</v>
      </c>
      <c r="JU22" s="118">
        <v>0</v>
      </c>
      <c r="JV22" s="119">
        <v>0</v>
      </c>
      <c r="JW22" s="119">
        <v>0</v>
      </c>
      <c r="JX22" s="119">
        <v>0</v>
      </c>
      <c r="JY22" s="119">
        <v>0</v>
      </c>
      <c r="JZ22" s="119">
        <v>0</v>
      </c>
      <c r="KA22" s="120">
        <v>0</v>
      </c>
      <c r="KB22" s="320">
        <v>0</v>
      </c>
      <c r="KC22" s="234">
        <v>0</v>
      </c>
      <c r="KD22" s="230">
        <v>0</v>
      </c>
      <c r="KE22" s="120">
        <v>0</v>
      </c>
      <c r="KF22" s="118">
        <v>0</v>
      </c>
      <c r="KG22" s="119">
        <v>0</v>
      </c>
      <c r="KH22" s="119">
        <v>0</v>
      </c>
      <c r="KI22" s="119">
        <v>0</v>
      </c>
      <c r="KJ22" s="119">
        <v>0</v>
      </c>
      <c r="KK22" s="119">
        <v>0</v>
      </c>
      <c r="KL22" s="120">
        <v>0</v>
      </c>
      <c r="KM22" s="143">
        <v>0</v>
      </c>
      <c r="KN22" s="232">
        <v>0</v>
      </c>
      <c r="KO22" s="236">
        <v>0</v>
      </c>
      <c r="KP22" s="237">
        <v>0</v>
      </c>
      <c r="KQ22" s="140"/>
      <c r="KR22" s="119">
        <v>0</v>
      </c>
      <c r="KS22" s="119">
        <v>0</v>
      </c>
      <c r="KT22" s="119">
        <v>0</v>
      </c>
      <c r="KU22" s="119">
        <v>0</v>
      </c>
      <c r="KV22" s="119">
        <v>0</v>
      </c>
      <c r="KW22" s="120">
        <v>0</v>
      </c>
      <c r="KX22" s="320">
        <v>0</v>
      </c>
      <c r="KY22" s="142">
        <v>0</v>
      </c>
      <c r="KZ22" s="119">
        <v>0</v>
      </c>
      <c r="LA22" s="120">
        <v>0</v>
      </c>
      <c r="LB22" s="145"/>
      <c r="LC22" s="119">
        <v>0</v>
      </c>
      <c r="LD22" s="119">
        <v>0</v>
      </c>
      <c r="LE22" s="119">
        <v>0</v>
      </c>
      <c r="LF22" s="119">
        <v>0</v>
      </c>
      <c r="LG22" s="119">
        <v>0</v>
      </c>
      <c r="LH22" s="120">
        <v>0</v>
      </c>
      <c r="LI22" s="121">
        <v>0</v>
      </c>
      <c r="LJ22" s="142">
        <v>0</v>
      </c>
      <c r="LK22" s="119">
        <v>0</v>
      </c>
      <c r="LL22" s="120">
        <v>0</v>
      </c>
      <c r="LM22" s="145"/>
      <c r="LN22" s="119">
        <v>0</v>
      </c>
      <c r="LO22" s="119">
        <v>0</v>
      </c>
      <c r="LP22" s="119">
        <v>0</v>
      </c>
      <c r="LQ22" s="119">
        <v>0</v>
      </c>
      <c r="LR22" s="119">
        <v>0</v>
      </c>
      <c r="LS22" s="120">
        <v>0</v>
      </c>
      <c r="LT22" s="320">
        <v>0</v>
      </c>
      <c r="LU22" s="142">
        <v>0</v>
      </c>
      <c r="LV22" s="119">
        <v>0</v>
      </c>
      <c r="LW22" s="120">
        <v>0</v>
      </c>
      <c r="LX22" s="145"/>
      <c r="LY22" s="119">
        <v>0</v>
      </c>
      <c r="LZ22" s="119">
        <v>0</v>
      </c>
      <c r="MA22" s="119">
        <v>0</v>
      </c>
      <c r="MB22" s="119">
        <v>0</v>
      </c>
      <c r="MC22" s="119">
        <v>0</v>
      </c>
      <c r="MD22" s="120">
        <v>0</v>
      </c>
      <c r="ME22" s="121">
        <v>0</v>
      </c>
      <c r="MF22" s="142">
        <v>0</v>
      </c>
      <c r="MG22" s="119">
        <v>0</v>
      </c>
      <c r="MH22" s="120">
        <v>0</v>
      </c>
      <c r="MI22" s="145"/>
      <c r="MJ22" s="119">
        <v>0</v>
      </c>
      <c r="MK22" s="119">
        <v>0</v>
      </c>
      <c r="ML22" s="119">
        <v>0</v>
      </c>
      <c r="MM22" s="119">
        <v>0</v>
      </c>
      <c r="MN22" s="119">
        <v>0</v>
      </c>
      <c r="MO22" s="120">
        <v>0</v>
      </c>
      <c r="MP22" s="143">
        <v>0</v>
      </c>
      <c r="MQ22" s="142">
        <v>0</v>
      </c>
      <c r="MR22" s="119">
        <v>0</v>
      </c>
      <c r="MS22" s="120">
        <v>0</v>
      </c>
      <c r="MT22" s="145"/>
      <c r="MU22" s="119">
        <v>0</v>
      </c>
      <c r="MV22" s="119">
        <v>0</v>
      </c>
      <c r="MW22" s="119">
        <v>0</v>
      </c>
      <c r="MX22" s="119">
        <v>0</v>
      </c>
      <c r="MY22" s="119">
        <v>0</v>
      </c>
      <c r="MZ22" s="120">
        <v>0</v>
      </c>
      <c r="NA22" s="143">
        <v>0</v>
      </c>
      <c r="NB22" s="142">
        <v>0</v>
      </c>
      <c r="NC22" s="119">
        <v>0</v>
      </c>
      <c r="ND22" s="120">
        <v>0</v>
      </c>
      <c r="NE22" s="145"/>
      <c r="NF22" s="119">
        <v>0</v>
      </c>
      <c r="NG22" s="119">
        <v>0</v>
      </c>
      <c r="NH22" s="119">
        <v>0</v>
      </c>
      <c r="NI22" s="119">
        <v>0</v>
      </c>
      <c r="NJ22" s="119">
        <v>0</v>
      </c>
      <c r="NK22" s="120">
        <v>0</v>
      </c>
      <c r="NL22" s="320">
        <v>0</v>
      </c>
      <c r="NM22" s="142">
        <v>0</v>
      </c>
      <c r="NN22" s="119">
        <v>0</v>
      </c>
      <c r="NO22" s="120">
        <v>0</v>
      </c>
      <c r="NP22" s="145"/>
      <c r="NQ22" s="119">
        <v>0</v>
      </c>
      <c r="NR22" s="119">
        <v>0</v>
      </c>
      <c r="NS22" s="119">
        <v>0</v>
      </c>
      <c r="NT22" s="119">
        <v>0</v>
      </c>
      <c r="NU22" s="119">
        <v>0</v>
      </c>
      <c r="NV22" s="120">
        <v>0</v>
      </c>
      <c r="NW22" s="121">
        <v>0</v>
      </c>
      <c r="NX22" s="142">
        <v>0</v>
      </c>
      <c r="NY22" s="119">
        <v>0</v>
      </c>
      <c r="NZ22" s="120">
        <v>0</v>
      </c>
      <c r="OA22" s="145"/>
      <c r="OB22" s="119">
        <v>0</v>
      </c>
      <c r="OC22" s="119">
        <v>0</v>
      </c>
      <c r="OD22" s="119">
        <v>0</v>
      </c>
      <c r="OE22" s="119">
        <v>0</v>
      </c>
      <c r="OF22" s="119">
        <v>0</v>
      </c>
      <c r="OG22" s="120">
        <v>0</v>
      </c>
      <c r="OH22" s="121">
        <v>0</v>
      </c>
      <c r="OI22" s="142">
        <v>22530</v>
      </c>
      <c r="OJ22" s="119">
        <v>12600</v>
      </c>
      <c r="OK22" s="141">
        <v>35130</v>
      </c>
      <c r="OL22" s="118">
        <v>0</v>
      </c>
      <c r="OM22" s="119">
        <v>45500</v>
      </c>
      <c r="ON22" s="119">
        <v>0</v>
      </c>
      <c r="OO22" s="119">
        <v>18354</v>
      </c>
      <c r="OP22" s="119">
        <v>24500</v>
      </c>
      <c r="OQ22" s="119">
        <v>289380</v>
      </c>
      <c r="OR22" s="120">
        <v>377734</v>
      </c>
      <c r="OS22" s="143">
        <v>412864</v>
      </c>
    </row>
    <row r="23" spans="2:409" ht="21" customHeight="1" x14ac:dyDescent="0.2">
      <c r="B23" s="126" t="s">
        <v>18</v>
      </c>
      <c r="C23" s="110">
        <v>0</v>
      </c>
      <c r="D23" s="114">
        <v>0</v>
      </c>
      <c r="E23" s="113">
        <v>0</v>
      </c>
      <c r="F23" s="109">
        <v>0</v>
      </c>
      <c r="G23" s="114">
        <v>56210</v>
      </c>
      <c r="H23" s="114">
        <v>62755</v>
      </c>
      <c r="I23" s="114">
        <v>158480</v>
      </c>
      <c r="J23" s="114">
        <v>0</v>
      </c>
      <c r="K23" s="114">
        <v>35000</v>
      </c>
      <c r="L23" s="109">
        <v>312445</v>
      </c>
      <c r="M23" s="116">
        <v>312445</v>
      </c>
      <c r="N23" s="110">
        <v>0</v>
      </c>
      <c r="O23" s="114">
        <v>0</v>
      </c>
      <c r="P23" s="113">
        <v>0</v>
      </c>
      <c r="Q23" s="110">
        <v>0</v>
      </c>
      <c r="R23" s="114">
        <v>0</v>
      </c>
      <c r="S23" s="114">
        <v>0</v>
      </c>
      <c r="T23" s="114">
        <v>0</v>
      </c>
      <c r="U23" s="114">
        <v>0</v>
      </c>
      <c r="V23" s="114">
        <v>0</v>
      </c>
      <c r="W23" s="113">
        <v>0</v>
      </c>
      <c r="X23" s="116">
        <v>0</v>
      </c>
      <c r="Y23" s="110">
        <v>0</v>
      </c>
      <c r="Z23" s="114">
        <v>0</v>
      </c>
      <c r="AA23" s="113">
        <v>0</v>
      </c>
      <c r="AB23" s="110">
        <v>0</v>
      </c>
      <c r="AC23" s="114">
        <v>0</v>
      </c>
      <c r="AD23" s="114">
        <v>0</v>
      </c>
      <c r="AE23" s="114">
        <v>0</v>
      </c>
      <c r="AF23" s="114">
        <v>0</v>
      </c>
      <c r="AG23" s="114">
        <v>0</v>
      </c>
      <c r="AH23" s="113">
        <v>0</v>
      </c>
      <c r="AI23" s="116">
        <v>0</v>
      </c>
      <c r="AJ23" s="110">
        <v>0</v>
      </c>
      <c r="AK23" s="114">
        <v>0</v>
      </c>
      <c r="AL23" s="113">
        <v>0</v>
      </c>
      <c r="AM23" s="110">
        <v>0</v>
      </c>
      <c r="AN23" s="114">
        <v>0</v>
      </c>
      <c r="AO23" s="114">
        <v>0</v>
      </c>
      <c r="AP23" s="114">
        <v>0</v>
      </c>
      <c r="AQ23" s="114">
        <v>0</v>
      </c>
      <c r="AR23" s="114">
        <v>0</v>
      </c>
      <c r="AS23" s="113">
        <v>0</v>
      </c>
      <c r="AT23" s="116">
        <v>0</v>
      </c>
      <c r="AU23" s="110">
        <v>0</v>
      </c>
      <c r="AV23" s="114">
        <v>0</v>
      </c>
      <c r="AW23" s="113">
        <v>0</v>
      </c>
      <c r="AX23" s="110">
        <v>0</v>
      </c>
      <c r="AY23" s="114">
        <v>0</v>
      </c>
      <c r="AZ23" s="114">
        <v>0</v>
      </c>
      <c r="BA23" s="114">
        <v>0</v>
      </c>
      <c r="BB23" s="114">
        <v>0</v>
      </c>
      <c r="BC23" s="114">
        <v>0</v>
      </c>
      <c r="BD23" s="113">
        <v>0</v>
      </c>
      <c r="BE23" s="116">
        <v>0</v>
      </c>
      <c r="BF23" s="110">
        <v>0</v>
      </c>
      <c r="BG23" s="114">
        <v>0</v>
      </c>
      <c r="BH23" s="112">
        <v>0</v>
      </c>
      <c r="BI23" s="111">
        <v>0</v>
      </c>
      <c r="BJ23" s="114">
        <v>0</v>
      </c>
      <c r="BK23" s="114">
        <v>0</v>
      </c>
      <c r="BL23" s="114">
        <v>0</v>
      </c>
      <c r="BM23" s="114">
        <v>0</v>
      </c>
      <c r="BN23" s="114">
        <v>0</v>
      </c>
      <c r="BO23" s="113">
        <v>0</v>
      </c>
      <c r="BP23" s="116">
        <v>0</v>
      </c>
      <c r="BQ23" s="110">
        <v>0</v>
      </c>
      <c r="BR23" s="114">
        <v>0</v>
      </c>
      <c r="BS23" s="113">
        <v>0</v>
      </c>
      <c r="BT23" s="110">
        <v>0</v>
      </c>
      <c r="BU23" s="114">
        <v>0</v>
      </c>
      <c r="BV23" s="114">
        <v>0</v>
      </c>
      <c r="BW23" s="114">
        <v>0</v>
      </c>
      <c r="BX23" s="114">
        <v>0</v>
      </c>
      <c r="BY23" s="114">
        <v>0</v>
      </c>
      <c r="BZ23" s="113">
        <v>0</v>
      </c>
      <c r="CA23" s="116">
        <v>0</v>
      </c>
      <c r="CB23" s="110">
        <v>0</v>
      </c>
      <c r="CC23" s="114">
        <v>0</v>
      </c>
      <c r="CD23" s="113">
        <v>0</v>
      </c>
      <c r="CE23" s="110">
        <v>0</v>
      </c>
      <c r="CF23" s="114">
        <v>0</v>
      </c>
      <c r="CG23" s="114">
        <v>0</v>
      </c>
      <c r="CH23" s="114">
        <v>0</v>
      </c>
      <c r="CI23" s="114">
        <v>0</v>
      </c>
      <c r="CJ23" s="114">
        <v>0</v>
      </c>
      <c r="CK23" s="113">
        <v>0</v>
      </c>
      <c r="CL23" s="116">
        <v>0</v>
      </c>
      <c r="CM23" s="110">
        <v>0</v>
      </c>
      <c r="CN23" s="114">
        <v>0</v>
      </c>
      <c r="CO23" s="113">
        <v>0</v>
      </c>
      <c r="CP23" s="111">
        <v>0</v>
      </c>
      <c r="CQ23" s="114">
        <v>0</v>
      </c>
      <c r="CR23" s="114">
        <v>0</v>
      </c>
      <c r="CS23" s="114">
        <v>0</v>
      </c>
      <c r="CT23" s="114">
        <v>0</v>
      </c>
      <c r="CU23" s="114">
        <v>0</v>
      </c>
      <c r="CV23" s="113">
        <v>0</v>
      </c>
      <c r="CW23" s="116">
        <v>0</v>
      </c>
      <c r="CX23" s="110">
        <v>0</v>
      </c>
      <c r="CY23" s="114">
        <v>0</v>
      </c>
      <c r="CZ23" s="113">
        <v>0</v>
      </c>
      <c r="DA23" s="110">
        <v>0</v>
      </c>
      <c r="DB23" s="114">
        <v>0</v>
      </c>
      <c r="DC23" s="114">
        <v>0</v>
      </c>
      <c r="DD23" s="114">
        <v>0</v>
      </c>
      <c r="DE23" s="114">
        <v>0</v>
      </c>
      <c r="DF23" s="114">
        <v>0</v>
      </c>
      <c r="DG23" s="113">
        <v>0</v>
      </c>
      <c r="DH23" s="116">
        <v>0</v>
      </c>
      <c r="DI23" s="110">
        <v>0</v>
      </c>
      <c r="DJ23" s="114">
        <v>0</v>
      </c>
      <c r="DK23" s="112">
        <v>0</v>
      </c>
      <c r="DL23" s="111">
        <v>0</v>
      </c>
      <c r="DM23" s="114">
        <v>0</v>
      </c>
      <c r="DN23" s="114">
        <v>0</v>
      </c>
      <c r="DO23" s="114">
        <v>0</v>
      </c>
      <c r="DP23" s="114">
        <v>0</v>
      </c>
      <c r="DQ23" s="114">
        <v>0</v>
      </c>
      <c r="DR23" s="113">
        <v>0</v>
      </c>
      <c r="DS23" s="116">
        <v>0</v>
      </c>
      <c r="DT23" s="110">
        <v>0</v>
      </c>
      <c r="DU23" s="114">
        <v>0</v>
      </c>
      <c r="DV23" s="113">
        <v>0</v>
      </c>
      <c r="DW23" s="110">
        <v>0</v>
      </c>
      <c r="DX23" s="114">
        <v>0</v>
      </c>
      <c r="DY23" s="114">
        <v>0</v>
      </c>
      <c r="DZ23" s="114">
        <v>0</v>
      </c>
      <c r="EA23" s="114">
        <v>0</v>
      </c>
      <c r="EB23" s="114">
        <v>0</v>
      </c>
      <c r="EC23" s="113">
        <v>0</v>
      </c>
      <c r="ED23" s="116">
        <v>0</v>
      </c>
      <c r="EE23" s="110">
        <v>0</v>
      </c>
      <c r="EF23" s="112">
        <v>0</v>
      </c>
      <c r="EG23" s="113">
        <v>0</v>
      </c>
      <c r="EH23" s="110">
        <v>0</v>
      </c>
      <c r="EI23" s="114">
        <v>0</v>
      </c>
      <c r="EJ23" s="114">
        <v>0</v>
      </c>
      <c r="EK23" s="114">
        <v>0</v>
      </c>
      <c r="EL23" s="114">
        <v>0</v>
      </c>
      <c r="EM23" s="114">
        <v>0</v>
      </c>
      <c r="EN23" s="112">
        <v>0</v>
      </c>
      <c r="EO23" s="116">
        <v>0</v>
      </c>
      <c r="EP23" s="110">
        <v>0</v>
      </c>
      <c r="EQ23" s="114">
        <v>0</v>
      </c>
      <c r="ER23" s="112">
        <v>0</v>
      </c>
      <c r="ES23" s="111">
        <v>0</v>
      </c>
      <c r="ET23" s="114">
        <v>0</v>
      </c>
      <c r="EU23" s="114">
        <v>0</v>
      </c>
      <c r="EV23" s="114">
        <v>0</v>
      </c>
      <c r="EW23" s="114">
        <v>0</v>
      </c>
      <c r="EX23" s="114">
        <v>0</v>
      </c>
      <c r="EY23" s="113">
        <v>0</v>
      </c>
      <c r="EZ23" s="116">
        <v>0</v>
      </c>
      <c r="FA23" s="110">
        <v>0</v>
      </c>
      <c r="FB23" s="114">
        <v>0</v>
      </c>
      <c r="FC23" s="112">
        <v>0</v>
      </c>
      <c r="FD23" s="347"/>
      <c r="FE23" s="114">
        <v>0</v>
      </c>
      <c r="FF23" s="114">
        <v>0</v>
      </c>
      <c r="FG23" s="114">
        <v>0</v>
      </c>
      <c r="FH23" s="114">
        <v>0</v>
      </c>
      <c r="FI23" s="114">
        <v>0</v>
      </c>
      <c r="FJ23" s="113">
        <v>0</v>
      </c>
      <c r="FK23" s="116">
        <v>0</v>
      </c>
      <c r="FL23" s="110">
        <v>0</v>
      </c>
      <c r="FM23" s="114">
        <v>0</v>
      </c>
      <c r="FN23" s="113">
        <v>0</v>
      </c>
      <c r="FO23" s="110">
        <v>0</v>
      </c>
      <c r="FP23" s="114">
        <v>56210</v>
      </c>
      <c r="FQ23" s="114">
        <v>62755</v>
      </c>
      <c r="FR23" s="114">
        <v>158480</v>
      </c>
      <c r="FS23" s="114">
        <v>0</v>
      </c>
      <c r="FT23" s="114">
        <v>35000</v>
      </c>
      <c r="FU23" s="113">
        <v>312445</v>
      </c>
      <c r="FV23" s="116">
        <v>312445</v>
      </c>
      <c r="FW23" s="115">
        <v>0</v>
      </c>
      <c r="FX23" s="114">
        <v>0</v>
      </c>
      <c r="FY23" s="112">
        <v>0</v>
      </c>
      <c r="FZ23" s="111">
        <v>0</v>
      </c>
      <c r="GA23" s="114">
        <v>0</v>
      </c>
      <c r="GB23" s="114">
        <v>0</v>
      </c>
      <c r="GC23" s="114">
        <v>0</v>
      </c>
      <c r="GD23" s="114">
        <v>0</v>
      </c>
      <c r="GE23" s="114">
        <v>0</v>
      </c>
      <c r="GF23" s="113">
        <v>0</v>
      </c>
      <c r="GG23" s="318">
        <v>0</v>
      </c>
      <c r="GH23" s="115">
        <v>0</v>
      </c>
      <c r="GI23" s="114">
        <v>0</v>
      </c>
      <c r="GJ23" s="112">
        <v>0</v>
      </c>
      <c r="GK23" s="111">
        <v>0</v>
      </c>
      <c r="GL23" s="114">
        <v>0</v>
      </c>
      <c r="GM23" s="114">
        <v>12705</v>
      </c>
      <c r="GN23" s="114">
        <v>18480</v>
      </c>
      <c r="GO23" s="114">
        <v>0</v>
      </c>
      <c r="GP23" s="114">
        <v>35000</v>
      </c>
      <c r="GQ23" s="113">
        <v>66185</v>
      </c>
      <c r="GR23" s="116">
        <v>66185</v>
      </c>
      <c r="GS23" s="110">
        <v>0</v>
      </c>
      <c r="GT23" s="114">
        <v>0</v>
      </c>
      <c r="GU23" s="113">
        <v>0</v>
      </c>
      <c r="GV23" s="110">
        <v>0</v>
      </c>
      <c r="GW23" s="114">
        <v>56210</v>
      </c>
      <c r="GX23" s="114">
        <v>50050</v>
      </c>
      <c r="GY23" s="114">
        <v>140000</v>
      </c>
      <c r="GZ23" s="114">
        <v>0</v>
      </c>
      <c r="HA23" s="114">
        <v>0</v>
      </c>
      <c r="HB23" s="112">
        <v>246260</v>
      </c>
      <c r="HC23" s="116">
        <v>246260</v>
      </c>
      <c r="HD23" s="110">
        <v>0</v>
      </c>
      <c r="HE23" s="114">
        <v>0</v>
      </c>
      <c r="HF23" s="112">
        <v>0</v>
      </c>
      <c r="HG23" s="111">
        <v>0</v>
      </c>
      <c r="HH23" s="114">
        <v>0</v>
      </c>
      <c r="HI23" s="114">
        <v>0</v>
      </c>
      <c r="HJ23" s="114">
        <v>0</v>
      </c>
      <c r="HK23" s="114">
        <v>0</v>
      </c>
      <c r="HL23" s="114">
        <v>0</v>
      </c>
      <c r="HM23" s="113">
        <v>0</v>
      </c>
      <c r="HN23" s="109">
        <v>0</v>
      </c>
      <c r="HO23" s="328"/>
      <c r="HP23" s="329"/>
      <c r="HQ23" s="330"/>
      <c r="HR23" s="331"/>
      <c r="HS23" s="329"/>
      <c r="HT23" s="329"/>
      <c r="HU23" s="329"/>
      <c r="HV23" s="329"/>
      <c r="HW23" s="329"/>
      <c r="HX23" s="332"/>
      <c r="HY23" s="333"/>
      <c r="HZ23" s="131">
        <v>0</v>
      </c>
      <c r="IA23" s="132">
        <v>0</v>
      </c>
      <c r="IB23" s="133">
        <v>0</v>
      </c>
      <c r="IC23" s="146">
        <v>0</v>
      </c>
      <c r="ID23" s="132">
        <v>0</v>
      </c>
      <c r="IE23" s="147">
        <v>0</v>
      </c>
      <c r="IF23" s="133">
        <v>0</v>
      </c>
      <c r="IG23" s="132">
        <v>0</v>
      </c>
      <c r="IH23" s="133">
        <v>0</v>
      </c>
      <c r="II23" s="148">
        <v>0</v>
      </c>
      <c r="IJ23" s="139">
        <v>0</v>
      </c>
      <c r="IK23" s="232">
        <v>0</v>
      </c>
      <c r="IL23" s="236">
        <v>0</v>
      </c>
      <c r="IM23" s="237">
        <v>0</v>
      </c>
      <c r="IN23" s="140"/>
      <c r="IO23" s="119">
        <v>0</v>
      </c>
      <c r="IP23" s="119">
        <v>0</v>
      </c>
      <c r="IQ23" s="119">
        <v>0</v>
      </c>
      <c r="IR23" s="119">
        <v>0</v>
      </c>
      <c r="IS23" s="119">
        <v>0</v>
      </c>
      <c r="IT23" s="141">
        <v>0</v>
      </c>
      <c r="IU23" s="320">
        <v>0</v>
      </c>
      <c r="IV23" s="142">
        <v>0</v>
      </c>
      <c r="IW23" s="119">
        <v>0</v>
      </c>
      <c r="IX23" s="120">
        <v>0</v>
      </c>
      <c r="IY23" s="144"/>
      <c r="IZ23" s="119">
        <v>0</v>
      </c>
      <c r="JA23" s="119">
        <v>0</v>
      </c>
      <c r="JB23" s="119">
        <v>0</v>
      </c>
      <c r="JC23" s="119">
        <v>0</v>
      </c>
      <c r="JD23" s="119">
        <v>0</v>
      </c>
      <c r="JE23" s="120">
        <v>0</v>
      </c>
      <c r="JF23" s="121">
        <v>0</v>
      </c>
      <c r="JG23" s="142">
        <v>0</v>
      </c>
      <c r="JH23" s="119">
        <v>0</v>
      </c>
      <c r="JI23" s="141">
        <v>0</v>
      </c>
      <c r="JJ23" s="118">
        <v>0</v>
      </c>
      <c r="JK23" s="119">
        <v>0</v>
      </c>
      <c r="JL23" s="119">
        <v>0</v>
      </c>
      <c r="JM23" s="119">
        <v>0</v>
      </c>
      <c r="JN23" s="119">
        <v>0</v>
      </c>
      <c r="JO23" s="119">
        <v>0</v>
      </c>
      <c r="JP23" s="120">
        <v>0</v>
      </c>
      <c r="JQ23" s="320">
        <v>0</v>
      </c>
      <c r="JR23" s="142">
        <v>0</v>
      </c>
      <c r="JS23" s="119">
        <v>0</v>
      </c>
      <c r="JT23" s="141">
        <v>0</v>
      </c>
      <c r="JU23" s="118">
        <v>0</v>
      </c>
      <c r="JV23" s="119">
        <v>0</v>
      </c>
      <c r="JW23" s="119">
        <v>0</v>
      </c>
      <c r="JX23" s="119">
        <v>0</v>
      </c>
      <c r="JY23" s="119">
        <v>0</v>
      </c>
      <c r="JZ23" s="119">
        <v>0</v>
      </c>
      <c r="KA23" s="120">
        <v>0</v>
      </c>
      <c r="KB23" s="320">
        <v>0</v>
      </c>
      <c r="KC23" s="234">
        <v>0</v>
      </c>
      <c r="KD23" s="230">
        <v>0</v>
      </c>
      <c r="KE23" s="120">
        <v>0</v>
      </c>
      <c r="KF23" s="118">
        <v>0</v>
      </c>
      <c r="KG23" s="119">
        <v>0</v>
      </c>
      <c r="KH23" s="119">
        <v>0</v>
      </c>
      <c r="KI23" s="119">
        <v>0</v>
      </c>
      <c r="KJ23" s="119">
        <v>0</v>
      </c>
      <c r="KK23" s="119">
        <v>0</v>
      </c>
      <c r="KL23" s="120">
        <v>0</v>
      </c>
      <c r="KM23" s="143">
        <v>0</v>
      </c>
      <c r="KN23" s="232">
        <v>0</v>
      </c>
      <c r="KO23" s="236">
        <v>0</v>
      </c>
      <c r="KP23" s="237">
        <v>0</v>
      </c>
      <c r="KQ23" s="140"/>
      <c r="KR23" s="119">
        <v>0</v>
      </c>
      <c r="KS23" s="119">
        <v>0</v>
      </c>
      <c r="KT23" s="119">
        <v>0</v>
      </c>
      <c r="KU23" s="119">
        <v>0</v>
      </c>
      <c r="KV23" s="119">
        <v>0</v>
      </c>
      <c r="KW23" s="120">
        <v>0</v>
      </c>
      <c r="KX23" s="320">
        <v>0</v>
      </c>
      <c r="KY23" s="142">
        <v>0</v>
      </c>
      <c r="KZ23" s="119">
        <v>0</v>
      </c>
      <c r="LA23" s="120">
        <v>0</v>
      </c>
      <c r="LB23" s="145"/>
      <c r="LC23" s="119">
        <v>0</v>
      </c>
      <c r="LD23" s="119">
        <v>0</v>
      </c>
      <c r="LE23" s="119">
        <v>0</v>
      </c>
      <c r="LF23" s="119">
        <v>0</v>
      </c>
      <c r="LG23" s="119">
        <v>0</v>
      </c>
      <c r="LH23" s="120">
        <v>0</v>
      </c>
      <c r="LI23" s="121">
        <v>0</v>
      </c>
      <c r="LJ23" s="142">
        <v>0</v>
      </c>
      <c r="LK23" s="119">
        <v>0</v>
      </c>
      <c r="LL23" s="120">
        <v>0</v>
      </c>
      <c r="LM23" s="145"/>
      <c r="LN23" s="119">
        <v>0</v>
      </c>
      <c r="LO23" s="119">
        <v>0</v>
      </c>
      <c r="LP23" s="119">
        <v>0</v>
      </c>
      <c r="LQ23" s="119">
        <v>0</v>
      </c>
      <c r="LR23" s="119">
        <v>0</v>
      </c>
      <c r="LS23" s="120">
        <v>0</v>
      </c>
      <c r="LT23" s="320">
        <v>0</v>
      </c>
      <c r="LU23" s="142">
        <v>0</v>
      </c>
      <c r="LV23" s="119">
        <v>0</v>
      </c>
      <c r="LW23" s="120">
        <v>0</v>
      </c>
      <c r="LX23" s="145"/>
      <c r="LY23" s="119">
        <v>0</v>
      </c>
      <c r="LZ23" s="119">
        <v>0</v>
      </c>
      <c r="MA23" s="119">
        <v>0</v>
      </c>
      <c r="MB23" s="119">
        <v>0</v>
      </c>
      <c r="MC23" s="119">
        <v>0</v>
      </c>
      <c r="MD23" s="120">
        <v>0</v>
      </c>
      <c r="ME23" s="121">
        <v>0</v>
      </c>
      <c r="MF23" s="142">
        <v>0</v>
      </c>
      <c r="MG23" s="119">
        <v>0</v>
      </c>
      <c r="MH23" s="120">
        <v>0</v>
      </c>
      <c r="MI23" s="145"/>
      <c r="MJ23" s="119">
        <v>0</v>
      </c>
      <c r="MK23" s="119">
        <v>0</v>
      </c>
      <c r="ML23" s="119">
        <v>0</v>
      </c>
      <c r="MM23" s="119">
        <v>0</v>
      </c>
      <c r="MN23" s="119">
        <v>0</v>
      </c>
      <c r="MO23" s="120">
        <v>0</v>
      </c>
      <c r="MP23" s="143">
        <v>0</v>
      </c>
      <c r="MQ23" s="142">
        <v>0</v>
      </c>
      <c r="MR23" s="119">
        <v>0</v>
      </c>
      <c r="MS23" s="120">
        <v>0</v>
      </c>
      <c r="MT23" s="145"/>
      <c r="MU23" s="119">
        <v>0</v>
      </c>
      <c r="MV23" s="119">
        <v>0</v>
      </c>
      <c r="MW23" s="119">
        <v>0</v>
      </c>
      <c r="MX23" s="119">
        <v>0</v>
      </c>
      <c r="MY23" s="119">
        <v>0</v>
      </c>
      <c r="MZ23" s="120">
        <v>0</v>
      </c>
      <c r="NA23" s="143">
        <v>0</v>
      </c>
      <c r="NB23" s="142">
        <v>0</v>
      </c>
      <c r="NC23" s="119">
        <v>0</v>
      </c>
      <c r="ND23" s="120">
        <v>0</v>
      </c>
      <c r="NE23" s="145"/>
      <c r="NF23" s="119">
        <v>0</v>
      </c>
      <c r="NG23" s="119">
        <v>0</v>
      </c>
      <c r="NH23" s="119">
        <v>0</v>
      </c>
      <c r="NI23" s="119">
        <v>0</v>
      </c>
      <c r="NJ23" s="119">
        <v>0</v>
      </c>
      <c r="NK23" s="120">
        <v>0</v>
      </c>
      <c r="NL23" s="320">
        <v>0</v>
      </c>
      <c r="NM23" s="142">
        <v>0</v>
      </c>
      <c r="NN23" s="119">
        <v>0</v>
      </c>
      <c r="NO23" s="120">
        <v>0</v>
      </c>
      <c r="NP23" s="145"/>
      <c r="NQ23" s="119">
        <v>0</v>
      </c>
      <c r="NR23" s="119">
        <v>0</v>
      </c>
      <c r="NS23" s="119">
        <v>0</v>
      </c>
      <c r="NT23" s="119">
        <v>0</v>
      </c>
      <c r="NU23" s="119">
        <v>0</v>
      </c>
      <c r="NV23" s="120">
        <v>0</v>
      </c>
      <c r="NW23" s="121">
        <v>0</v>
      </c>
      <c r="NX23" s="142">
        <v>0</v>
      </c>
      <c r="NY23" s="119">
        <v>0</v>
      </c>
      <c r="NZ23" s="120">
        <v>0</v>
      </c>
      <c r="OA23" s="145"/>
      <c r="OB23" s="119">
        <v>0</v>
      </c>
      <c r="OC23" s="119">
        <v>0</v>
      </c>
      <c r="OD23" s="119">
        <v>0</v>
      </c>
      <c r="OE23" s="119">
        <v>0</v>
      </c>
      <c r="OF23" s="119">
        <v>0</v>
      </c>
      <c r="OG23" s="120">
        <v>0</v>
      </c>
      <c r="OH23" s="121">
        <v>0</v>
      </c>
      <c r="OI23" s="142">
        <v>0</v>
      </c>
      <c r="OJ23" s="119">
        <v>0</v>
      </c>
      <c r="OK23" s="141">
        <v>0</v>
      </c>
      <c r="OL23" s="118">
        <v>0</v>
      </c>
      <c r="OM23" s="119">
        <v>56210</v>
      </c>
      <c r="ON23" s="119">
        <v>62755</v>
      </c>
      <c r="OO23" s="119">
        <v>158480</v>
      </c>
      <c r="OP23" s="119">
        <v>0</v>
      </c>
      <c r="OQ23" s="119">
        <v>35000</v>
      </c>
      <c r="OR23" s="120">
        <v>312445</v>
      </c>
      <c r="OS23" s="143">
        <v>312445</v>
      </c>
    </row>
    <row r="24" spans="2:409" ht="21" customHeight="1" x14ac:dyDescent="0.2">
      <c r="B24" s="126" t="s">
        <v>19</v>
      </c>
      <c r="C24" s="110">
        <v>0</v>
      </c>
      <c r="D24" s="114">
        <v>298480</v>
      </c>
      <c r="E24" s="113">
        <v>298480</v>
      </c>
      <c r="F24" s="109">
        <v>0</v>
      </c>
      <c r="G24" s="114">
        <v>20020</v>
      </c>
      <c r="H24" s="114">
        <v>23100</v>
      </c>
      <c r="I24" s="114">
        <v>0</v>
      </c>
      <c r="J24" s="114">
        <v>43120</v>
      </c>
      <c r="K24" s="114">
        <v>0</v>
      </c>
      <c r="L24" s="109">
        <v>86240</v>
      </c>
      <c r="M24" s="116">
        <v>384720</v>
      </c>
      <c r="N24" s="110">
        <v>0</v>
      </c>
      <c r="O24" s="114">
        <v>0</v>
      </c>
      <c r="P24" s="113">
        <v>0</v>
      </c>
      <c r="Q24" s="110">
        <v>0</v>
      </c>
      <c r="R24" s="114">
        <v>0</v>
      </c>
      <c r="S24" s="114">
        <v>0</v>
      </c>
      <c r="T24" s="114">
        <v>0</v>
      </c>
      <c r="U24" s="114">
        <v>0</v>
      </c>
      <c r="V24" s="114">
        <v>0</v>
      </c>
      <c r="W24" s="113">
        <v>0</v>
      </c>
      <c r="X24" s="116">
        <v>0</v>
      </c>
      <c r="Y24" s="110">
        <v>0</v>
      </c>
      <c r="Z24" s="114">
        <v>0</v>
      </c>
      <c r="AA24" s="113">
        <v>0</v>
      </c>
      <c r="AB24" s="110">
        <v>0</v>
      </c>
      <c r="AC24" s="114">
        <v>0</v>
      </c>
      <c r="AD24" s="114">
        <v>0</v>
      </c>
      <c r="AE24" s="114">
        <v>0</v>
      </c>
      <c r="AF24" s="114">
        <v>0</v>
      </c>
      <c r="AG24" s="114">
        <v>0</v>
      </c>
      <c r="AH24" s="113">
        <v>0</v>
      </c>
      <c r="AI24" s="116">
        <v>0</v>
      </c>
      <c r="AJ24" s="110">
        <v>0</v>
      </c>
      <c r="AK24" s="114">
        <v>0</v>
      </c>
      <c r="AL24" s="113">
        <v>0</v>
      </c>
      <c r="AM24" s="110">
        <v>0</v>
      </c>
      <c r="AN24" s="114">
        <v>0</v>
      </c>
      <c r="AO24" s="114">
        <v>0</v>
      </c>
      <c r="AP24" s="114">
        <v>0</v>
      </c>
      <c r="AQ24" s="114">
        <v>0</v>
      </c>
      <c r="AR24" s="114">
        <v>0</v>
      </c>
      <c r="AS24" s="113">
        <v>0</v>
      </c>
      <c r="AT24" s="116">
        <v>0</v>
      </c>
      <c r="AU24" s="110">
        <v>0</v>
      </c>
      <c r="AV24" s="114">
        <v>0</v>
      </c>
      <c r="AW24" s="113">
        <v>0</v>
      </c>
      <c r="AX24" s="110">
        <v>0</v>
      </c>
      <c r="AY24" s="114">
        <v>0</v>
      </c>
      <c r="AZ24" s="114">
        <v>0</v>
      </c>
      <c r="BA24" s="114">
        <v>0</v>
      </c>
      <c r="BB24" s="114">
        <v>0</v>
      </c>
      <c r="BC24" s="114">
        <v>0</v>
      </c>
      <c r="BD24" s="113">
        <v>0</v>
      </c>
      <c r="BE24" s="116">
        <v>0</v>
      </c>
      <c r="BF24" s="110">
        <v>0</v>
      </c>
      <c r="BG24" s="114">
        <v>0</v>
      </c>
      <c r="BH24" s="112">
        <v>0</v>
      </c>
      <c r="BI24" s="111">
        <v>0</v>
      </c>
      <c r="BJ24" s="114">
        <v>0</v>
      </c>
      <c r="BK24" s="114">
        <v>0</v>
      </c>
      <c r="BL24" s="114">
        <v>0</v>
      </c>
      <c r="BM24" s="114">
        <v>0</v>
      </c>
      <c r="BN24" s="114">
        <v>0</v>
      </c>
      <c r="BO24" s="113">
        <v>0</v>
      </c>
      <c r="BP24" s="116">
        <v>0</v>
      </c>
      <c r="BQ24" s="110">
        <v>0</v>
      </c>
      <c r="BR24" s="114">
        <v>0</v>
      </c>
      <c r="BS24" s="113">
        <v>0</v>
      </c>
      <c r="BT24" s="110">
        <v>0</v>
      </c>
      <c r="BU24" s="114">
        <v>0</v>
      </c>
      <c r="BV24" s="114">
        <v>0</v>
      </c>
      <c r="BW24" s="114">
        <v>0</v>
      </c>
      <c r="BX24" s="114">
        <v>0</v>
      </c>
      <c r="BY24" s="114">
        <v>0</v>
      </c>
      <c r="BZ24" s="113">
        <v>0</v>
      </c>
      <c r="CA24" s="116">
        <v>0</v>
      </c>
      <c r="CB24" s="110">
        <v>0</v>
      </c>
      <c r="CC24" s="114">
        <v>0</v>
      </c>
      <c r="CD24" s="113">
        <v>0</v>
      </c>
      <c r="CE24" s="110">
        <v>0</v>
      </c>
      <c r="CF24" s="114">
        <v>0</v>
      </c>
      <c r="CG24" s="114">
        <v>0</v>
      </c>
      <c r="CH24" s="114">
        <v>0</v>
      </c>
      <c r="CI24" s="114">
        <v>0</v>
      </c>
      <c r="CJ24" s="114">
        <v>0</v>
      </c>
      <c r="CK24" s="113">
        <v>0</v>
      </c>
      <c r="CL24" s="116">
        <v>0</v>
      </c>
      <c r="CM24" s="110">
        <v>0</v>
      </c>
      <c r="CN24" s="114">
        <v>0</v>
      </c>
      <c r="CO24" s="113">
        <v>0</v>
      </c>
      <c r="CP24" s="111">
        <v>0</v>
      </c>
      <c r="CQ24" s="114">
        <v>0</v>
      </c>
      <c r="CR24" s="114">
        <v>0</v>
      </c>
      <c r="CS24" s="114">
        <v>0</v>
      </c>
      <c r="CT24" s="114">
        <v>0</v>
      </c>
      <c r="CU24" s="114">
        <v>0</v>
      </c>
      <c r="CV24" s="113">
        <v>0</v>
      </c>
      <c r="CW24" s="116">
        <v>0</v>
      </c>
      <c r="CX24" s="110">
        <v>0</v>
      </c>
      <c r="CY24" s="114">
        <v>0</v>
      </c>
      <c r="CZ24" s="113">
        <v>0</v>
      </c>
      <c r="DA24" s="110">
        <v>0</v>
      </c>
      <c r="DB24" s="114">
        <v>0</v>
      </c>
      <c r="DC24" s="114">
        <v>0</v>
      </c>
      <c r="DD24" s="114">
        <v>0</v>
      </c>
      <c r="DE24" s="114">
        <v>0</v>
      </c>
      <c r="DF24" s="114">
        <v>0</v>
      </c>
      <c r="DG24" s="113">
        <v>0</v>
      </c>
      <c r="DH24" s="116">
        <v>0</v>
      </c>
      <c r="DI24" s="110">
        <v>0</v>
      </c>
      <c r="DJ24" s="114">
        <v>0</v>
      </c>
      <c r="DK24" s="112">
        <v>0</v>
      </c>
      <c r="DL24" s="111">
        <v>0</v>
      </c>
      <c r="DM24" s="114">
        <v>0</v>
      </c>
      <c r="DN24" s="114">
        <v>0</v>
      </c>
      <c r="DO24" s="114">
        <v>0</v>
      </c>
      <c r="DP24" s="114">
        <v>0</v>
      </c>
      <c r="DQ24" s="114">
        <v>0</v>
      </c>
      <c r="DR24" s="113">
        <v>0</v>
      </c>
      <c r="DS24" s="116">
        <v>0</v>
      </c>
      <c r="DT24" s="110">
        <v>0</v>
      </c>
      <c r="DU24" s="114">
        <v>0</v>
      </c>
      <c r="DV24" s="113">
        <v>0</v>
      </c>
      <c r="DW24" s="110">
        <v>0</v>
      </c>
      <c r="DX24" s="114">
        <v>0</v>
      </c>
      <c r="DY24" s="114">
        <v>0</v>
      </c>
      <c r="DZ24" s="114">
        <v>0</v>
      </c>
      <c r="EA24" s="114">
        <v>0</v>
      </c>
      <c r="EB24" s="114">
        <v>0</v>
      </c>
      <c r="EC24" s="113">
        <v>0</v>
      </c>
      <c r="ED24" s="116">
        <v>0</v>
      </c>
      <c r="EE24" s="110">
        <v>0</v>
      </c>
      <c r="EF24" s="112">
        <v>0</v>
      </c>
      <c r="EG24" s="113">
        <v>0</v>
      </c>
      <c r="EH24" s="110">
        <v>0</v>
      </c>
      <c r="EI24" s="114">
        <v>0</v>
      </c>
      <c r="EJ24" s="114">
        <v>0</v>
      </c>
      <c r="EK24" s="114">
        <v>0</v>
      </c>
      <c r="EL24" s="114">
        <v>0</v>
      </c>
      <c r="EM24" s="114">
        <v>0</v>
      </c>
      <c r="EN24" s="112">
        <v>0</v>
      </c>
      <c r="EO24" s="116">
        <v>0</v>
      </c>
      <c r="EP24" s="110">
        <v>0</v>
      </c>
      <c r="EQ24" s="114">
        <v>0</v>
      </c>
      <c r="ER24" s="112">
        <v>0</v>
      </c>
      <c r="ES24" s="111">
        <v>0</v>
      </c>
      <c r="ET24" s="114">
        <v>0</v>
      </c>
      <c r="EU24" s="114">
        <v>0</v>
      </c>
      <c r="EV24" s="114">
        <v>0</v>
      </c>
      <c r="EW24" s="114">
        <v>0</v>
      </c>
      <c r="EX24" s="114">
        <v>0</v>
      </c>
      <c r="EY24" s="113">
        <v>0</v>
      </c>
      <c r="EZ24" s="116">
        <v>0</v>
      </c>
      <c r="FA24" s="110">
        <v>0</v>
      </c>
      <c r="FB24" s="114">
        <v>0</v>
      </c>
      <c r="FC24" s="112">
        <v>0</v>
      </c>
      <c r="FD24" s="347"/>
      <c r="FE24" s="114">
        <v>0</v>
      </c>
      <c r="FF24" s="114">
        <v>0</v>
      </c>
      <c r="FG24" s="114">
        <v>0</v>
      </c>
      <c r="FH24" s="114">
        <v>0</v>
      </c>
      <c r="FI24" s="114">
        <v>0</v>
      </c>
      <c r="FJ24" s="113">
        <v>0</v>
      </c>
      <c r="FK24" s="116">
        <v>0</v>
      </c>
      <c r="FL24" s="110">
        <v>0</v>
      </c>
      <c r="FM24" s="114">
        <v>298480</v>
      </c>
      <c r="FN24" s="113">
        <v>298480</v>
      </c>
      <c r="FO24" s="110">
        <v>0</v>
      </c>
      <c r="FP24" s="114">
        <v>20020</v>
      </c>
      <c r="FQ24" s="114">
        <v>23100</v>
      </c>
      <c r="FR24" s="114">
        <v>0</v>
      </c>
      <c r="FS24" s="114">
        <v>43120</v>
      </c>
      <c r="FT24" s="114">
        <v>0</v>
      </c>
      <c r="FU24" s="113">
        <v>86240</v>
      </c>
      <c r="FV24" s="116">
        <v>384720</v>
      </c>
      <c r="FW24" s="115">
        <v>0</v>
      </c>
      <c r="FX24" s="114">
        <v>0</v>
      </c>
      <c r="FY24" s="112">
        <v>0</v>
      </c>
      <c r="FZ24" s="111">
        <v>0</v>
      </c>
      <c r="GA24" s="114">
        <v>0</v>
      </c>
      <c r="GB24" s="114">
        <v>0</v>
      </c>
      <c r="GC24" s="114">
        <v>0</v>
      </c>
      <c r="GD24" s="114">
        <v>0</v>
      </c>
      <c r="GE24" s="114">
        <v>0</v>
      </c>
      <c r="GF24" s="113">
        <v>0</v>
      </c>
      <c r="GG24" s="318">
        <v>0</v>
      </c>
      <c r="GH24" s="115">
        <v>0</v>
      </c>
      <c r="GI24" s="114">
        <v>18480</v>
      </c>
      <c r="GJ24" s="112">
        <v>18480</v>
      </c>
      <c r="GK24" s="111">
        <v>0</v>
      </c>
      <c r="GL24" s="114">
        <v>20020</v>
      </c>
      <c r="GM24" s="114">
        <v>23100</v>
      </c>
      <c r="GN24" s="114">
        <v>0</v>
      </c>
      <c r="GO24" s="114">
        <v>43120</v>
      </c>
      <c r="GP24" s="114">
        <v>0</v>
      </c>
      <c r="GQ24" s="113">
        <v>86240</v>
      </c>
      <c r="GR24" s="116">
        <v>104720</v>
      </c>
      <c r="GS24" s="110">
        <v>0</v>
      </c>
      <c r="GT24" s="114">
        <v>280000</v>
      </c>
      <c r="GU24" s="113">
        <v>280000</v>
      </c>
      <c r="GV24" s="110">
        <v>0</v>
      </c>
      <c r="GW24" s="114">
        <v>0</v>
      </c>
      <c r="GX24" s="114">
        <v>0</v>
      </c>
      <c r="GY24" s="114">
        <v>0</v>
      </c>
      <c r="GZ24" s="114">
        <v>0</v>
      </c>
      <c r="HA24" s="114">
        <v>0</v>
      </c>
      <c r="HB24" s="112">
        <v>0</v>
      </c>
      <c r="HC24" s="116">
        <v>280000</v>
      </c>
      <c r="HD24" s="110">
        <v>0</v>
      </c>
      <c r="HE24" s="114">
        <v>0</v>
      </c>
      <c r="HF24" s="112">
        <v>0</v>
      </c>
      <c r="HG24" s="111">
        <v>0</v>
      </c>
      <c r="HH24" s="114">
        <v>0</v>
      </c>
      <c r="HI24" s="114">
        <v>0</v>
      </c>
      <c r="HJ24" s="114">
        <v>0</v>
      </c>
      <c r="HK24" s="114">
        <v>0</v>
      </c>
      <c r="HL24" s="114">
        <v>0</v>
      </c>
      <c r="HM24" s="113">
        <v>0</v>
      </c>
      <c r="HN24" s="109">
        <v>0</v>
      </c>
      <c r="HO24" s="328"/>
      <c r="HP24" s="329"/>
      <c r="HQ24" s="330"/>
      <c r="HR24" s="331"/>
      <c r="HS24" s="329"/>
      <c r="HT24" s="329"/>
      <c r="HU24" s="329"/>
      <c r="HV24" s="329"/>
      <c r="HW24" s="329"/>
      <c r="HX24" s="332"/>
      <c r="HY24" s="333"/>
      <c r="HZ24" s="150">
        <v>0</v>
      </c>
      <c r="IA24" s="135">
        <v>0</v>
      </c>
      <c r="IB24" s="150">
        <v>0</v>
      </c>
      <c r="IC24" s="134">
        <v>0</v>
      </c>
      <c r="ID24" s="135">
        <v>0</v>
      </c>
      <c r="IE24" s="136">
        <v>0</v>
      </c>
      <c r="IF24" s="137">
        <v>0</v>
      </c>
      <c r="IG24" s="135">
        <v>0</v>
      </c>
      <c r="IH24" s="137">
        <v>0</v>
      </c>
      <c r="II24" s="138">
        <v>0</v>
      </c>
      <c r="IJ24" s="150">
        <v>0</v>
      </c>
      <c r="IK24" s="232">
        <v>0</v>
      </c>
      <c r="IL24" s="236">
        <v>0</v>
      </c>
      <c r="IM24" s="237">
        <v>0</v>
      </c>
      <c r="IN24" s="140"/>
      <c r="IO24" s="119">
        <v>0</v>
      </c>
      <c r="IP24" s="119">
        <v>0</v>
      </c>
      <c r="IQ24" s="119">
        <v>0</v>
      </c>
      <c r="IR24" s="119">
        <v>0</v>
      </c>
      <c r="IS24" s="119">
        <v>0</v>
      </c>
      <c r="IT24" s="141">
        <v>0</v>
      </c>
      <c r="IU24" s="320">
        <v>0</v>
      </c>
      <c r="IV24" s="142">
        <v>0</v>
      </c>
      <c r="IW24" s="119">
        <v>0</v>
      </c>
      <c r="IX24" s="120">
        <v>0</v>
      </c>
      <c r="IY24" s="144"/>
      <c r="IZ24" s="119">
        <v>0</v>
      </c>
      <c r="JA24" s="119">
        <v>0</v>
      </c>
      <c r="JB24" s="119">
        <v>0</v>
      </c>
      <c r="JC24" s="119">
        <v>0</v>
      </c>
      <c r="JD24" s="119">
        <v>0</v>
      </c>
      <c r="JE24" s="120">
        <v>0</v>
      </c>
      <c r="JF24" s="121">
        <v>0</v>
      </c>
      <c r="JG24" s="142">
        <v>0</v>
      </c>
      <c r="JH24" s="119">
        <v>0</v>
      </c>
      <c r="JI24" s="141">
        <v>0</v>
      </c>
      <c r="JJ24" s="118">
        <v>0</v>
      </c>
      <c r="JK24" s="119">
        <v>0</v>
      </c>
      <c r="JL24" s="119">
        <v>0</v>
      </c>
      <c r="JM24" s="119">
        <v>0</v>
      </c>
      <c r="JN24" s="119">
        <v>0</v>
      </c>
      <c r="JO24" s="119">
        <v>0</v>
      </c>
      <c r="JP24" s="120">
        <v>0</v>
      </c>
      <c r="JQ24" s="320">
        <v>0</v>
      </c>
      <c r="JR24" s="142">
        <v>0</v>
      </c>
      <c r="JS24" s="119">
        <v>0</v>
      </c>
      <c r="JT24" s="141">
        <v>0</v>
      </c>
      <c r="JU24" s="118">
        <v>0</v>
      </c>
      <c r="JV24" s="119">
        <v>0</v>
      </c>
      <c r="JW24" s="119">
        <v>0</v>
      </c>
      <c r="JX24" s="119">
        <v>0</v>
      </c>
      <c r="JY24" s="119">
        <v>0</v>
      </c>
      <c r="JZ24" s="119">
        <v>0</v>
      </c>
      <c r="KA24" s="120">
        <v>0</v>
      </c>
      <c r="KB24" s="320">
        <v>0</v>
      </c>
      <c r="KC24" s="234">
        <v>0</v>
      </c>
      <c r="KD24" s="230">
        <v>0</v>
      </c>
      <c r="KE24" s="120">
        <v>0</v>
      </c>
      <c r="KF24" s="118">
        <v>0</v>
      </c>
      <c r="KG24" s="119">
        <v>0</v>
      </c>
      <c r="KH24" s="119">
        <v>0</v>
      </c>
      <c r="KI24" s="119">
        <v>0</v>
      </c>
      <c r="KJ24" s="119">
        <v>0</v>
      </c>
      <c r="KK24" s="119">
        <v>0</v>
      </c>
      <c r="KL24" s="120">
        <v>0</v>
      </c>
      <c r="KM24" s="143">
        <v>0</v>
      </c>
      <c r="KN24" s="232">
        <v>0</v>
      </c>
      <c r="KO24" s="236">
        <v>0</v>
      </c>
      <c r="KP24" s="237">
        <v>0</v>
      </c>
      <c r="KQ24" s="140"/>
      <c r="KR24" s="119">
        <v>0</v>
      </c>
      <c r="KS24" s="119">
        <v>0</v>
      </c>
      <c r="KT24" s="119">
        <v>0</v>
      </c>
      <c r="KU24" s="119">
        <v>0</v>
      </c>
      <c r="KV24" s="119">
        <v>0</v>
      </c>
      <c r="KW24" s="120">
        <v>0</v>
      </c>
      <c r="KX24" s="320">
        <v>0</v>
      </c>
      <c r="KY24" s="142">
        <v>0</v>
      </c>
      <c r="KZ24" s="119">
        <v>0</v>
      </c>
      <c r="LA24" s="120">
        <v>0</v>
      </c>
      <c r="LB24" s="145"/>
      <c r="LC24" s="119">
        <v>0</v>
      </c>
      <c r="LD24" s="119">
        <v>0</v>
      </c>
      <c r="LE24" s="119">
        <v>0</v>
      </c>
      <c r="LF24" s="119">
        <v>0</v>
      </c>
      <c r="LG24" s="119">
        <v>0</v>
      </c>
      <c r="LH24" s="120">
        <v>0</v>
      </c>
      <c r="LI24" s="121">
        <v>0</v>
      </c>
      <c r="LJ24" s="142">
        <v>0</v>
      </c>
      <c r="LK24" s="119">
        <v>0</v>
      </c>
      <c r="LL24" s="120">
        <v>0</v>
      </c>
      <c r="LM24" s="145"/>
      <c r="LN24" s="119">
        <v>0</v>
      </c>
      <c r="LO24" s="119">
        <v>0</v>
      </c>
      <c r="LP24" s="119">
        <v>0</v>
      </c>
      <c r="LQ24" s="119">
        <v>0</v>
      </c>
      <c r="LR24" s="119">
        <v>0</v>
      </c>
      <c r="LS24" s="120">
        <v>0</v>
      </c>
      <c r="LT24" s="320">
        <v>0</v>
      </c>
      <c r="LU24" s="142">
        <v>0</v>
      </c>
      <c r="LV24" s="119">
        <v>0</v>
      </c>
      <c r="LW24" s="120">
        <v>0</v>
      </c>
      <c r="LX24" s="145"/>
      <c r="LY24" s="119">
        <v>0</v>
      </c>
      <c r="LZ24" s="119">
        <v>0</v>
      </c>
      <c r="MA24" s="119">
        <v>0</v>
      </c>
      <c r="MB24" s="119">
        <v>0</v>
      </c>
      <c r="MC24" s="119">
        <v>0</v>
      </c>
      <c r="MD24" s="120">
        <v>0</v>
      </c>
      <c r="ME24" s="121">
        <v>0</v>
      </c>
      <c r="MF24" s="142">
        <v>0</v>
      </c>
      <c r="MG24" s="119">
        <v>0</v>
      </c>
      <c r="MH24" s="120">
        <v>0</v>
      </c>
      <c r="MI24" s="145"/>
      <c r="MJ24" s="119">
        <v>0</v>
      </c>
      <c r="MK24" s="119">
        <v>0</v>
      </c>
      <c r="ML24" s="119">
        <v>0</v>
      </c>
      <c r="MM24" s="119">
        <v>0</v>
      </c>
      <c r="MN24" s="119">
        <v>0</v>
      </c>
      <c r="MO24" s="120">
        <v>0</v>
      </c>
      <c r="MP24" s="143">
        <v>0</v>
      </c>
      <c r="MQ24" s="142">
        <v>0</v>
      </c>
      <c r="MR24" s="119">
        <v>0</v>
      </c>
      <c r="MS24" s="120">
        <v>0</v>
      </c>
      <c r="MT24" s="145"/>
      <c r="MU24" s="119">
        <v>0</v>
      </c>
      <c r="MV24" s="119">
        <v>0</v>
      </c>
      <c r="MW24" s="119">
        <v>0</v>
      </c>
      <c r="MX24" s="119">
        <v>0</v>
      </c>
      <c r="MY24" s="119">
        <v>0</v>
      </c>
      <c r="MZ24" s="120">
        <v>0</v>
      </c>
      <c r="NA24" s="143">
        <v>0</v>
      </c>
      <c r="NB24" s="142">
        <v>0</v>
      </c>
      <c r="NC24" s="119">
        <v>0</v>
      </c>
      <c r="ND24" s="120">
        <v>0</v>
      </c>
      <c r="NE24" s="145"/>
      <c r="NF24" s="119">
        <v>0</v>
      </c>
      <c r="NG24" s="119">
        <v>0</v>
      </c>
      <c r="NH24" s="119">
        <v>0</v>
      </c>
      <c r="NI24" s="119">
        <v>0</v>
      </c>
      <c r="NJ24" s="119">
        <v>0</v>
      </c>
      <c r="NK24" s="120">
        <v>0</v>
      </c>
      <c r="NL24" s="320">
        <v>0</v>
      </c>
      <c r="NM24" s="142">
        <v>0</v>
      </c>
      <c r="NN24" s="119">
        <v>0</v>
      </c>
      <c r="NO24" s="120">
        <v>0</v>
      </c>
      <c r="NP24" s="145"/>
      <c r="NQ24" s="119">
        <v>0</v>
      </c>
      <c r="NR24" s="119">
        <v>0</v>
      </c>
      <c r="NS24" s="119">
        <v>0</v>
      </c>
      <c r="NT24" s="119">
        <v>0</v>
      </c>
      <c r="NU24" s="119">
        <v>0</v>
      </c>
      <c r="NV24" s="120">
        <v>0</v>
      </c>
      <c r="NW24" s="121">
        <v>0</v>
      </c>
      <c r="NX24" s="142">
        <v>0</v>
      </c>
      <c r="NY24" s="119">
        <v>0</v>
      </c>
      <c r="NZ24" s="120">
        <v>0</v>
      </c>
      <c r="OA24" s="145"/>
      <c r="OB24" s="119">
        <v>0</v>
      </c>
      <c r="OC24" s="119">
        <v>0</v>
      </c>
      <c r="OD24" s="119">
        <v>0</v>
      </c>
      <c r="OE24" s="119">
        <v>0</v>
      </c>
      <c r="OF24" s="119">
        <v>0</v>
      </c>
      <c r="OG24" s="120">
        <v>0</v>
      </c>
      <c r="OH24" s="121">
        <v>0</v>
      </c>
      <c r="OI24" s="142">
        <v>0</v>
      </c>
      <c r="OJ24" s="119">
        <v>298480</v>
      </c>
      <c r="OK24" s="141">
        <v>298480</v>
      </c>
      <c r="OL24" s="118">
        <v>0</v>
      </c>
      <c r="OM24" s="119">
        <v>20020</v>
      </c>
      <c r="ON24" s="119">
        <v>23100</v>
      </c>
      <c r="OO24" s="119">
        <v>0</v>
      </c>
      <c r="OP24" s="119">
        <v>43120</v>
      </c>
      <c r="OQ24" s="119">
        <v>0</v>
      </c>
      <c r="OR24" s="120">
        <v>86240</v>
      </c>
      <c r="OS24" s="143">
        <v>384720</v>
      </c>
    </row>
    <row r="25" spans="2:409" ht="21" customHeight="1" x14ac:dyDescent="0.2">
      <c r="B25" s="126" t="s">
        <v>20</v>
      </c>
      <c r="C25" s="110">
        <v>0</v>
      </c>
      <c r="D25" s="114">
        <v>0</v>
      </c>
      <c r="E25" s="113">
        <v>0</v>
      </c>
      <c r="F25" s="110">
        <v>0</v>
      </c>
      <c r="G25" s="114">
        <v>132199</v>
      </c>
      <c r="H25" s="114">
        <v>0</v>
      </c>
      <c r="I25" s="114">
        <v>75600</v>
      </c>
      <c r="J25" s="114">
        <v>0</v>
      </c>
      <c r="K25" s="114">
        <v>0</v>
      </c>
      <c r="L25" s="173">
        <v>207799</v>
      </c>
      <c r="M25" s="116">
        <v>207799</v>
      </c>
      <c r="N25" s="110">
        <v>0</v>
      </c>
      <c r="O25" s="114">
        <v>0</v>
      </c>
      <c r="P25" s="113">
        <v>0</v>
      </c>
      <c r="Q25" s="110">
        <v>0</v>
      </c>
      <c r="R25" s="114">
        <v>0</v>
      </c>
      <c r="S25" s="114">
        <v>0</v>
      </c>
      <c r="T25" s="114">
        <v>0</v>
      </c>
      <c r="U25" s="114">
        <v>0</v>
      </c>
      <c r="V25" s="114">
        <v>0</v>
      </c>
      <c r="W25" s="113">
        <v>0</v>
      </c>
      <c r="X25" s="116">
        <v>0</v>
      </c>
      <c r="Y25" s="110">
        <v>0</v>
      </c>
      <c r="Z25" s="114">
        <v>0</v>
      </c>
      <c r="AA25" s="113">
        <v>0</v>
      </c>
      <c r="AB25" s="110">
        <v>0</v>
      </c>
      <c r="AC25" s="114">
        <v>0</v>
      </c>
      <c r="AD25" s="114">
        <v>0</v>
      </c>
      <c r="AE25" s="114">
        <v>0</v>
      </c>
      <c r="AF25" s="114">
        <v>0</v>
      </c>
      <c r="AG25" s="114">
        <v>0</v>
      </c>
      <c r="AH25" s="113">
        <v>0</v>
      </c>
      <c r="AI25" s="116">
        <v>0</v>
      </c>
      <c r="AJ25" s="110">
        <v>0</v>
      </c>
      <c r="AK25" s="114">
        <v>0</v>
      </c>
      <c r="AL25" s="113">
        <v>0</v>
      </c>
      <c r="AM25" s="110">
        <v>0</v>
      </c>
      <c r="AN25" s="114">
        <v>0</v>
      </c>
      <c r="AO25" s="114">
        <v>0</v>
      </c>
      <c r="AP25" s="114">
        <v>0</v>
      </c>
      <c r="AQ25" s="114">
        <v>0</v>
      </c>
      <c r="AR25" s="114">
        <v>0</v>
      </c>
      <c r="AS25" s="113">
        <v>0</v>
      </c>
      <c r="AT25" s="116">
        <v>0</v>
      </c>
      <c r="AU25" s="110">
        <v>0</v>
      </c>
      <c r="AV25" s="114">
        <v>0</v>
      </c>
      <c r="AW25" s="113">
        <v>0</v>
      </c>
      <c r="AX25" s="110">
        <v>0</v>
      </c>
      <c r="AY25" s="114">
        <v>0</v>
      </c>
      <c r="AZ25" s="114">
        <v>0</v>
      </c>
      <c r="BA25" s="114">
        <v>0</v>
      </c>
      <c r="BB25" s="114">
        <v>0</v>
      </c>
      <c r="BC25" s="114">
        <v>0</v>
      </c>
      <c r="BD25" s="113">
        <v>0</v>
      </c>
      <c r="BE25" s="116">
        <v>0</v>
      </c>
      <c r="BF25" s="110">
        <v>0</v>
      </c>
      <c r="BG25" s="114">
        <v>0</v>
      </c>
      <c r="BH25" s="112">
        <v>0</v>
      </c>
      <c r="BI25" s="111">
        <v>0</v>
      </c>
      <c r="BJ25" s="114">
        <v>0</v>
      </c>
      <c r="BK25" s="114">
        <v>0</v>
      </c>
      <c r="BL25" s="114">
        <v>0</v>
      </c>
      <c r="BM25" s="114">
        <v>0</v>
      </c>
      <c r="BN25" s="114">
        <v>0</v>
      </c>
      <c r="BO25" s="113">
        <v>0</v>
      </c>
      <c r="BP25" s="116">
        <v>0</v>
      </c>
      <c r="BQ25" s="110">
        <v>0</v>
      </c>
      <c r="BR25" s="114">
        <v>0</v>
      </c>
      <c r="BS25" s="113">
        <v>0</v>
      </c>
      <c r="BT25" s="110">
        <v>0</v>
      </c>
      <c r="BU25" s="114">
        <v>0</v>
      </c>
      <c r="BV25" s="114">
        <v>0</v>
      </c>
      <c r="BW25" s="114">
        <v>0</v>
      </c>
      <c r="BX25" s="114">
        <v>0</v>
      </c>
      <c r="BY25" s="114">
        <v>0</v>
      </c>
      <c r="BZ25" s="113">
        <v>0</v>
      </c>
      <c r="CA25" s="116">
        <v>0</v>
      </c>
      <c r="CB25" s="110">
        <v>0</v>
      </c>
      <c r="CC25" s="114">
        <v>0</v>
      </c>
      <c r="CD25" s="113">
        <v>0</v>
      </c>
      <c r="CE25" s="110">
        <v>0</v>
      </c>
      <c r="CF25" s="114">
        <v>0</v>
      </c>
      <c r="CG25" s="114">
        <v>0</v>
      </c>
      <c r="CH25" s="114">
        <v>0</v>
      </c>
      <c r="CI25" s="114">
        <v>0</v>
      </c>
      <c r="CJ25" s="114">
        <v>0</v>
      </c>
      <c r="CK25" s="113">
        <v>0</v>
      </c>
      <c r="CL25" s="116">
        <v>0</v>
      </c>
      <c r="CM25" s="110">
        <v>0</v>
      </c>
      <c r="CN25" s="114">
        <v>0</v>
      </c>
      <c r="CO25" s="113">
        <v>0</v>
      </c>
      <c r="CP25" s="111">
        <v>0</v>
      </c>
      <c r="CQ25" s="114">
        <v>0</v>
      </c>
      <c r="CR25" s="114">
        <v>0</v>
      </c>
      <c r="CS25" s="114">
        <v>0</v>
      </c>
      <c r="CT25" s="114">
        <v>0</v>
      </c>
      <c r="CU25" s="114">
        <v>0</v>
      </c>
      <c r="CV25" s="113">
        <v>0</v>
      </c>
      <c r="CW25" s="116">
        <v>0</v>
      </c>
      <c r="CX25" s="110">
        <v>0</v>
      </c>
      <c r="CY25" s="114">
        <v>0</v>
      </c>
      <c r="CZ25" s="113">
        <v>0</v>
      </c>
      <c r="DA25" s="110">
        <v>0</v>
      </c>
      <c r="DB25" s="114">
        <v>0</v>
      </c>
      <c r="DC25" s="114">
        <v>0</v>
      </c>
      <c r="DD25" s="114">
        <v>0</v>
      </c>
      <c r="DE25" s="114">
        <v>0</v>
      </c>
      <c r="DF25" s="114">
        <v>0</v>
      </c>
      <c r="DG25" s="113">
        <v>0</v>
      </c>
      <c r="DH25" s="116">
        <v>0</v>
      </c>
      <c r="DI25" s="110">
        <v>0</v>
      </c>
      <c r="DJ25" s="114">
        <v>0</v>
      </c>
      <c r="DK25" s="112">
        <v>0</v>
      </c>
      <c r="DL25" s="111">
        <v>0</v>
      </c>
      <c r="DM25" s="114">
        <v>0</v>
      </c>
      <c r="DN25" s="114">
        <v>0</v>
      </c>
      <c r="DO25" s="114">
        <v>0</v>
      </c>
      <c r="DP25" s="114">
        <v>0</v>
      </c>
      <c r="DQ25" s="114">
        <v>0</v>
      </c>
      <c r="DR25" s="113">
        <v>0</v>
      </c>
      <c r="DS25" s="116">
        <v>0</v>
      </c>
      <c r="DT25" s="110">
        <v>0</v>
      </c>
      <c r="DU25" s="114">
        <v>0</v>
      </c>
      <c r="DV25" s="113">
        <v>0</v>
      </c>
      <c r="DW25" s="110">
        <v>0</v>
      </c>
      <c r="DX25" s="114">
        <v>0</v>
      </c>
      <c r="DY25" s="114">
        <v>0</v>
      </c>
      <c r="DZ25" s="114">
        <v>0</v>
      </c>
      <c r="EA25" s="114">
        <v>0</v>
      </c>
      <c r="EB25" s="114">
        <v>0</v>
      </c>
      <c r="EC25" s="113">
        <v>0</v>
      </c>
      <c r="ED25" s="116">
        <v>0</v>
      </c>
      <c r="EE25" s="110">
        <v>0</v>
      </c>
      <c r="EF25" s="112">
        <v>0</v>
      </c>
      <c r="EG25" s="113">
        <v>0</v>
      </c>
      <c r="EH25" s="110">
        <v>0</v>
      </c>
      <c r="EI25" s="114">
        <v>0</v>
      </c>
      <c r="EJ25" s="114">
        <v>0</v>
      </c>
      <c r="EK25" s="114">
        <v>0</v>
      </c>
      <c r="EL25" s="114">
        <v>0</v>
      </c>
      <c r="EM25" s="114">
        <v>0</v>
      </c>
      <c r="EN25" s="112">
        <v>0</v>
      </c>
      <c r="EO25" s="116">
        <v>0</v>
      </c>
      <c r="EP25" s="110">
        <v>0</v>
      </c>
      <c r="EQ25" s="114">
        <v>0</v>
      </c>
      <c r="ER25" s="112">
        <v>0</v>
      </c>
      <c r="ES25" s="111">
        <v>0</v>
      </c>
      <c r="ET25" s="114">
        <v>0</v>
      </c>
      <c r="EU25" s="114">
        <v>0</v>
      </c>
      <c r="EV25" s="114">
        <v>0</v>
      </c>
      <c r="EW25" s="114">
        <v>0</v>
      </c>
      <c r="EX25" s="114">
        <v>0</v>
      </c>
      <c r="EY25" s="113">
        <v>0</v>
      </c>
      <c r="EZ25" s="116">
        <v>0</v>
      </c>
      <c r="FA25" s="110">
        <v>0</v>
      </c>
      <c r="FB25" s="114">
        <v>0</v>
      </c>
      <c r="FC25" s="112">
        <v>0</v>
      </c>
      <c r="FD25" s="347"/>
      <c r="FE25" s="114">
        <v>0</v>
      </c>
      <c r="FF25" s="114">
        <v>0</v>
      </c>
      <c r="FG25" s="114">
        <v>0</v>
      </c>
      <c r="FH25" s="114">
        <v>0</v>
      </c>
      <c r="FI25" s="114">
        <v>0</v>
      </c>
      <c r="FJ25" s="113">
        <v>0</v>
      </c>
      <c r="FK25" s="116">
        <v>0</v>
      </c>
      <c r="FL25" s="110">
        <v>0</v>
      </c>
      <c r="FM25" s="114">
        <v>0</v>
      </c>
      <c r="FN25" s="113">
        <v>0</v>
      </c>
      <c r="FO25" s="110">
        <v>0</v>
      </c>
      <c r="FP25" s="114">
        <v>132199</v>
      </c>
      <c r="FQ25" s="114">
        <v>0</v>
      </c>
      <c r="FR25" s="114">
        <v>75600</v>
      </c>
      <c r="FS25" s="114">
        <v>0</v>
      </c>
      <c r="FT25" s="114">
        <v>0</v>
      </c>
      <c r="FU25" s="113">
        <v>207799</v>
      </c>
      <c r="FV25" s="116">
        <v>207799</v>
      </c>
      <c r="FW25" s="115">
        <v>0</v>
      </c>
      <c r="FX25" s="114">
        <v>0</v>
      </c>
      <c r="FY25" s="112">
        <v>0</v>
      </c>
      <c r="FZ25" s="111">
        <v>0</v>
      </c>
      <c r="GA25" s="114">
        <v>0</v>
      </c>
      <c r="GB25" s="114">
        <v>0</v>
      </c>
      <c r="GC25" s="114">
        <v>0</v>
      </c>
      <c r="GD25" s="114">
        <v>0</v>
      </c>
      <c r="GE25" s="114">
        <v>0</v>
      </c>
      <c r="GF25" s="113">
        <v>0</v>
      </c>
      <c r="GG25" s="318">
        <v>0</v>
      </c>
      <c r="GH25" s="115">
        <v>0</v>
      </c>
      <c r="GI25" s="114">
        <v>0</v>
      </c>
      <c r="GJ25" s="112">
        <v>0</v>
      </c>
      <c r="GK25" s="111">
        <v>0</v>
      </c>
      <c r="GL25" s="114">
        <v>16170</v>
      </c>
      <c r="GM25" s="114">
        <v>0</v>
      </c>
      <c r="GN25" s="114">
        <v>0</v>
      </c>
      <c r="GO25" s="114">
        <v>0</v>
      </c>
      <c r="GP25" s="114">
        <v>0</v>
      </c>
      <c r="GQ25" s="113">
        <v>16170</v>
      </c>
      <c r="GR25" s="116">
        <v>16170</v>
      </c>
      <c r="GS25" s="110">
        <v>0</v>
      </c>
      <c r="GT25" s="114">
        <v>0</v>
      </c>
      <c r="GU25" s="113">
        <v>0</v>
      </c>
      <c r="GV25" s="110">
        <v>0</v>
      </c>
      <c r="GW25" s="114">
        <v>116029</v>
      </c>
      <c r="GX25" s="114">
        <v>0</v>
      </c>
      <c r="GY25" s="114">
        <v>75600</v>
      </c>
      <c r="GZ25" s="114">
        <v>0</v>
      </c>
      <c r="HA25" s="114">
        <v>0</v>
      </c>
      <c r="HB25" s="112">
        <v>191629</v>
      </c>
      <c r="HC25" s="116">
        <v>191629</v>
      </c>
      <c r="HD25" s="110">
        <v>0</v>
      </c>
      <c r="HE25" s="114">
        <v>0</v>
      </c>
      <c r="HF25" s="112">
        <v>0</v>
      </c>
      <c r="HG25" s="111">
        <v>0</v>
      </c>
      <c r="HH25" s="114">
        <v>0</v>
      </c>
      <c r="HI25" s="114">
        <v>0</v>
      </c>
      <c r="HJ25" s="114">
        <v>0</v>
      </c>
      <c r="HK25" s="114">
        <v>0</v>
      </c>
      <c r="HL25" s="114">
        <v>0</v>
      </c>
      <c r="HM25" s="113">
        <v>0</v>
      </c>
      <c r="HN25" s="109">
        <v>0</v>
      </c>
      <c r="HO25" s="328"/>
      <c r="HP25" s="329"/>
      <c r="HQ25" s="330"/>
      <c r="HR25" s="331"/>
      <c r="HS25" s="329"/>
      <c r="HT25" s="329"/>
      <c r="HU25" s="329"/>
      <c r="HV25" s="329"/>
      <c r="HW25" s="329"/>
      <c r="HX25" s="332"/>
      <c r="HY25" s="333"/>
      <c r="HZ25" s="131">
        <v>0</v>
      </c>
      <c r="IA25" s="132">
        <v>0</v>
      </c>
      <c r="IB25" s="133">
        <v>0</v>
      </c>
      <c r="IC25" s="146">
        <v>0</v>
      </c>
      <c r="ID25" s="132">
        <v>0</v>
      </c>
      <c r="IE25" s="147">
        <v>0</v>
      </c>
      <c r="IF25" s="133">
        <v>0</v>
      </c>
      <c r="IG25" s="132">
        <v>0</v>
      </c>
      <c r="IH25" s="133">
        <v>0</v>
      </c>
      <c r="II25" s="148">
        <v>0</v>
      </c>
      <c r="IJ25" s="139">
        <v>0</v>
      </c>
      <c r="IK25" s="232">
        <v>0</v>
      </c>
      <c r="IL25" s="236">
        <v>0</v>
      </c>
      <c r="IM25" s="237">
        <v>0</v>
      </c>
      <c r="IN25" s="140"/>
      <c r="IO25" s="119">
        <v>0</v>
      </c>
      <c r="IP25" s="119">
        <v>0</v>
      </c>
      <c r="IQ25" s="119">
        <v>0</v>
      </c>
      <c r="IR25" s="119">
        <v>0</v>
      </c>
      <c r="IS25" s="119">
        <v>0</v>
      </c>
      <c r="IT25" s="141">
        <v>0</v>
      </c>
      <c r="IU25" s="320">
        <v>0</v>
      </c>
      <c r="IV25" s="142">
        <v>0</v>
      </c>
      <c r="IW25" s="119">
        <v>0</v>
      </c>
      <c r="IX25" s="120">
        <v>0</v>
      </c>
      <c r="IY25" s="144"/>
      <c r="IZ25" s="119">
        <v>0</v>
      </c>
      <c r="JA25" s="119">
        <v>0</v>
      </c>
      <c r="JB25" s="119">
        <v>0</v>
      </c>
      <c r="JC25" s="119">
        <v>0</v>
      </c>
      <c r="JD25" s="119">
        <v>0</v>
      </c>
      <c r="JE25" s="120">
        <v>0</v>
      </c>
      <c r="JF25" s="121">
        <v>0</v>
      </c>
      <c r="JG25" s="142">
        <v>0</v>
      </c>
      <c r="JH25" s="119">
        <v>0</v>
      </c>
      <c r="JI25" s="141">
        <v>0</v>
      </c>
      <c r="JJ25" s="118">
        <v>0</v>
      </c>
      <c r="JK25" s="119">
        <v>0</v>
      </c>
      <c r="JL25" s="119">
        <v>0</v>
      </c>
      <c r="JM25" s="119">
        <v>0</v>
      </c>
      <c r="JN25" s="119">
        <v>0</v>
      </c>
      <c r="JO25" s="119">
        <v>0</v>
      </c>
      <c r="JP25" s="120">
        <v>0</v>
      </c>
      <c r="JQ25" s="320">
        <v>0</v>
      </c>
      <c r="JR25" s="142">
        <v>0</v>
      </c>
      <c r="JS25" s="119">
        <v>0</v>
      </c>
      <c r="JT25" s="141">
        <v>0</v>
      </c>
      <c r="JU25" s="118">
        <v>0</v>
      </c>
      <c r="JV25" s="119">
        <v>0</v>
      </c>
      <c r="JW25" s="119">
        <v>0</v>
      </c>
      <c r="JX25" s="119">
        <v>0</v>
      </c>
      <c r="JY25" s="119">
        <v>0</v>
      </c>
      <c r="JZ25" s="119">
        <v>0</v>
      </c>
      <c r="KA25" s="120">
        <v>0</v>
      </c>
      <c r="KB25" s="320">
        <v>0</v>
      </c>
      <c r="KC25" s="234">
        <v>0</v>
      </c>
      <c r="KD25" s="230">
        <v>0</v>
      </c>
      <c r="KE25" s="120">
        <v>0</v>
      </c>
      <c r="KF25" s="118">
        <v>0</v>
      </c>
      <c r="KG25" s="119">
        <v>0</v>
      </c>
      <c r="KH25" s="119">
        <v>0</v>
      </c>
      <c r="KI25" s="119">
        <v>0</v>
      </c>
      <c r="KJ25" s="119">
        <v>0</v>
      </c>
      <c r="KK25" s="119">
        <v>0</v>
      </c>
      <c r="KL25" s="120">
        <v>0</v>
      </c>
      <c r="KM25" s="143">
        <v>0</v>
      </c>
      <c r="KN25" s="232">
        <v>0</v>
      </c>
      <c r="KO25" s="236">
        <v>0</v>
      </c>
      <c r="KP25" s="237">
        <v>0</v>
      </c>
      <c r="KQ25" s="140"/>
      <c r="KR25" s="119">
        <v>0</v>
      </c>
      <c r="KS25" s="119">
        <v>0</v>
      </c>
      <c r="KT25" s="119">
        <v>0</v>
      </c>
      <c r="KU25" s="119">
        <v>0</v>
      </c>
      <c r="KV25" s="119">
        <v>0</v>
      </c>
      <c r="KW25" s="120">
        <v>0</v>
      </c>
      <c r="KX25" s="320">
        <v>0</v>
      </c>
      <c r="KY25" s="142">
        <v>0</v>
      </c>
      <c r="KZ25" s="119">
        <v>0</v>
      </c>
      <c r="LA25" s="120">
        <v>0</v>
      </c>
      <c r="LB25" s="145"/>
      <c r="LC25" s="119">
        <v>0</v>
      </c>
      <c r="LD25" s="119">
        <v>0</v>
      </c>
      <c r="LE25" s="119">
        <v>0</v>
      </c>
      <c r="LF25" s="119">
        <v>0</v>
      </c>
      <c r="LG25" s="119">
        <v>0</v>
      </c>
      <c r="LH25" s="120">
        <v>0</v>
      </c>
      <c r="LI25" s="121">
        <v>0</v>
      </c>
      <c r="LJ25" s="142">
        <v>0</v>
      </c>
      <c r="LK25" s="119">
        <v>0</v>
      </c>
      <c r="LL25" s="120">
        <v>0</v>
      </c>
      <c r="LM25" s="145"/>
      <c r="LN25" s="119">
        <v>0</v>
      </c>
      <c r="LO25" s="119">
        <v>0</v>
      </c>
      <c r="LP25" s="119">
        <v>0</v>
      </c>
      <c r="LQ25" s="119">
        <v>0</v>
      </c>
      <c r="LR25" s="119">
        <v>0</v>
      </c>
      <c r="LS25" s="120">
        <v>0</v>
      </c>
      <c r="LT25" s="320">
        <v>0</v>
      </c>
      <c r="LU25" s="142">
        <v>0</v>
      </c>
      <c r="LV25" s="119">
        <v>0</v>
      </c>
      <c r="LW25" s="120">
        <v>0</v>
      </c>
      <c r="LX25" s="145"/>
      <c r="LY25" s="119">
        <v>0</v>
      </c>
      <c r="LZ25" s="119">
        <v>0</v>
      </c>
      <c r="MA25" s="119">
        <v>0</v>
      </c>
      <c r="MB25" s="119">
        <v>0</v>
      </c>
      <c r="MC25" s="119">
        <v>0</v>
      </c>
      <c r="MD25" s="120">
        <v>0</v>
      </c>
      <c r="ME25" s="121">
        <v>0</v>
      </c>
      <c r="MF25" s="142">
        <v>0</v>
      </c>
      <c r="MG25" s="119">
        <v>0</v>
      </c>
      <c r="MH25" s="120">
        <v>0</v>
      </c>
      <c r="MI25" s="145"/>
      <c r="MJ25" s="119">
        <v>0</v>
      </c>
      <c r="MK25" s="119">
        <v>0</v>
      </c>
      <c r="ML25" s="119">
        <v>0</v>
      </c>
      <c r="MM25" s="119">
        <v>0</v>
      </c>
      <c r="MN25" s="119">
        <v>0</v>
      </c>
      <c r="MO25" s="120">
        <v>0</v>
      </c>
      <c r="MP25" s="143">
        <v>0</v>
      </c>
      <c r="MQ25" s="142">
        <v>0</v>
      </c>
      <c r="MR25" s="119">
        <v>0</v>
      </c>
      <c r="MS25" s="120">
        <v>0</v>
      </c>
      <c r="MT25" s="145"/>
      <c r="MU25" s="119">
        <v>0</v>
      </c>
      <c r="MV25" s="119">
        <v>0</v>
      </c>
      <c r="MW25" s="119">
        <v>0</v>
      </c>
      <c r="MX25" s="119">
        <v>0</v>
      </c>
      <c r="MY25" s="119">
        <v>0</v>
      </c>
      <c r="MZ25" s="120">
        <v>0</v>
      </c>
      <c r="NA25" s="143">
        <v>0</v>
      </c>
      <c r="NB25" s="142">
        <v>0</v>
      </c>
      <c r="NC25" s="119">
        <v>0</v>
      </c>
      <c r="ND25" s="120">
        <v>0</v>
      </c>
      <c r="NE25" s="145"/>
      <c r="NF25" s="119">
        <v>0</v>
      </c>
      <c r="NG25" s="119">
        <v>0</v>
      </c>
      <c r="NH25" s="119">
        <v>0</v>
      </c>
      <c r="NI25" s="119">
        <v>0</v>
      </c>
      <c r="NJ25" s="119">
        <v>0</v>
      </c>
      <c r="NK25" s="120">
        <v>0</v>
      </c>
      <c r="NL25" s="320">
        <v>0</v>
      </c>
      <c r="NM25" s="142">
        <v>0</v>
      </c>
      <c r="NN25" s="119">
        <v>0</v>
      </c>
      <c r="NO25" s="120">
        <v>0</v>
      </c>
      <c r="NP25" s="145"/>
      <c r="NQ25" s="119">
        <v>0</v>
      </c>
      <c r="NR25" s="119">
        <v>0</v>
      </c>
      <c r="NS25" s="119">
        <v>0</v>
      </c>
      <c r="NT25" s="119">
        <v>0</v>
      </c>
      <c r="NU25" s="119">
        <v>0</v>
      </c>
      <c r="NV25" s="120">
        <v>0</v>
      </c>
      <c r="NW25" s="121">
        <v>0</v>
      </c>
      <c r="NX25" s="142">
        <v>0</v>
      </c>
      <c r="NY25" s="119">
        <v>0</v>
      </c>
      <c r="NZ25" s="120">
        <v>0</v>
      </c>
      <c r="OA25" s="145"/>
      <c r="OB25" s="119">
        <v>0</v>
      </c>
      <c r="OC25" s="119">
        <v>0</v>
      </c>
      <c r="OD25" s="119">
        <v>0</v>
      </c>
      <c r="OE25" s="119">
        <v>0</v>
      </c>
      <c r="OF25" s="119">
        <v>0</v>
      </c>
      <c r="OG25" s="120">
        <v>0</v>
      </c>
      <c r="OH25" s="121">
        <v>0</v>
      </c>
      <c r="OI25" s="142">
        <v>0</v>
      </c>
      <c r="OJ25" s="119">
        <v>0</v>
      </c>
      <c r="OK25" s="141">
        <v>0</v>
      </c>
      <c r="OL25" s="118">
        <v>0</v>
      </c>
      <c r="OM25" s="119">
        <v>132199</v>
      </c>
      <c r="ON25" s="119">
        <v>0</v>
      </c>
      <c r="OO25" s="119">
        <v>75600</v>
      </c>
      <c r="OP25" s="119">
        <v>0</v>
      </c>
      <c r="OQ25" s="119">
        <v>0</v>
      </c>
      <c r="OR25" s="120">
        <v>207799</v>
      </c>
      <c r="OS25" s="143">
        <v>207799</v>
      </c>
    </row>
    <row r="26" spans="2:409" ht="21" customHeight="1" x14ac:dyDescent="0.2">
      <c r="B26" s="126" t="s">
        <v>21</v>
      </c>
      <c r="C26" s="110">
        <v>0</v>
      </c>
      <c r="D26" s="114">
        <v>0</v>
      </c>
      <c r="E26" s="113">
        <v>0</v>
      </c>
      <c r="F26" s="109">
        <v>0</v>
      </c>
      <c r="G26" s="114">
        <v>11900</v>
      </c>
      <c r="H26" s="114">
        <v>90300</v>
      </c>
      <c r="I26" s="114">
        <v>0</v>
      </c>
      <c r="J26" s="114">
        <v>0</v>
      </c>
      <c r="K26" s="114">
        <v>0</v>
      </c>
      <c r="L26" s="173">
        <v>102200</v>
      </c>
      <c r="M26" s="116">
        <v>102200</v>
      </c>
      <c r="N26" s="110">
        <v>0</v>
      </c>
      <c r="O26" s="114">
        <v>0</v>
      </c>
      <c r="P26" s="113">
        <v>0</v>
      </c>
      <c r="Q26" s="110">
        <v>0</v>
      </c>
      <c r="R26" s="114">
        <v>0</v>
      </c>
      <c r="S26" s="114">
        <v>0</v>
      </c>
      <c r="T26" s="114">
        <v>0</v>
      </c>
      <c r="U26" s="114">
        <v>0</v>
      </c>
      <c r="V26" s="114">
        <v>0</v>
      </c>
      <c r="W26" s="113">
        <v>0</v>
      </c>
      <c r="X26" s="116">
        <v>0</v>
      </c>
      <c r="Y26" s="110">
        <v>0</v>
      </c>
      <c r="Z26" s="114">
        <v>0</v>
      </c>
      <c r="AA26" s="113">
        <v>0</v>
      </c>
      <c r="AB26" s="110">
        <v>0</v>
      </c>
      <c r="AC26" s="114">
        <v>0</v>
      </c>
      <c r="AD26" s="114">
        <v>0</v>
      </c>
      <c r="AE26" s="114">
        <v>0</v>
      </c>
      <c r="AF26" s="114">
        <v>0</v>
      </c>
      <c r="AG26" s="114">
        <v>0</v>
      </c>
      <c r="AH26" s="113">
        <v>0</v>
      </c>
      <c r="AI26" s="116">
        <v>0</v>
      </c>
      <c r="AJ26" s="110">
        <v>0</v>
      </c>
      <c r="AK26" s="114">
        <v>0</v>
      </c>
      <c r="AL26" s="113">
        <v>0</v>
      </c>
      <c r="AM26" s="110">
        <v>0</v>
      </c>
      <c r="AN26" s="114">
        <v>0</v>
      </c>
      <c r="AO26" s="114">
        <v>0</v>
      </c>
      <c r="AP26" s="114">
        <v>0</v>
      </c>
      <c r="AQ26" s="114">
        <v>0</v>
      </c>
      <c r="AR26" s="114">
        <v>0</v>
      </c>
      <c r="AS26" s="113">
        <v>0</v>
      </c>
      <c r="AT26" s="116">
        <v>0</v>
      </c>
      <c r="AU26" s="110">
        <v>0</v>
      </c>
      <c r="AV26" s="114">
        <v>0</v>
      </c>
      <c r="AW26" s="113">
        <v>0</v>
      </c>
      <c r="AX26" s="110">
        <v>0</v>
      </c>
      <c r="AY26" s="114">
        <v>0</v>
      </c>
      <c r="AZ26" s="114">
        <v>0</v>
      </c>
      <c r="BA26" s="114">
        <v>0</v>
      </c>
      <c r="BB26" s="114">
        <v>0</v>
      </c>
      <c r="BC26" s="114">
        <v>0</v>
      </c>
      <c r="BD26" s="113">
        <v>0</v>
      </c>
      <c r="BE26" s="116">
        <v>0</v>
      </c>
      <c r="BF26" s="110">
        <v>0</v>
      </c>
      <c r="BG26" s="114">
        <v>0</v>
      </c>
      <c r="BH26" s="112">
        <v>0</v>
      </c>
      <c r="BI26" s="111">
        <v>0</v>
      </c>
      <c r="BJ26" s="114">
        <v>0</v>
      </c>
      <c r="BK26" s="114">
        <v>0</v>
      </c>
      <c r="BL26" s="114">
        <v>0</v>
      </c>
      <c r="BM26" s="114">
        <v>0</v>
      </c>
      <c r="BN26" s="114">
        <v>0</v>
      </c>
      <c r="BO26" s="113">
        <v>0</v>
      </c>
      <c r="BP26" s="116">
        <v>0</v>
      </c>
      <c r="BQ26" s="110">
        <v>0</v>
      </c>
      <c r="BR26" s="114">
        <v>0</v>
      </c>
      <c r="BS26" s="113">
        <v>0</v>
      </c>
      <c r="BT26" s="110">
        <v>0</v>
      </c>
      <c r="BU26" s="114">
        <v>0</v>
      </c>
      <c r="BV26" s="114">
        <v>0</v>
      </c>
      <c r="BW26" s="114">
        <v>0</v>
      </c>
      <c r="BX26" s="114">
        <v>0</v>
      </c>
      <c r="BY26" s="114">
        <v>0</v>
      </c>
      <c r="BZ26" s="113">
        <v>0</v>
      </c>
      <c r="CA26" s="116">
        <v>0</v>
      </c>
      <c r="CB26" s="110">
        <v>0</v>
      </c>
      <c r="CC26" s="114">
        <v>0</v>
      </c>
      <c r="CD26" s="113">
        <v>0</v>
      </c>
      <c r="CE26" s="110">
        <v>0</v>
      </c>
      <c r="CF26" s="114">
        <v>0</v>
      </c>
      <c r="CG26" s="114">
        <v>0</v>
      </c>
      <c r="CH26" s="114">
        <v>0</v>
      </c>
      <c r="CI26" s="114">
        <v>0</v>
      </c>
      <c r="CJ26" s="114">
        <v>0</v>
      </c>
      <c r="CK26" s="113">
        <v>0</v>
      </c>
      <c r="CL26" s="116">
        <v>0</v>
      </c>
      <c r="CM26" s="110">
        <v>0</v>
      </c>
      <c r="CN26" s="114">
        <v>0</v>
      </c>
      <c r="CO26" s="113">
        <v>0</v>
      </c>
      <c r="CP26" s="111">
        <v>0</v>
      </c>
      <c r="CQ26" s="114">
        <v>0</v>
      </c>
      <c r="CR26" s="114">
        <v>0</v>
      </c>
      <c r="CS26" s="114">
        <v>0</v>
      </c>
      <c r="CT26" s="114">
        <v>0</v>
      </c>
      <c r="CU26" s="114">
        <v>0</v>
      </c>
      <c r="CV26" s="113">
        <v>0</v>
      </c>
      <c r="CW26" s="116">
        <v>0</v>
      </c>
      <c r="CX26" s="110">
        <v>0</v>
      </c>
      <c r="CY26" s="114">
        <v>0</v>
      </c>
      <c r="CZ26" s="113">
        <v>0</v>
      </c>
      <c r="DA26" s="110">
        <v>0</v>
      </c>
      <c r="DB26" s="114">
        <v>0</v>
      </c>
      <c r="DC26" s="114">
        <v>0</v>
      </c>
      <c r="DD26" s="114">
        <v>0</v>
      </c>
      <c r="DE26" s="114">
        <v>0</v>
      </c>
      <c r="DF26" s="114">
        <v>0</v>
      </c>
      <c r="DG26" s="113">
        <v>0</v>
      </c>
      <c r="DH26" s="116">
        <v>0</v>
      </c>
      <c r="DI26" s="110">
        <v>0</v>
      </c>
      <c r="DJ26" s="114">
        <v>0</v>
      </c>
      <c r="DK26" s="112">
        <v>0</v>
      </c>
      <c r="DL26" s="111">
        <v>0</v>
      </c>
      <c r="DM26" s="114">
        <v>0</v>
      </c>
      <c r="DN26" s="114">
        <v>0</v>
      </c>
      <c r="DO26" s="114">
        <v>0</v>
      </c>
      <c r="DP26" s="114">
        <v>0</v>
      </c>
      <c r="DQ26" s="114">
        <v>0</v>
      </c>
      <c r="DR26" s="113">
        <v>0</v>
      </c>
      <c r="DS26" s="116">
        <v>0</v>
      </c>
      <c r="DT26" s="110">
        <v>0</v>
      </c>
      <c r="DU26" s="114">
        <v>0</v>
      </c>
      <c r="DV26" s="113">
        <v>0</v>
      </c>
      <c r="DW26" s="110">
        <v>0</v>
      </c>
      <c r="DX26" s="114">
        <v>0</v>
      </c>
      <c r="DY26" s="114">
        <v>0</v>
      </c>
      <c r="DZ26" s="114">
        <v>0</v>
      </c>
      <c r="EA26" s="114">
        <v>0</v>
      </c>
      <c r="EB26" s="114">
        <v>0</v>
      </c>
      <c r="EC26" s="113">
        <v>0</v>
      </c>
      <c r="ED26" s="116">
        <v>0</v>
      </c>
      <c r="EE26" s="110">
        <v>0</v>
      </c>
      <c r="EF26" s="112">
        <v>0</v>
      </c>
      <c r="EG26" s="113">
        <v>0</v>
      </c>
      <c r="EH26" s="110">
        <v>0</v>
      </c>
      <c r="EI26" s="114">
        <v>0</v>
      </c>
      <c r="EJ26" s="114">
        <v>0</v>
      </c>
      <c r="EK26" s="114">
        <v>0</v>
      </c>
      <c r="EL26" s="114">
        <v>0</v>
      </c>
      <c r="EM26" s="114">
        <v>0</v>
      </c>
      <c r="EN26" s="112">
        <v>0</v>
      </c>
      <c r="EO26" s="116">
        <v>0</v>
      </c>
      <c r="EP26" s="110">
        <v>0</v>
      </c>
      <c r="EQ26" s="114">
        <v>0</v>
      </c>
      <c r="ER26" s="112">
        <v>0</v>
      </c>
      <c r="ES26" s="111">
        <v>0</v>
      </c>
      <c r="ET26" s="114">
        <v>0</v>
      </c>
      <c r="EU26" s="114">
        <v>0</v>
      </c>
      <c r="EV26" s="114">
        <v>0</v>
      </c>
      <c r="EW26" s="114">
        <v>0</v>
      </c>
      <c r="EX26" s="114">
        <v>0</v>
      </c>
      <c r="EY26" s="113">
        <v>0</v>
      </c>
      <c r="EZ26" s="116">
        <v>0</v>
      </c>
      <c r="FA26" s="110">
        <v>0</v>
      </c>
      <c r="FB26" s="114">
        <v>0</v>
      </c>
      <c r="FC26" s="112">
        <v>0</v>
      </c>
      <c r="FD26" s="347"/>
      <c r="FE26" s="114">
        <v>0</v>
      </c>
      <c r="FF26" s="114">
        <v>0</v>
      </c>
      <c r="FG26" s="114">
        <v>0</v>
      </c>
      <c r="FH26" s="114">
        <v>0</v>
      </c>
      <c r="FI26" s="114">
        <v>0</v>
      </c>
      <c r="FJ26" s="113">
        <v>0</v>
      </c>
      <c r="FK26" s="116">
        <v>0</v>
      </c>
      <c r="FL26" s="110">
        <v>0</v>
      </c>
      <c r="FM26" s="114">
        <v>0</v>
      </c>
      <c r="FN26" s="113">
        <v>0</v>
      </c>
      <c r="FO26" s="110">
        <v>0</v>
      </c>
      <c r="FP26" s="114">
        <v>11900</v>
      </c>
      <c r="FQ26" s="114">
        <v>90300</v>
      </c>
      <c r="FR26" s="114">
        <v>0</v>
      </c>
      <c r="FS26" s="114">
        <v>0</v>
      </c>
      <c r="FT26" s="114">
        <v>0</v>
      </c>
      <c r="FU26" s="113">
        <v>102200</v>
      </c>
      <c r="FV26" s="116">
        <v>102200</v>
      </c>
      <c r="FW26" s="115">
        <v>0</v>
      </c>
      <c r="FX26" s="114">
        <v>0</v>
      </c>
      <c r="FY26" s="112">
        <v>0</v>
      </c>
      <c r="FZ26" s="111">
        <v>0</v>
      </c>
      <c r="GA26" s="114">
        <v>0</v>
      </c>
      <c r="GB26" s="114">
        <v>0</v>
      </c>
      <c r="GC26" s="114">
        <v>0</v>
      </c>
      <c r="GD26" s="114">
        <v>0</v>
      </c>
      <c r="GE26" s="114">
        <v>0</v>
      </c>
      <c r="GF26" s="113">
        <v>0</v>
      </c>
      <c r="GG26" s="318">
        <v>0</v>
      </c>
      <c r="GH26" s="115">
        <v>0</v>
      </c>
      <c r="GI26" s="114">
        <v>0</v>
      </c>
      <c r="GJ26" s="112">
        <v>0</v>
      </c>
      <c r="GK26" s="111">
        <v>0</v>
      </c>
      <c r="GL26" s="114">
        <v>11900</v>
      </c>
      <c r="GM26" s="114">
        <v>0</v>
      </c>
      <c r="GN26" s="114">
        <v>0</v>
      </c>
      <c r="GO26" s="114">
        <v>0</v>
      </c>
      <c r="GP26" s="114">
        <v>0</v>
      </c>
      <c r="GQ26" s="113">
        <v>11900</v>
      </c>
      <c r="GR26" s="116">
        <v>11900</v>
      </c>
      <c r="GS26" s="110">
        <v>0</v>
      </c>
      <c r="GT26" s="114">
        <v>0</v>
      </c>
      <c r="GU26" s="113">
        <v>0</v>
      </c>
      <c r="GV26" s="110">
        <v>0</v>
      </c>
      <c r="GW26" s="114">
        <v>0</v>
      </c>
      <c r="GX26" s="114">
        <v>90300</v>
      </c>
      <c r="GY26" s="114">
        <v>0</v>
      </c>
      <c r="GZ26" s="114">
        <v>0</v>
      </c>
      <c r="HA26" s="114">
        <v>0</v>
      </c>
      <c r="HB26" s="112">
        <v>90300</v>
      </c>
      <c r="HC26" s="116">
        <v>90300</v>
      </c>
      <c r="HD26" s="110">
        <v>0</v>
      </c>
      <c r="HE26" s="114">
        <v>0</v>
      </c>
      <c r="HF26" s="112">
        <v>0</v>
      </c>
      <c r="HG26" s="111">
        <v>0</v>
      </c>
      <c r="HH26" s="114">
        <v>0</v>
      </c>
      <c r="HI26" s="114">
        <v>0</v>
      </c>
      <c r="HJ26" s="114">
        <v>0</v>
      </c>
      <c r="HK26" s="114">
        <v>0</v>
      </c>
      <c r="HL26" s="114">
        <v>0</v>
      </c>
      <c r="HM26" s="113">
        <v>0</v>
      </c>
      <c r="HN26" s="109">
        <v>0</v>
      </c>
      <c r="HO26" s="328"/>
      <c r="HP26" s="329"/>
      <c r="HQ26" s="330"/>
      <c r="HR26" s="331"/>
      <c r="HS26" s="329"/>
      <c r="HT26" s="329"/>
      <c r="HU26" s="329"/>
      <c r="HV26" s="329"/>
      <c r="HW26" s="329"/>
      <c r="HX26" s="332"/>
      <c r="HY26" s="333"/>
      <c r="HZ26" s="150">
        <v>0</v>
      </c>
      <c r="IA26" s="135">
        <v>0</v>
      </c>
      <c r="IB26" s="150">
        <v>0</v>
      </c>
      <c r="IC26" s="134">
        <v>0</v>
      </c>
      <c r="ID26" s="135">
        <v>0</v>
      </c>
      <c r="IE26" s="136">
        <v>0</v>
      </c>
      <c r="IF26" s="137">
        <v>0</v>
      </c>
      <c r="IG26" s="135">
        <v>0</v>
      </c>
      <c r="IH26" s="137">
        <v>0</v>
      </c>
      <c r="II26" s="138">
        <v>0</v>
      </c>
      <c r="IJ26" s="150">
        <v>0</v>
      </c>
      <c r="IK26" s="232">
        <v>0</v>
      </c>
      <c r="IL26" s="236">
        <v>0</v>
      </c>
      <c r="IM26" s="237">
        <v>0</v>
      </c>
      <c r="IN26" s="140"/>
      <c r="IO26" s="119">
        <v>0</v>
      </c>
      <c r="IP26" s="119">
        <v>0</v>
      </c>
      <c r="IQ26" s="119">
        <v>0</v>
      </c>
      <c r="IR26" s="119">
        <v>0</v>
      </c>
      <c r="IS26" s="119">
        <v>0</v>
      </c>
      <c r="IT26" s="141">
        <v>0</v>
      </c>
      <c r="IU26" s="320">
        <v>0</v>
      </c>
      <c r="IV26" s="142">
        <v>0</v>
      </c>
      <c r="IW26" s="119">
        <v>0</v>
      </c>
      <c r="IX26" s="120">
        <v>0</v>
      </c>
      <c r="IY26" s="144"/>
      <c r="IZ26" s="119">
        <v>0</v>
      </c>
      <c r="JA26" s="119">
        <v>0</v>
      </c>
      <c r="JB26" s="119">
        <v>0</v>
      </c>
      <c r="JC26" s="119">
        <v>0</v>
      </c>
      <c r="JD26" s="119">
        <v>0</v>
      </c>
      <c r="JE26" s="120">
        <v>0</v>
      </c>
      <c r="JF26" s="121">
        <v>0</v>
      </c>
      <c r="JG26" s="142">
        <v>0</v>
      </c>
      <c r="JH26" s="119">
        <v>0</v>
      </c>
      <c r="JI26" s="141">
        <v>0</v>
      </c>
      <c r="JJ26" s="118">
        <v>0</v>
      </c>
      <c r="JK26" s="119">
        <v>0</v>
      </c>
      <c r="JL26" s="119">
        <v>0</v>
      </c>
      <c r="JM26" s="119">
        <v>0</v>
      </c>
      <c r="JN26" s="119">
        <v>0</v>
      </c>
      <c r="JO26" s="119">
        <v>0</v>
      </c>
      <c r="JP26" s="120">
        <v>0</v>
      </c>
      <c r="JQ26" s="320">
        <v>0</v>
      </c>
      <c r="JR26" s="142">
        <v>0</v>
      </c>
      <c r="JS26" s="119">
        <v>0</v>
      </c>
      <c r="JT26" s="141">
        <v>0</v>
      </c>
      <c r="JU26" s="118">
        <v>0</v>
      </c>
      <c r="JV26" s="119">
        <v>0</v>
      </c>
      <c r="JW26" s="119">
        <v>0</v>
      </c>
      <c r="JX26" s="119">
        <v>0</v>
      </c>
      <c r="JY26" s="119">
        <v>0</v>
      </c>
      <c r="JZ26" s="119">
        <v>0</v>
      </c>
      <c r="KA26" s="120">
        <v>0</v>
      </c>
      <c r="KB26" s="320">
        <v>0</v>
      </c>
      <c r="KC26" s="234">
        <v>0</v>
      </c>
      <c r="KD26" s="230">
        <v>0</v>
      </c>
      <c r="KE26" s="120">
        <v>0</v>
      </c>
      <c r="KF26" s="118">
        <v>0</v>
      </c>
      <c r="KG26" s="119">
        <v>0</v>
      </c>
      <c r="KH26" s="119">
        <v>0</v>
      </c>
      <c r="KI26" s="119">
        <v>0</v>
      </c>
      <c r="KJ26" s="119">
        <v>0</v>
      </c>
      <c r="KK26" s="119">
        <v>0</v>
      </c>
      <c r="KL26" s="120">
        <v>0</v>
      </c>
      <c r="KM26" s="143">
        <v>0</v>
      </c>
      <c r="KN26" s="232">
        <v>0</v>
      </c>
      <c r="KO26" s="236">
        <v>0</v>
      </c>
      <c r="KP26" s="237">
        <v>0</v>
      </c>
      <c r="KQ26" s="140"/>
      <c r="KR26" s="119">
        <v>0</v>
      </c>
      <c r="KS26" s="119">
        <v>0</v>
      </c>
      <c r="KT26" s="119">
        <v>0</v>
      </c>
      <c r="KU26" s="119">
        <v>0</v>
      </c>
      <c r="KV26" s="119">
        <v>0</v>
      </c>
      <c r="KW26" s="120">
        <v>0</v>
      </c>
      <c r="KX26" s="320">
        <v>0</v>
      </c>
      <c r="KY26" s="142">
        <v>0</v>
      </c>
      <c r="KZ26" s="119">
        <v>0</v>
      </c>
      <c r="LA26" s="120">
        <v>0</v>
      </c>
      <c r="LB26" s="145"/>
      <c r="LC26" s="119">
        <v>0</v>
      </c>
      <c r="LD26" s="119">
        <v>0</v>
      </c>
      <c r="LE26" s="119">
        <v>0</v>
      </c>
      <c r="LF26" s="119">
        <v>0</v>
      </c>
      <c r="LG26" s="119">
        <v>0</v>
      </c>
      <c r="LH26" s="120">
        <v>0</v>
      </c>
      <c r="LI26" s="121">
        <v>0</v>
      </c>
      <c r="LJ26" s="142">
        <v>0</v>
      </c>
      <c r="LK26" s="119">
        <v>0</v>
      </c>
      <c r="LL26" s="120">
        <v>0</v>
      </c>
      <c r="LM26" s="145"/>
      <c r="LN26" s="119">
        <v>0</v>
      </c>
      <c r="LO26" s="119">
        <v>0</v>
      </c>
      <c r="LP26" s="119">
        <v>0</v>
      </c>
      <c r="LQ26" s="119">
        <v>0</v>
      </c>
      <c r="LR26" s="119">
        <v>0</v>
      </c>
      <c r="LS26" s="120">
        <v>0</v>
      </c>
      <c r="LT26" s="320">
        <v>0</v>
      </c>
      <c r="LU26" s="142">
        <v>0</v>
      </c>
      <c r="LV26" s="119">
        <v>0</v>
      </c>
      <c r="LW26" s="120">
        <v>0</v>
      </c>
      <c r="LX26" s="145"/>
      <c r="LY26" s="119">
        <v>0</v>
      </c>
      <c r="LZ26" s="119">
        <v>0</v>
      </c>
      <c r="MA26" s="119">
        <v>0</v>
      </c>
      <c r="MB26" s="119">
        <v>0</v>
      </c>
      <c r="MC26" s="119">
        <v>0</v>
      </c>
      <c r="MD26" s="120">
        <v>0</v>
      </c>
      <c r="ME26" s="121">
        <v>0</v>
      </c>
      <c r="MF26" s="142">
        <v>0</v>
      </c>
      <c r="MG26" s="119">
        <v>0</v>
      </c>
      <c r="MH26" s="120">
        <v>0</v>
      </c>
      <c r="MI26" s="145"/>
      <c r="MJ26" s="119">
        <v>0</v>
      </c>
      <c r="MK26" s="119">
        <v>0</v>
      </c>
      <c r="ML26" s="119">
        <v>0</v>
      </c>
      <c r="MM26" s="119">
        <v>0</v>
      </c>
      <c r="MN26" s="119">
        <v>0</v>
      </c>
      <c r="MO26" s="120">
        <v>0</v>
      </c>
      <c r="MP26" s="143">
        <v>0</v>
      </c>
      <c r="MQ26" s="142">
        <v>0</v>
      </c>
      <c r="MR26" s="119">
        <v>0</v>
      </c>
      <c r="MS26" s="120">
        <v>0</v>
      </c>
      <c r="MT26" s="145"/>
      <c r="MU26" s="119">
        <v>0</v>
      </c>
      <c r="MV26" s="119">
        <v>0</v>
      </c>
      <c r="MW26" s="119">
        <v>0</v>
      </c>
      <c r="MX26" s="119">
        <v>0</v>
      </c>
      <c r="MY26" s="119">
        <v>0</v>
      </c>
      <c r="MZ26" s="120">
        <v>0</v>
      </c>
      <c r="NA26" s="143">
        <v>0</v>
      </c>
      <c r="NB26" s="142">
        <v>0</v>
      </c>
      <c r="NC26" s="119">
        <v>0</v>
      </c>
      <c r="ND26" s="120">
        <v>0</v>
      </c>
      <c r="NE26" s="145"/>
      <c r="NF26" s="119">
        <v>0</v>
      </c>
      <c r="NG26" s="119">
        <v>0</v>
      </c>
      <c r="NH26" s="119">
        <v>0</v>
      </c>
      <c r="NI26" s="119">
        <v>0</v>
      </c>
      <c r="NJ26" s="119">
        <v>0</v>
      </c>
      <c r="NK26" s="120">
        <v>0</v>
      </c>
      <c r="NL26" s="320">
        <v>0</v>
      </c>
      <c r="NM26" s="142">
        <v>0</v>
      </c>
      <c r="NN26" s="119">
        <v>0</v>
      </c>
      <c r="NO26" s="120">
        <v>0</v>
      </c>
      <c r="NP26" s="145"/>
      <c r="NQ26" s="119">
        <v>0</v>
      </c>
      <c r="NR26" s="119">
        <v>0</v>
      </c>
      <c r="NS26" s="119">
        <v>0</v>
      </c>
      <c r="NT26" s="119">
        <v>0</v>
      </c>
      <c r="NU26" s="119">
        <v>0</v>
      </c>
      <c r="NV26" s="120">
        <v>0</v>
      </c>
      <c r="NW26" s="121">
        <v>0</v>
      </c>
      <c r="NX26" s="142">
        <v>0</v>
      </c>
      <c r="NY26" s="119">
        <v>0</v>
      </c>
      <c r="NZ26" s="120">
        <v>0</v>
      </c>
      <c r="OA26" s="145"/>
      <c r="OB26" s="119">
        <v>0</v>
      </c>
      <c r="OC26" s="119">
        <v>0</v>
      </c>
      <c r="OD26" s="119">
        <v>0</v>
      </c>
      <c r="OE26" s="119">
        <v>0</v>
      </c>
      <c r="OF26" s="119">
        <v>0</v>
      </c>
      <c r="OG26" s="120">
        <v>0</v>
      </c>
      <c r="OH26" s="121">
        <v>0</v>
      </c>
      <c r="OI26" s="142">
        <v>0</v>
      </c>
      <c r="OJ26" s="119">
        <v>0</v>
      </c>
      <c r="OK26" s="141">
        <v>0</v>
      </c>
      <c r="OL26" s="118">
        <v>0</v>
      </c>
      <c r="OM26" s="119">
        <v>11900</v>
      </c>
      <c r="ON26" s="119">
        <v>90300</v>
      </c>
      <c r="OO26" s="119">
        <v>0</v>
      </c>
      <c r="OP26" s="119">
        <v>0</v>
      </c>
      <c r="OQ26" s="119">
        <v>0</v>
      </c>
      <c r="OR26" s="120">
        <v>102200</v>
      </c>
      <c r="OS26" s="143">
        <v>102200</v>
      </c>
    </row>
    <row r="27" spans="2:409" ht="21" customHeight="1" x14ac:dyDescent="0.2">
      <c r="B27" s="126" t="s">
        <v>22</v>
      </c>
      <c r="C27" s="110">
        <v>0</v>
      </c>
      <c r="D27" s="114">
        <v>0</v>
      </c>
      <c r="E27" s="113">
        <v>0</v>
      </c>
      <c r="F27" s="109">
        <v>0</v>
      </c>
      <c r="G27" s="114">
        <v>38500</v>
      </c>
      <c r="H27" s="114">
        <v>0</v>
      </c>
      <c r="I27" s="114">
        <v>0</v>
      </c>
      <c r="J27" s="114">
        <v>0</v>
      </c>
      <c r="K27" s="114">
        <v>0</v>
      </c>
      <c r="L27" s="173">
        <v>38500</v>
      </c>
      <c r="M27" s="116">
        <v>38500</v>
      </c>
      <c r="N27" s="110">
        <v>0</v>
      </c>
      <c r="O27" s="114">
        <v>0</v>
      </c>
      <c r="P27" s="113">
        <v>0</v>
      </c>
      <c r="Q27" s="110">
        <v>0</v>
      </c>
      <c r="R27" s="114">
        <v>0</v>
      </c>
      <c r="S27" s="114">
        <v>0</v>
      </c>
      <c r="T27" s="114">
        <v>0</v>
      </c>
      <c r="U27" s="114">
        <v>0</v>
      </c>
      <c r="V27" s="114">
        <v>0</v>
      </c>
      <c r="W27" s="113">
        <v>0</v>
      </c>
      <c r="X27" s="116">
        <v>0</v>
      </c>
      <c r="Y27" s="110">
        <v>0</v>
      </c>
      <c r="Z27" s="114">
        <v>0</v>
      </c>
      <c r="AA27" s="113">
        <v>0</v>
      </c>
      <c r="AB27" s="110">
        <v>0</v>
      </c>
      <c r="AC27" s="114">
        <v>0</v>
      </c>
      <c r="AD27" s="114">
        <v>0</v>
      </c>
      <c r="AE27" s="114">
        <v>0</v>
      </c>
      <c r="AF27" s="114">
        <v>0</v>
      </c>
      <c r="AG27" s="114">
        <v>0</v>
      </c>
      <c r="AH27" s="113">
        <v>0</v>
      </c>
      <c r="AI27" s="116">
        <v>0</v>
      </c>
      <c r="AJ27" s="110">
        <v>0</v>
      </c>
      <c r="AK27" s="114">
        <v>0</v>
      </c>
      <c r="AL27" s="113">
        <v>0</v>
      </c>
      <c r="AM27" s="110">
        <v>0</v>
      </c>
      <c r="AN27" s="114">
        <v>0</v>
      </c>
      <c r="AO27" s="114">
        <v>0</v>
      </c>
      <c r="AP27" s="114">
        <v>0</v>
      </c>
      <c r="AQ27" s="114">
        <v>0</v>
      </c>
      <c r="AR27" s="114">
        <v>0</v>
      </c>
      <c r="AS27" s="113">
        <v>0</v>
      </c>
      <c r="AT27" s="116">
        <v>0</v>
      </c>
      <c r="AU27" s="110">
        <v>0</v>
      </c>
      <c r="AV27" s="114">
        <v>0</v>
      </c>
      <c r="AW27" s="113">
        <v>0</v>
      </c>
      <c r="AX27" s="110">
        <v>0</v>
      </c>
      <c r="AY27" s="114">
        <v>0</v>
      </c>
      <c r="AZ27" s="114">
        <v>0</v>
      </c>
      <c r="BA27" s="114">
        <v>0</v>
      </c>
      <c r="BB27" s="114">
        <v>0</v>
      </c>
      <c r="BC27" s="114">
        <v>0</v>
      </c>
      <c r="BD27" s="113">
        <v>0</v>
      </c>
      <c r="BE27" s="116">
        <v>0</v>
      </c>
      <c r="BF27" s="110">
        <v>0</v>
      </c>
      <c r="BG27" s="114">
        <v>0</v>
      </c>
      <c r="BH27" s="112">
        <v>0</v>
      </c>
      <c r="BI27" s="111">
        <v>0</v>
      </c>
      <c r="BJ27" s="114">
        <v>0</v>
      </c>
      <c r="BK27" s="114">
        <v>0</v>
      </c>
      <c r="BL27" s="114">
        <v>0</v>
      </c>
      <c r="BM27" s="114">
        <v>0</v>
      </c>
      <c r="BN27" s="114">
        <v>0</v>
      </c>
      <c r="BO27" s="113">
        <v>0</v>
      </c>
      <c r="BP27" s="116">
        <v>0</v>
      </c>
      <c r="BQ27" s="110">
        <v>0</v>
      </c>
      <c r="BR27" s="114">
        <v>0</v>
      </c>
      <c r="BS27" s="113">
        <v>0</v>
      </c>
      <c r="BT27" s="110">
        <v>0</v>
      </c>
      <c r="BU27" s="114">
        <v>0</v>
      </c>
      <c r="BV27" s="114">
        <v>0</v>
      </c>
      <c r="BW27" s="114">
        <v>0</v>
      </c>
      <c r="BX27" s="114">
        <v>0</v>
      </c>
      <c r="BY27" s="114">
        <v>0</v>
      </c>
      <c r="BZ27" s="113">
        <v>0</v>
      </c>
      <c r="CA27" s="116">
        <v>0</v>
      </c>
      <c r="CB27" s="110">
        <v>0</v>
      </c>
      <c r="CC27" s="114">
        <v>0</v>
      </c>
      <c r="CD27" s="113">
        <v>0</v>
      </c>
      <c r="CE27" s="110">
        <v>0</v>
      </c>
      <c r="CF27" s="114">
        <v>0</v>
      </c>
      <c r="CG27" s="114">
        <v>0</v>
      </c>
      <c r="CH27" s="114">
        <v>0</v>
      </c>
      <c r="CI27" s="114">
        <v>0</v>
      </c>
      <c r="CJ27" s="114">
        <v>0</v>
      </c>
      <c r="CK27" s="113">
        <v>0</v>
      </c>
      <c r="CL27" s="116">
        <v>0</v>
      </c>
      <c r="CM27" s="110">
        <v>0</v>
      </c>
      <c r="CN27" s="114">
        <v>0</v>
      </c>
      <c r="CO27" s="113">
        <v>0</v>
      </c>
      <c r="CP27" s="111">
        <v>0</v>
      </c>
      <c r="CQ27" s="114">
        <v>0</v>
      </c>
      <c r="CR27" s="114">
        <v>0</v>
      </c>
      <c r="CS27" s="114">
        <v>0</v>
      </c>
      <c r="CT27" s="114">
        <v>0</v>
      </c>
      <c r="CU27" s="114">
        <v>0</v>
      </c>
      <c r="CV27" s="113">
        <v>0</v>
      </c>
      <c r="CW27" s="116">
        <v>0</v>
      </c>
      <c r="CX27" s="110">
        <v>0</v>
      </c>
      <c r="CY27" s="114">
        <v>0</v>
      </c>
      <c r="CZ27" s="113">
        <v>0</v>
      </c>
      <c r="DA27" s="110">
        <v>0</v>
      </c>
      <c r="DB27" s="114">
        <v>0</v>
      </c>
      <c r="DC27" s="114">
        <v>0</v>
      </c>
      <c r="DD27" s="114">
        <v>0</v>
      </c>
      <c r="DE27" s="114">
        <v>0</v>
      </c>
      <c r="DF27" s="114">
        <v>0</v>
      </c>
      <c r="DG27" s="113">
        <v>0</v>
      </c>
      <c r="DH27" s="116">
        <v>0</v>
      </c>
      <c r="DI27" s="110">
        <v>0</v>
      </c>
      <c r="DJ27" s="114">
        <v>0</v>
      </c>
      <c r="DK27" s="112">
        <v>0</v>
      </c>
      <c r="DL27" s="111">
        <v>0</v>
      </c>
      <c r="DM27" s="114">
        <v>0</v>
      </c>
      <c r="DN27" s="114">
        <v>0</v>
      </c>
      <c r="DO27" s="114">
        <v>0</v>
      </c>
      <c r="DP27" s="114">
        <v>0</v>
      </c>
      <c r="DQ27" s="114">
        <v>0</v>
      </c>
      <c r="DR27" s="113">
        <v>0</v>
      </c>
      <c r="DS27" s="116">
        <v>0</v>
      </c>
      <c r="DT27" s="110">
        <v>0</v>
      </c>
      <c r="DU27" s="114">
        <v>0</v>
      </c>
      <c r="DV27" s="113">
        <v>0</v>
      </c>
      <c r="DW27" s="110">
        <v>0</v>
      </c>
      <c r="DX27" s="114">
        <v>0</v>
      </c>
      <c r="DY27" s="114">
        <v>0</v>
      </c>
      <c r="DZ27" s="114">
        <v>0</v>
      </c>
      <c r="EA27" s="114">
        <v>0</v>
      </c>
      <c r="EB27" s="114">
        <v>0</v>
      </c>
      <c r="EC27" s="113">
        <v>0</v>
      </c>
      <c r="ED27" s="116">
        <v>0</v>
      </c>
      <c r="EE27" s="110">
        <v>0</v>
      </c>
      <c r="EF27" s="112">
        <v>0</v>
      </c>
      <c r="EG27" s="113">
        <v>0</v>
      </c>
      <c r="EH27" s="110">
        <v>0</v>
      </c>
      <c r="EI27" s="114">
        <v>0</v>
      </c>
      <c r="EJ27" s="114">
        <v>0</v>
      </c>
      <c r="EK27" s="114">
        <v>0</v>
      </c>
      <c r="EL27" s="114">
        <v>0</v>
      </c>
      <c r="EM27" s="114">
        <v>0</v>
      </c>
      <c r="EN27" s="112">
        <v>0</v>
      </c>
      <c r="EO27" s="116">
        <v>0</v>
      </c>
      <c r="EP27" s="110">
        <v>0</v>
      </c>
      <c r="EQ27" s="114">
        <v>0</v>
      </c>
      <c r="ER27" s="112">
        <v>0</v>
      </c>
      <c r="ES27" s="111">
        <v>0</v>
      </c>
      <c r="ET27" s="114">
        <v>0</v>
      </c>
      <c r="EU27" s="114">
        <v>0</v>
      </c>
      <c r="EV27" s="114">
        <v>0</v>
      </c>
      <c r="EW27" s="114">
        <v>0</v>
      </c>
      <c r="EX27" s="114">
        <v>0</v>
      </c>
      <c r="EY27" s="113">
        <v>0</v>
      </c>
      <c r="EZ27" s="116">
        <v>0</v>
      </c>
      <c r="FA27" s="110">
        <v>0</v>
      </c>
      <c r="FB27" s="114">
        <v>0</v>
      </c>
      <c r="FC27" s="112">
        <v>0</v>
      </c>
      <c r="FD27" s="347"/>
      <c r="FE27" s="114">
        <v>0</v>
      </c>
      <c r="FF27" s="114">
        <v>0</v>
      </c>
      <c r="FG27" s="114">
        <v>0</v>
      </c>
      <c r="FH27" s="114">
        <v>0</v>
      </c>
      <c r="FI27" s="114">
        <v>0</v>
      </c>
      <c r="FJ27" s="113">
        <v>0</v>
      </c>
      <c r="FK27" s="116">
        <v>0</v>
      </c>
      <c r="FL27" s="110">
        <v>0</v>
      </c>
      <c r="FM27" s="114">
        <v>0</v>
      </c>
      <c r="FN27" s="113">
        <v>0</v>
      </c>
      <c r="FO27" s="110">
        <v>0</v>
      </c>
      <c r="FP27" s="114">
        <v>38500</v>
      </c>
      <c r="FQ27" s="114">
        <v>0</v>
      </c>
      <c r="FR27" s="114">
        <v>0</v>
      </c>
      <c r="FS27" s="114">
        <v>0</v>
      </c>
      <c r="FT27" s="114">
        <v>0</v>
      </c>
      <c r="FU27" s="113">
        <v>38500</v>
      </c>
      <c r="FV27" s="116">
        <v>38500</v>
      </c>
      <c r="FW27" s="115">
        <v>0</v>
      </c>
      <c r="FX27" s="114">
        <v>0</v>
      </c>
      <c r="FY27" s="112">
        <v>0</v>
      </c>
      <c r="FZ27" s="111">
        <v>0</v>
      </c>
      <c r="GA27" s="114">
        <v>0</v>
      </c>
      <c r="GB27" s="114">
        <v>0</v>
      </c>
      <c r="GC27" s="114">
        <v>0</v>
      </c>
      <c r="GD27" s="114">
        <v>0</v>
      </c>
      <c r="GE27" s="114">
        <v>0</v>
      </c>
      <c r="GF27" s="113">
        <v>0</v>
      </c>
      <c r="GG27" s="318">
        <v>0</v>
      </c>
      <c r="GH27" s="115">
        <v>0</v>
      </c>
      <c r="GI27" s="114">
        <v>0</v>
      </c>
      <c r="GJ27" s="112">
        <v>0</v>
      </c>
      <c r="GK27" s="111">
        <v>0</v>
      </c>
      <c r="GL27" s="114">
        <v>21700</v>
      </c>
      <c r="GM27" s="114">
        <v>0</v>
      </c>
      <c r="GN27" s="114">
        <v>0</v>
      </c>
      <c r="GO27" s="114">
        <v>0</v>
      </c>
      <c r="GP27" s="114">
        <v>0</v>
      </c>
      <c r="GQ27" s="113">
        <v>21700</v>
      </c>
      <c r="GR27" s="116">
        <v>21700</v>
      </c>
      <c r="GS27" s="110">
        <v>0</v>
      </c>
      <c r="GT27" s="114">
        <v>0</v>
      </c>
      <c r="GU27" s="113">
        <v>0</v>
      </c>
      <c r="GV27" s="110">
        <v>0</v>
      </c>
      <c r="GW27" s="114">
        <v>16800</v>
      </c>
      <c r="GX27" s="114">
        <v>0</v>
      </c>
      <c r="GY27" s="114">
        <v>0</v>
      </c>
      <c r="GZ27" s="114">
        <v>0</v>
      </c>
      <c r="HA27" s="114">
        <v>0</v>
      </c>
      <c r="HB27" s="112">
        <v>16800</v>
      </c>
      <c r="HC27" s="116">
        <v>16800</v>
      </c>
      <c r="HD27" s="110">
        <v>0</v>
      </c>
      <c r="HE27" s="114">
        <v>0</v>
      </c>
      <c r="HF27" s="112">
        <v>0</v>
      </c>
      <c r="HG27" s="111">
        <v>0</v>
      </c>
      <c r="HH27" s="114">
        <v>0</v>
      </c>
      <c r="HI27" s="114">
        <v>0</v>
      </c>
      <c r="HJ27" s="114">
        <v>0</v>
      </c>
      <c r="HK27" s="114">
        <v>0</v>
      </c>
      <c r="HL27" s="114">
        <v>0</v>
      </c>
      <c r="HM27" s="113">
        <v>0</v>
      </c>
      <c r="HN27" s="109">
        <v>0</v>
      </c>
      <c r="HO27" s="328"/>
      <c r="HP27" s="329"/>
      <c r="HQ27" s="330"/>
      <c r="HR27" s="331"/>
      <c r="HS27" s="329"/>
      <c r="HT27" s="329"/>
      <c r="HU27" s="329"/>
      <c r="HV27" s="329"/>
      <c r="HW27" s="329"/>
      <c r="HX27" s="332"/>
      <c r="HY27" s="333"/>
      <c r="HZ27" s="131">
        <v>0</v>
      </c>
      <c r="IA27" s="132">
        <v>0</v>
      </c>
      <c r="IB27" s="133">
        <v>0</v>
      </c>
      <c r="IC27" s="146">
        <v>0</v>
      </c>
      <c r="ID27" s="132">
        <v>0</v>
      </c>
      <c r="IE27" s="147">
        <v>0</v>
      </c>
      <c r="IF27" s="133">
        <v>0</v>
      </c>
      <c r="IG27" s="132">
        <v>0</v>
      </c>
      <c r="IH27" s="133">
        <v>0</v>
      </c>
      <c r="II27" s="148">
        <v>0</v>
      </c>
      <c r="IJ27" s="139">
        <v>0</v>
      </c>
      <c r="IK27" s="232">
        <v>0</v>
      </c>
      <c r="IL27" s="236">
        <v>0</v>
      </c>
      <c r="IM27" s="237">
        <v>0</v>
      </c>
      <c r="IN27" s="140"/>
      <c r="IO27" s="119">
        <v>0</v>
      </c>
      <c r="IP27" s="119">
        <v>0</v>
      </c>
      <c r="IQ27" s="119">
        <v>0</v>
      </c>
      <c r="IR27" s="119">
        <v>0</v>
      </c>
      <c r="IS27" s="119">
        <v>0</v>
      </c>
      <c r="IT27" s="141">
        <v>0</v>
      </c>
      <c r="IU27" s="320">
        <v>0</v>
      </c>
      <c r="IV27" s="142">
        <v>0</v>
      </c>
      <c r="IW27" s="119">
        <v>0</v>
      </c>
      <c r="IX27" s="120">
        <v>0</v>
      </c>
      <c r="IY27" s="144"/>
      <c r="IZ27" s="119">
        <v>0</v>
      </c>
      <c r="JA27" s="119">
        <v>0</v>
      </c>
      <c r="JB27" s="119">
        <v>0</v>
      </c>
      <c r="JC27" s="119">
        <v>0</v>
      </c>
      <c r="JD27" s="119">
        <v>0</v>
      </c>
      <c r="JE27" s="120">
        <v>0</v>
      </c>
      <c r="JF27" s="121">
        <v>0</v>
      </c>
      <c r="JG27" s="142">
        <v>0</v>
      </c>
      <c r="JH27" s="119">
        <v>0</v>
      </c>
      <c r="JI27" s="141">
        <v>0</v>
      </c>
      <c r="JJ27" s="118">
        <v>0</v>
      </c>
      <c r="JK27" s="119">
        <v>0</v>
      </c>
      <c r="JL27" s="119">
        <v>0</v>
      </c>
      <c r="JM27" s="119">
        <v>0</v>
      </c>
      <c r="JN27" s="119">
        <v>0</v>
      </c>
      <c r="JO27" s="119">
        <v>0</v>
      </c>
      <c r="JP27" s="120">
        <v>0</v>
      </c>
      <c r="JQ27" s="320">
        <v>0</v>
      </c>
      <c r="JR27" s="142">
        <v>0</v>
      </c>
      <c r="JS27" s="119">
        <v>0</v>
      </c>
      <c r="JT27" s="141">
        <v>0</v>
      </c>
      <c r="JU27" s="118">
        <v>0</v>
      </c>
      <c r="JV27" s="119">
        <v>0</v>
      </c>
      <c r="JW27" s="119">
        <v>0</v>
      </c>
      <c r="JX27" s="119">
        <v>0</v>
      </c>
      <c r="JY27" s="119">
        <v>0</v>
      </c>
      <c r="JZ27" s="119">
        <v>0</v>
      </c>
      <c r="KA27" s="120">
        <v>0</v>
      </c>
      <c r="KB27" s="320">
        <v>0</v>
      </c>
      <c r="KC27" s="234">
        <v>0</v>
      </c>
      <c r="KD27" s="230">
        <v>0</v>
      </c>
      <c r="KE27" s="120">
        <v>0</v>
      </c>
      <c r="KF27" s="118">
        <v>0</v>
      </c>
      <c r="KG27" s="119">
        <v>0</v>
      </c>
      <c r="KH27" s="119">
        <v>0</v>
      </c>
      <c r="KI27" s="119">
        <v>0</v>
      </c>
      <c r="KJ27" s="119">
        <v>0</v>
      </c>
      <c r="KK27" s="119">
        <v>0</v>
      </c>
      <c r="KL27" s="120">
        <v>0</v>
      </c>
      <c r="KM27" s="143">
        <v>0</v>
      </c>
      <c r="KN27" s="232">
        <v>0</v>
      </c>
      <c r="KO27" s="236">
        <v>0</v>
      </c>
      <c r="KP27" s="237">
        <v>0</v>
      </c>
      <c r="KQ27" s="140"/>
      <c r="KR27" s="119">
        <v>0</v>
      </c>
      <c r="KS27" s="119">
        <v>0</v>
      </c>
      <c r="KT27" s="119">
        <v>0</v>
      </c>
      <c r="KU27" s="119">
        <v>0</v>
      </c>
      <c r="KV27" s="119">
        <v>0</v>
      </c>
      <c r="KW27" s="120">
        <v>0</v>
      </c>
      <c r="KX27" s="320">
        <v>0</v>
      </c>
      <c r="KY27" s="142">
        <v>0</v>
      </c>
      <c r="KZ27" s="119">
        <v>0</v>
      </c>
      <c r="LA27" s="120">
        <v>0</v>
      </c>
      <c r="LB27" s="145"/>
      <c r="LC27" s="119">
        <v>0</v>
      </c>
      <c r="LD27" s="119">
        <v>0</v>
      </c>
      <c r="LE27" s="119">
        <v>0</v>
      </c>
      <c r="LF27" s="119">
        <v>0</v>
      </c>
      <c r="LG27" s="119">
        <v>0</v>
      </c>
      <c r="LH27" s="120">
        <v>0</v>
      </c>
      <c r="LI27" s="121">
        <v>0</v>
      </c>
      <c r="LJ27" s="142">
        <v>0</v>
      </c>
      <c r="LK27" s="119">
        <v>0</v>
      </c>
      <c r="LL27" s="120">
        <v>0</v>
      </c>
      <c r="LM27" s="145"/>
      <c r="LN27" s="119">
        <v>0</v>
      </c>
      <c r="LO27" s="119">
        <v>0</v>
      </c>
      <c r="LP27" s="119">
        <v>0</v>
      </c>
      <c r="LQ27" s="119">
        <v>0</v>
      </c>
      <c r="LR27" s="119">
        <v>0</v>
      </c>
      <c r="LS27" s="120">
        <v>0</v>
      </c>
      <c r="LT27" s="320">
        <v>0</v>
      </c>
      <c r="LU27" s="142">
        <v>0</v>
      </c>
      <c r="LV27" s="119">
        <v>0</v>
      </c>
      <c r="LW27" s="120">
        <v>0</v>
      </c>
      <c r="LX27" s="145"/>
      <c r="LY27" s="119">
        <v>0</v>
      </c>
      <c r="LZ27" s="119">
        <v>0</v>
      </c>
      <c r="MA27" s="119">
        <v>0</v>
      </c>
      <c r="MB27" s="119">
        <v>0</v>
      </c>
      <c r="MC27" s="119">
        <v>0</v>
      </c>
      <c r="MD27" s="120">
        <v>0</v>
      </c>
      <c r="ME27" s="121">
        <v>0</v>
      </c>
      <c r="MF27" s="142">
        <v>0</v>
      </c>
      <c r="MG27" s="119">
        <v>0</v>
      </c>
      <c r="MH27" s="120">
        <v>0</v>
      </c>
      <c r="MI27" s="145"/>
      <c r="MJ27" s="119">
        <v>0</v>
      </c>
      <c r="MK27" s="119">
        <v>0</v>
      </c>
      <c r="ML27" s="119">
        <v>0</v>
      </c>
      <c r="MM27" s="119">
        <v>0</v>
      </c>
      <c r="MN27" s="119">
        <v>0</v>
      </c>
      <c r="MO27" s="120">
        <v>0</v>
      </c>
      <c r="MP27" s="143">
        <v>0</v>
      </c>
      <c r="MQ27" s="142">
        <v>0</v>
      </c>
      <c r="MR27" s="119">
        <v>0</v>
      </c>
      <c r="MS27" s="120">
        <v>0</v>
      </c>
      <c r="MT27" s="145"/>
      <c r="MU27" s="119">
        <v>0</v>
      </c>
      <c r="MV27" s="119">
        <v>0</v>
      </c>
      <c r="MW27" s="119">
        <v>0</v>
      </c>
      <c r="MX27" s="119">
        <v>0</v>
      </c>
      <c r="MY27" s="119">
        <v>0</v>
      </c>
      <c r="MZ27" s="120">
        <v>0</v>
      </c>
      <c r="NA27" s="143">
        <v>0</v>
      </c>
      <c r="NB27" s="142">
        <v>0</v>
      </c>
      <c r="NC27" s="119">
        <v>0</v>
      </c>
      <c r="ND27" s="120">
        <v>0</v>
      </c>
      <c r="NE27" s="145"/>
      <c r="NF27" s="119">
        <v>0</v>
      </c>
      <c r="NG27" s="119">
        <v>0</v>
      </c>
      <c r="NH27" s="119">
        <v>0</v>
      </c>
      <c r="NI27" s="119">
        <v>0</v>
      </c>
      <c r="NJ27" s="119">
        <v>0</v>
      </c>
      <c r="NK27" s="120">
        <v>0</v>
      </c>
      <c r="NL27" s="320">
        <v>0</v>
      </c>
      <c r="NM27" s="142">
        <v>0</v>
      </c>
      <c r="NN27" s="119">
        <v>0</v>
      </c>
      <c r="NO27" s="120">
        <v>0</v>
      </c>
      <c r="NP27" s="145"/>
      <c r="NQ27" s="119">
        <v>0</v>
      </c>
      <c r="NR27" s="119">
        <v>0</v>
      </c>
      <c r="NS27" s="119">
        <v>0</v>
      </c>
      <c r="NT27" s="119">
        <v>0</v>
      </c>
      <c r="NU27" s="119">
        <v>0</v>
      </c>
      <c r="NV27" s="120">
        <v>0</v>
      </c>
      <c r="NW27" s="121">
        <v>0</v>
      </c>
      <c r="NX27" s="142">
        <v>0</v>
      </c>
      <c r="NY27" s="119">
        <v>0</v>
      </c>
      <c r="NZ27" s="120">
        <v>0</v>
      </c>
      <c r="OA27" s="145"/>
      <c r="OB27" s="119">
        <v>0</v>
      </c>
      <c r="OC27" s="119">
        <v>0</v>
      </c>
      <c r="OD27" s="119">
        <v>0</v>
      </c>
      <c r="OE27" s="119">
        <v>0</v>
      </c>
      <c r="OF27" s="119">
        <v>0</v>
      </c>
      <c r="OG27" s="120">
        <v>0</v>
      </c>
      <c r="OH27" s="121">
        <v>0</v>
      </c>
      <c r="OI27" s="142">
        <v>0</v>
      </c>
      <c r="OJ27" s="119">
        <v>0</v>
      </c>
      <c r="OK27" s="141">
        <v>0</v>
      </c>
      <c r="OL27" s="118">
        <v>0</v>
      </c>
      <c r="OM27" s="119">
        <v>38500</v>
      </c>
      <c r="ON27" s="119">
        <v>0</v>
      </c>
      <c r="OO27" s="119">
        <v>0</v>
      </c>
      <c r="OP27" s="119">
        <v>0</v>
      </c>
      <c r="OQ27" s="119">
        <v>0</v>
      </c>
      <c r="OR27" s="120">
        <v>38500</v>
      </c>
      <c r="OS27" s="143">
        <v>38500</v>
      </c>
    </row>
    <row r="28" spans="2:409" ht="21" customHeight="1" x14ac:dyDescent="0.2">
      <c r="B28" s="126" t="s">
        <v>23</v>
      </c>
      <c r="C28" s="110">
        <v>0</v>
      </c>
      <c r="D28" s="114">
        <v>0</v>
      </c>
      <c r="E28" s="113">
        <v>0</v>
      </c>
      <c r="F28" s="109">
        <v>0</v>
      </c>
      <c r="G28" s="114">
        <v>0</v>
      </c>
      <c r="H28" s="114">
        <v>0</v>
      </c>
      <c r="I28" s="114">
        <v>0</v>
      </c>
      <c r="J28" s="114">
        <v>0</v>
      </c>
      <c r="K28" s="114">
        <v>15400</v>
      </c>
      <c r="L28" s="173">
        <v>15400</v>
      </c>
      <c r="M28" s="116">
        <v>15400</v>
      </c>
      <c r="N28" s="110">
        <v>0</v>
      </c>
      <c r="O28" s="114">
        <v>0</v>
      </c>
      <c r="P28" s="113">
        <v>0</v>
      </c>
      <c r="Q28" s="110">
        <v>0</v>
      </c>
      <c r="R28" s="114">
        <v>0</v>
      </c>
      <c r="S28" s="114">
        <v>0</v>
      </c>
      <c r="T28" s="114">
        <v>0</v>
      </c>
      <c r="U28" s="114">
        <v>0</v>
      </c>
      <c r="V28" s="114">
        <v>0</v>
      </c>
      <c r="W28" s="113">
        <v>0</v>
      </c>
      <c r="X28" s="116">
        <v>0</v>
      </c>
      <c r="Y28" s="110">
        <v>0</v>
      </c>
      <c r="Z28" s="114">
        <v>0</v>
      </c>
      <c r="AA28" s="113">
        <v>0</v>
      </c>
      <c r="AB28" s="110">
        <v>0</v>
      </c>
      <c r="AC28" s="114">
        <v>0</v>
      </c>
      <c r="AD28" s="114">
        <v>0</v>
      </c>
      <c r="AE28" s="114">
        <v>0</v>
      </c>
      <c r="AF28" s="114">
        <v>0</v>
      </c>
      <c r="AG28" s="114">
        <v>0</v>
      </c>
      <c r="AH28" s="113">
        <v>0</v>
      </c>
      <c r="AI28" s="116">
        <v>0</v>
      </c>
      <c r="AJ28" s="110">
        <v>0</v>
      </c>
      <c r="AK28" s="114">
        <v>0</v>
      </c>
      <c r="AL28" s="113">
        <v>0</v>
      </c>
      <c r="AM28" s="110">
        <v>0</v>
      </c>
      <c r="AN28" s="114">
        <v>0</v>
      </c>
      <c r="AO28" s="114">
        <v>0</v>
      </c>
      <c r="AP28" s="114">
        <v>0</v>
      </c>
      <c r="AQ28" s="114">
        <v>0</v>
      </c>
      <c r="AR28" s="114">
        <v>0</v>
      </c>
      <c r="AS28" s="113">
        <v>0</v>
      </c>
      <c r="AT28" s="116">
        <v>0</v>
      </c>
      <c r="AU28" s="110">
        <v>0</v>
      </c>
      <c r="AV28" s="114">
        <v>0</v>
      </c>
      <c r="AW28" s="113">
        <v>0</v>
      </c>
      <c r="AX28" s="110">
        <v>0</v>
      </c>
      <c r="AY28" s="114">
        <v>0</v>
      </c>
      <c r="AZ28" s="114">
        <v>0</v>
      </c>
      <c r="BA28" s="114">
        <v>0</v>
      </c>
      <c r="BB28" s="114">
        <v>0</v>
      </c>
      <c r="BC28" s="114">
        <v>0</v>
      </c>
      <c r="BD28" s="113">
        <v>0</v>
      </c>
      <c r="BE28" s="116">
        <v>0</v>
      </c>
      <c r="BF28" s="110">
        <v>0</v>
      </c>
      <c r="BG28" s="114">
        <v>0</v>
      </c>
      <c r="BH28" s="112">
        <v>0</v>
      </c>
      <c r="BI28" s="111">
        <v>0</v>
      </c>
      <c r="BJ28" s="114">
        <v>0</v>
      </c>
      <c r="BK28" s="114">
        <v>0</v>
      </c>
      <c r="BL28" s="114">
        <v>0</v>
      </c>
      <c r="BM28" s="114">
        <v>0</v>
      </c>
      <c r="BN28" s="114">
        <v>0</v>
      </c>
      <c r="BO28" s="113">
        <v>0</v>
      </c>
      <c r="BP28" s="116">
        <v>0</v>
      </c>
      <c r="BQ28" s="110">
        <v>0</v>
      </c>
      <c r="BR28" s="114">
        <v>0</v>
      </c>
      <c r="BS28" s="113">
        <v>0</v>
      </c>
      <c r="BT28" s="110">
        <v>0</v>
      </c>
      <c r="BU28" s="114">
        <v>0</v>
      </c>
      <c r="BV28" s="114">
        <v>0</v>
      </c>
      <c r="BW28" s="114">
        <v>0</v>
      </c>
      <c r="BX28" s="114">
        <v>0</v>
      </c>
      <c r="BY28" s="114">
        <v>0</v>
      </c>
      <c r="BZ28" s="113">
        <v>0</v>
      </c>
      <c r="CA28" s="116">
        <v>0</v>
      </c>
      <c r="CB28" s="110">
        <v>0</v>
      </c>
      <c r="CC28" s="114">
        <v>0</v>
      </c>
      <c r="CD28" s="113">
        <v>0</v>
      </c>
      <c r="CE28" s="110">
        <v>0</v>
      </c>
      <c r="CF28" s="114">
        <v>0</v>
      </c>
      <c r="CG28" s="114">
        <v>0</v>
      </c>
      <c r="CH28" s="114">
        <v>0</v>
      </c>
      <c r="CI28" s="114">
        <v>0</v>
      </c>
      <c r="CJ28" s="114">
        <v>0</v>
      </c>
      <c r="CK28" s="113">
        <v>0</v>
      </c>
      <c r="CL28" s="116">
        <v>0</v>
      </c>
      <c r="CM28" s="110">
        <v>0</v>
      </c>
      <c r="CN28" s="114">
        <v>0</v>
      </c>
      <c r="CO28" s="113">
        <v>0</v>
      </c>
      <c r="CP28" s="111">
        <v>0</v>
      </c>
      <c r="CQ28" s="114">
        <v>0</v>
      </c>
      <c r="CR28" s="114">
        <v>0</v>
      </c>
      <c r="CS28" s="114">
        <v>0</v>
      </c>
      <c r="CT28" s="114">
        <v>0</v>
      </c>
      <c r="CU28" s="114">
        <v>0</v>
      </c>
      <c r="CV28" s="113">
        <v>0</v>
      </c>
      <c r="CW28" s="116">
        <v>0</v>
      </c>
      <c r="CX28" s="110">
        <v>0</v>
      </c>
      <c r="CY28" s="114">
        <v>0</v>
      </c>
      <c r="CZ28" s="113">
        <v>0</v>
      </c>
      <c r="DA28" s="110">
        <v>0</v>
      </c>
      <c r="DB28" s="114">
        <v>0</v>
      </c>
      <c r="DC28" s="114">
        <v>0</v>
      </c>
      <c r="DD28" s="114">
        <v>0</v>
      </c>
      <c r="DE28" s="114">
        <v>0</v>
      </c>
      <c r="DF28" s="114">
        <v>0</v>
      </c>
      <c r="DG28" s="113">
        <v>0</v>
      </c>
      <c r="DH28" s="116">
        <v>0</v>
      </c>
      <c r="DI28" s="110">
        <v>0</v>
      </c>
      <c r="DJ28" s="114">
        <v>0</v>
      </c>
      <c r="DK28" s="112">
        <v>0</v>
      </c>
      <c r="DL28" s="111">
        <v>0</v>
      </c>
      <c r="DM28" s="114">
        <v>0</v>
      </c>
      <c r="DN28" s="114">
        <v>0</v>
      </c>
      <c r="DO28" s="114">
        <v>0</v>
      </c>
      <c r="DP28" s="114">
        <v>0</v>
      </c>
      <c r="DQ28" s="114">
        <v>0</v>
      </c>
      <c r="DR28" s="113">
        <v>0</v>
      </c>
      <c r="DS28" s="116">
        <v>0</v>
      </c>
      <c r="DT28" s="110">
        <v>0</v>
      </c>
      <c r="DU28" s="114">
        <v>0</v>
      </c>
      <c r="DV28" s="113">
        <v>0</v>
      </c>
      <c r="DW28" s="110">
        <v>0</v>
      </c>
      <c r="DX28" s="114">
        <v>0</v>
      </c>
      <c r="DY28" s="114">
        <v>0</v>
      </c>
      <c r="DZ28" s="114">
        <v>0</v>
      </c>
      <c r="EA28" s="114">
        <v>0</v>
      </c>
      <c r="EB28" s="114">
        <v>0</v>
      </c>
      <c r="EC28" s="113">
        <v>0</v>
      </c>
      <c r="ED28" s="116">
        <v>0</v>
      </c>
      <c r="EE28" s="110">
        <v>0</v>
      </c>
      <c r="EF28" s="112">
        <v>0</v>
      </c>
      <c r="EG28" s="113">
        <v>0</v>
      </c>
      <c r="EH28" s="110">
        <v>0</v>
      </c>
      <c r="EI28" s="114">
        <v>0</v>
      </c>
      <c r="EJ28" s="114">
        <v>0</v>
      </c>
      <c r="EK28" s="114">
        <v>0</v>
      </c>
      <c r="EL28" s="114">
        <v>0</v>
      </c>
      <c r="EM28" s="114">
        <v>0</v>
      </c>
      <c r="EN28" s="112">
        <v>0</v>
      </c>
      <c r="EO28" s="116">
        <v>0</v>
      </c>
      <c r="EP28" s="110">
        <v>0</v>
      </c>
      <c r="EQ28" s="114">
        <v>0</v>
      </c>
      <c r="ER28" s="112">
        <v>0</v>
      </c>
      <c r="ES28" s="111">
        <v>0</v>
      </c>
      <c r="ET28" s="114">
        <v>0</v>
      </c>
      <c r="EU28" s="114">
        <v>0</v>
      </c>
      <c r="EV28" s="114">
        <v>0</v>
      </c>
      <c r="EW28" s="114">
        <v>0</v>
      </c>
      <c r="EX28" s="114">
        <v>0</v>
      </c>
      <c r="EY28" s="113">
        <v>0</v>
      </c>
      <c r="EZ28" s="116">
        <v>0</v>
      </c>
      <c r="FA28" s="110">
        <v>0</v>
      </c>
      <c r="FB28" s="114">
        <v>0</v>
      </c>
      <c r="FC28" s="112">
        <v>0</v>
      </c>
      <c r="FD28" s="347"/>
      <c r="FE28" s="114">
        <v>0</v>
      </c>
      <c r="FF28" s="114">
        <v>0</v>
      </c>
      <c r="FG28" s="114">
        <v>0</v>
      </c>
      <c r="FH28" s="114">
        <v>0</v>
      </c>
      <c r="FI28" s="114">
        <v>0</v>
      </c>
      <c r="FJ28" s="113">
        <v>0</v>
      </c>
      <c r="FK28" s="116">
        <v>0</v>
      </c>
      <c r="FL28" s="110">
        <v>0</v>
      </c>
      <c r="FM28" s="114">
        <v>0</v>
      </c>
      <c r="FN28" s="113">
        <v>0</v>
      </c>
      <c r="FO28" s="110">
        <v>0</v>
      </c>
      <c r="FP28" s="114">
        <v>0</v>
      </c>
      <c r="FQ28" s="114">
        <v>0</v>
      </c>
      <c r="FR28" s="114">
        <v>0</v>
      </c>
      <c r="FS28" s="114">
        <v>0</v>
      </c>
      <c r="FT28" s="114">
        <v>15400</v>
      </c>
      <c r="FU28" s="113">
        <v>15400</v>
      </c>
      <c r="FV28" s="116">
        <v>15400</v>
      </c>
      <c r="FW28" s="115">
        <v>0</v>
      </c>
      <c r="FX28" s="114">
        <v>0</v>
      </c>
      <c r="FY28" s="112">
        <v>0</v>
      </c>
      <c r="FZ28" s="111">
        <v>0</v>
      </c>
      <c r="GA28" s="114">
        <v>0</v>
      </c>
      <c r="GB28" s="114">
        <v>0</v>
      </c>
      <c r="GC28" s="114">
        <v>0</v>
      </c>
      <c r="GD28" s="114">
        <v>0</v>
      </c>
      <c r="GE28" s="114">
        <v>0</v>
      </c>
      <c r="GF28" s="113">
        <v>0</v>
      </c>
      <c r="GG28" s="318">
        <v>0</v>
      </c>
      <c r="GH28" s="115">
        <v>0</v>
      </c>
      <c r="GI28" s="114">
        <v>0</v>
      </c>
      <c r="GJ28" s="112">
        <v>0</v>
      </c>
      <c r="GK28" s="111">
        <v>0</v>
      </c>
      <c r="GL28" s="114">
        <v>0</v>
      </c>
      <c r="GM28" s="114">
        <v>0</v>
      </c>
      <c r="GN28" s="114">
        <v>0</v>
      </c>
      <c r="GO28" s="114">
        <v>0</v>
      </c>
      <c r="GP28" s="114">
        <v>15400</v>
      </c>
      <c r="GQ28" s="113">
        <v>15400</v>
      </c>
      <c r="GR28" s="116">
        <v>15400</v>
      </c>
      <c r="GS28" s="110">
        <v>0</v>
      </c>
      <c r="GT28" s="114">
        <v>0</v>
      </c>
      <c r="GU28" s="113">
        <v>0</v>
      </c>
      <c r="GV28" s="110">
        <v>0</v>
      </c>
      <c r="GW28" s="114">
        <v>0</v>
      </c>
      <c r="GX28" s="114">
        <v>0</v>
      </c>
      <c r="GY28" s="114">
        <v>0</v>
      </c>
      <c r="GZ28" s="114">
        <v>0</v>
      </c>
      <c r="HA28" s="114">
        <v>0</v>
      </c>
      <c r="HB28" s="112">
        <v>0</v>
      </c>
      <c r="HC28" s="116">
        <v>0</v>
      </c>
      <c r="HD28" s="110">
        <v>0</v>
      </c>
      <c r="HE28" s="114">
        <v>0</v>
      </c>
      <c r="HF28" s="112">
        <v>0</v>
      </c>
      <c r="HG28" s="111">
        <v>0</v>
      </c>
      <c r="HH28" s="114">
        <v>0</v>
      </c>
      <c r="HI28" s="114">
        <v>0</v>
      </c>
      <c r="HJ28" s="114">
        <v>0</v>
      </c>
      <c r="HK28" s="114">
        <v>0</v>
      </c>
      <c r="HL28" s="114">
        <v>0</v>
      </c>
      <c r="HM28" s="113">
        <v>0</v>
      </c>
      <c r="HN28" s="109">
        <v>0</v>
      </c>
      <c r="HO28" s="328"/>
      <c r="HP28" s="329"/>
      <c r="HQ28" s="330"/>
      <c r="HR28" s="331"/>
      <c r="HS28" s="329"/>
      <c r="HT28" s="329"/>
      <c r="HU28" s="329"/>
      <c r="HV28" s="329"/>
      <c r="HW28" s="329"/>
      <c r="HX28" s="332"/>
      <c r="HY28" s="333"/>
      <c r="HZ28" s="150">
        <v>0</v>
      </c>
      <c r="IA28" s="135">
        <v>0</v>
      </c>
      <c r="IB28" s="150">
        <v>0</v>
      </c>
      <c r="IC28" s="134">
        <v>0</v>
      </c>
      <c r="ID28" s="135">
        <v>0</v>
      </c>
      <c r="IE28" s="136">
        <v>0</v>
      </c>
      <c r="IF28" s="137">
        <v>0</v>
      </c>
      <c r="IG28" s="135">
        <v>0</v>
      </c>
      <c r="IH28" s="137">
        <v>0</v>
      </c>
      <c r="II28" s="138">
        <v>0</v>
      </c>
      <c r="IJ28" s="150">
        <v>0</v>
      </c>
      <c r="IK28" s="232">
        <v>0</v>
      </c>
      <c r="IL28" s="236">
        <v>0</v>
      </c>
      <c r="IM28" s="237">
        <v>0</v>
      </c>
      <c r="IN28" s="140"/>
      <c r="IO28" s="119">
        <v>0</v>
      </c>
      <c r="IP28" s="119">
        <v>0</v>
      </c>
      <c r="IQ28" s="119">
        <v>0</v>
      </c>
      <c r="IR28" s="119">
        <v>0</v>
      </c>
      <c r="IS28" s="119">
        <v>0</v>
      </c>
      <c r="IT28" s="141">
        <v>0</v>
      </c>
      <c r="IU28" s="320">
        <v>0</v>
      </c>
      <c r="IV28" s="142">
        <v>0</v>
      </c>
      <c r="IW28" s="119">
        <v>0</v>
      </c>
      <c r="IX28" s="120">
        <v>0</v>
      </c>
      <c r="IY28" s="144"/>
      <c r="IZ28" s="119">
        <v>0</v>
      </c>
      <c r="JA28" s="119">
        <v>0</v>
      </c>
      <c r="JB28" s="119">
        <v>0</v>
      </c>
      <c r="JC28" s="119">
        <v>0</v>
      </c>
      <c r="JD28" s="119">
        <v>0</v>
      </c>
      <c r="JE28" s="120">
        <v>0</v>
      </c>
      <c r="JF28" s="121">
        <v>0</v>
      </c>
      <c r="JG28" s="142">
        <v>0</v>
      </c>
      <c r="JH28" s="119">
        <v>0</v>
      </c>
      <c r="JI28" s="141">
        <v>0</v>
      </c>
      <c r="JJ28" s="118">
        <v>0</v>
      </c>
      <c r="JK28" s="119">
        <v>0</v>
      </c>
      <c r="JL28" s="119">
        <v>0</v>
      </c>
      <c r="JM28" s="119">
        <v>0</v>
      </c>
      <c r="JN28" s="119">
        <v>0</v>
      </c>
      <c r="JO28" s="119">
        <v>0</v>
      </c>
      <c r="JP28" s="120">
        <v>0</v>
      </c>
      <c r="JQ28" s="320">
        <v>0</v>
      </c>
      <c r="JR28" s="142">
        <v>0</v>
      </c>
      <c r="JS28" s="119">
        <v>0</v>
      </c>
      <c r="JT28" s="141">
        <v>0</v>
      </c>
      <c r="JU28" s="118">
        <v>0</v>
      </c>
      <c r="JV28" s="119">
        <v>0</v>
      </c>
      <c r="JW28" s="119">
        <v>0</v>
      </c>
      <c r="JX28" s="119">
        <v>0</v>
      </c>
      <c r="JY28" s="119">
        <v>0</v>
      </c>
      <c r="JZ28" s="119">
        <v>0</v>
      </c>
      <c r="KA28" s="120">
        <v>0</v>
      </c>
      <c r="KB28" s="320">
        <v>0</v>
      </c>
      <c r="KC28" s="234">
        <v>0</v>
      </c>
      <c r="KD28" s="230">
        <v>0</v>
      </c>
      <c r="KE28" s="120">
        <v>0</v>
      </c>
      <c r="KF28" s="118">
        <v>0</v>
      </c>
      <c r="KG28" s="119">
        <v>0</v>
      </c>
      <c r="KH28" s="119">
        <v>0</v>
      </c>
      <c r="KI28" s="119">
        <v>0</v>
      </c>
      <c r="KJ28" s="119">
        <v>0</v>
      </c>
      <c r="KK28" s="119">
        <v>0</v>
      </c>
      <c r="KL28" s="120">
        <v>0</v>
      </c>
      <c r="KM28" s="143">
        <v>0</v>
      </c>
      <c r="KN28" s="232">
        <v>0</v>
      </c>
      <c r="KO28" s="236">
        <v>0</v>
      </c>
      <c r="KP28" s="237">
        <v>0</v>
      </c>
      <c r="KQ28" s="140"/>
      <c r="KR28" s="119">
        <v>0</v>
      </c>
      <c r="KS28" s="119">
        <v>0</v>
      </c>
      <c r="KT28" s="119">
        <v>0</v>
      </c>
      <c r="KU28" s="119">
        <v>0</v>
      </c>
      <c r="KV28" s="119">
        <v>0</v>
      </c>
      <c r="KW28" s="120">
        <v>0</v>
      </c>
      <c r="KX28" s="320">
        <v>0</v>
      </c>
      <c r="KY28" s="142">
        <v>0</v>
      </c>
      <c r="KZ28" s="119">
        <v>0</v>
      </c>
      <c r="LA28" s="120">
        <v>0</v>
      </c>
      <c r="LB28" s="145"/>
      <c r="LC28" s="119">
        <v>0</v>
      </c>
      <c r="LD28" s="119">
        <v>0</v>
      </c>
      <c r="LE28" s="119">
        <v>0</v>
      </c>
      <c r="LF28" s="119">
        <v>0</v>
      </c>
      <c r="LG28" s="119">
        <v>0</v>
      </c>
      <c r="LH28" s="120">
        <v>0</v>
      </c>
      <c r="LI28" s="121">
        <v>0</v>
      </c>
      <c r="LJ28" s="142">
        <v>0</v>
      </c>
      <c r="LK28" s="119">
        <v>0</v>
      </c>
      <c r="LL28" s="120">
        <v>0</v>
      </c>
      <c r="LM28" s="145"/>
      <c r="LN28" s="119">
        <v>0</v>
      </c>
      <c r="LO28" s="119">
        <v>0</v>
      </c>
      <c r="LP28" s="119">
        <v>0</v>
      </c>
      <c r="LQ28" s="119">
        <v>0</v>
      </c>
      <c r="LR28" s="119">
        <v>0</v>
      </c>
      <c r="LS28" s="120">
        <v>0</v>
      </c>
      <c r="LT28" s="320">
        <v>0</v>
      </c>
      <c r="LU28" s="142">
        <v>0</v>
      </c>
      <c r="LV28" s="119">
        <v>0</v>
      </c>
      <c r="LW28" s="120">
        <v>0</v>
      </c>
      <c r="LX28" s="145"/>
      <c r="LY28" s="119">
        <v>0</v>
      </c>
      <c r="LZ28" s="119">
        <v>0</v>
      </c>
      <c r="MA28" s="119">
        <v>0</v>
      </c>
      <c r="MB28" s="119">
        <v>0</v>
      </c>
      <c r="MC28" s="119">
        <v>0</v>
      </c>
      <c r="MD28" s="120">
        <v>0</v>
      </c>
      <c r="ME28" s="121">
        <v>0</v>
      </c>
      <c r="MF28" s="142">
        <v>0</v>
      </c>
      <c r="MG28" s="119">
        <v>0</v>
      </c>
      <c r="MH28" s="120">
        <v>0</v>
      </c>
      <c r="MI28" s="145"/>
      <c r="MJ28" s="119">
        <v>0</v>
      </c>
      <c r="MK28" s="119">
        <v>0</v>
      </c>
      <c r="ML28" s="119">
        <v>0</v>
      </c>
      <c r="MM28" s="119">
        <v>0</v>
      </c>
      <c r="MN28" s="119">
        <v>0</v>
      </c>
      <c r="MO28" s="120">
        <v>0</v>
      </c>
      <c r="MP28" s="143">
        <v>0</v>
      </c>
      <c r="MQ28" s="142">
        <v>0</v>
      </c>
      <c r="MR28" s="119">
        <v>0</v>
      </c>
      <c r="MS28" s="120">
        <v>0</v>
      </c>
      <c r="MT28" s="145"/>
      <c r="MU28" s="119">
        <v>0</v>
      </c>
      <c r="MV28" s="119">
        <v>0</v>
      </c>
      <c r="MW28" s="119">
        <v>0</v>
      </c>
      <c r="MX28" s="119">
        <v>0</v>
      </c>
      <c r="MY28" s="119">
        <v>0</v>
      </c>
      <c r="MZ28" s="120">
        <v>0</v>
      </c>
      <c r="NA28" s="143">
        <v>0</v>
      </c>
      <c r="NB28" s="142">
        <v>0</v>
      </c>
      <c r="NC28" s="119">
        <v>0</v>
      </c>
      <c r="ND28" s="120">
        <v>0</v>
      </c>
      <c r="NE28" s="145"/>
      <c r="NF28" s="119">
        <v>0</v>
      </c>
      <c r="NG28" s="119">
        <v>0</v>
      </c>
      <c r="NH28" s="119">
        <v>0</v>
      </c>
      <c r="NI28" s="119">
        <v>0</v>
      </c>
      <c r="NJ28" s="119">
        <v>0</v>
      </c>
      <c r="NK28" s="120">
        <v>0</v>
      </c>
      <c r="NL28" s="320">
        <v>0</v>
      </c>
      <c r="NM28" s="142">
        <v>0</v>
      </c>
      <c r="NN28" s="119">
        <v>0</v>
      </c>
      <c r="NO28" s="120">
        <v>0</v>
      </c>
      <c r="NP28" s="145"/>
      <c r="NQ28" s="119">
        <v>0</v>
      </c>
      <c r="NR28" s="119">
        <v>0</v>
      </c>
      <c r="NS28" s="119">
        <v>0</v>
      </c>
      <c r="NT28" s="119">
        <v>0</v>
      </c>
      <c r="NU28" s="119">
        <v>0</v>
      </c>
      <c r="NV28" s="120">
        <v>0</v>
      </c>
      <c r="NW28" s="121">
        <v>0</v>
      </c>
      <c r="NX28" s="142">
        <v>0</v>
      </c>
      <c r="NY28" s="119">
        <v>0</v>
      </c>
      <c r="NZ28" s="120">
        <v>0</v>
      </c>
      <c r="OA28" s="145"/>
      <c r="OB28" s="119">
        <v>0</v>
      </c>
      <c r="OC28" s="119">
        <v>0</v>
      </c>
      <c r="OD28" s="119">
        <v>0</v>
      </c>
      <c r="OE28" s="119">
        <v>0</v>
      </c>
      <c r="OF28" s="119">
        <v>0</v>
      </c>
      <c r="OG28" s="120">
        <v>0</v>
      </c>
      <c r="OH28" s="121">
        <v>0</v>
      </c>
      <c r="OI28" s="142">
        <v>0</v>
      </c>
      <c r="OJ28" s="119">
        <v>0</v>
      </c>
      <c r="OK28" s="141">
        <v>0</v>
      </c>
      <c r="OL28" s="118">
        <v>0</v>
      </c>
      <c r="OM28" s="119">
        <v>0</v>
      </c>
      <c r="ON28" s="119">
        <v>0</v>
      </c>
      <c r="OO28" s="119">
        <v>0</v>
      </c>
      <c r="OP28" s="119">
        <v>0</v>
      </c>
      <c r="OQ28" s="119">
        <v>15400</v>
      </c>
      <c r="OR28" s="120">
        <v>15400</v>
      </c>
      <c r="OS28" s="143">
        <v>15400</v>
      </c>
    </row>
    <row r="29" spans="2:409" ht="21" customHeight="1" x14ac:dyDescent="0.2">
      <c r="B29" s="126" t="s">
        <v>24</v>
      </c>
      <c r="C29" s="110">
        <v>0</v>
      </c>
      <c r="D29" s="114">
        <v>0</v>
      </c>
      <c r="E29" s="113">
        <v>0</v>
      </c>
      <c r="F29" s="109">
        <v>0</v>
      </c>
      <c r="G29" s="114">
        <v>0</v>
      </c>
      <c r="H29" s="114">
        <v>69328</v>
      </c>
      <c r="I29" s="114">
        <v>19404</v>
      </c>
      <c r="J29" s="114">
        <v>0</v>
      </c>
      <c r="K29" s="114">
        <v>0</v>
      </c>
      <c r="L29" s="173">
        <v>88732</v>
      </c>
      <c r="M29" s="116">
        <v>88732</v>
      </c>
      <c r="N29" s="110">
        <v>0</v>
      </c>
      <c r="O29" s="114">
        <v>0</v>
      </c>
      <c r="P29" s="113">
        <v>0</v>
      </c>
      <c r="Q29" s="110">
        <v>0</v>
      </c>
      <c r="R29" s="114">
        <v>0</v>
      </c>
      <c r="S29" s="114">
        <v>0</v>
      </c>
      <c r="T29" s="114">
        <v>0</v>
      </c>
      <c r="U29" s="114">
        <v>0</v>
      </c>
      <c r="V29" s="114">
        <v>0</v>
      </c>
      <c r="W29" s="113">
        <v>0</v>
      </c>
      <c r="X29" s="116">
        <v>0</v>
      </c>
      <c r="Y29" s="110">
        <v>0</v>
      </c>
      <c r="Z29" s="114">
        <v>0</v>
      </c>
      <c r="AA29" s="113">
        <v>0</v>
      </c>
      <c r="AB29" s="110">
        <v>0</v>
      </c>
      <c r="AC29" s="114">
        <v>0</v>
      </c>
      <c r="AD29" s="114">
        <v>0</v>
      </c>
      <c r="AE29" s="114">
        <v>0</v>
      </c>
      <c r="AF29" s="114">
        <v>0</v>
      </c>
      <c r="AG29" s="114">
        <v>0</v>
      </c>
      <c r="AH29" s="113">
        <v>0</v>
      </c>
      <c r="AI29" s="116">
        <v>0</v>
      </c>
      <c r="AJ29" s="110">
        <v>0</v>
      </c>
      <c r="AK29" s="114">
        <v>0</v>
      </c>
      <c r="AL29" s="113">
        <v>0</v>
      </c>
      <c r="AM29" s="110">
        <v>0</v>
      </c>
      <c r="AN29" s="114">
        <v>0</v>
      </c>
      <c r="AO29" s="114">
        <v>0</v>
      </c>
      <c r="AP29" s="114">
        <v>0</v>
      </c>
      <c r="AQ29" s="114">
        <v>0</v>
      </c>
      <c r="AR29" s="114">
        <v>0</v>
      </c>
      <c r="AS29" s="113">
        <v>0</v>
      </c>
      <c r="AT29" s="116">
        <v>0</v>
      </c>
      <c r="AU29" s="110">
        <v>0</v>
      </c>
      <c r="AV29" s="114">
        <v>0</v>
      </c>
      <c r="AW29" s="113">
        <v>0</v>
      </c>
      <c r="AX29" s="110">
        <v>0</v>
      </c>
      <c r="AY29" s="114">
        <v>0</v>
      </c>
      <c r="AZ29" s="114">
        <v>0</v>
      </c>
      <c r="BA29" s="114">
        <v>0</v>
      </c>
      <c r="BB29" s="114">
        <v>0</v>
      </c>
      <c r="BC29" s="114">
        <v>0</v>
      </c>
      <c r="BD29" s="113">
        <v>0</v>
      </c>
      <c r="BE29" s="116">
        <v>0</v>
      </c>
      <c r="BF29" s="110">
        <v>0</v>
      </c>
      <c r="BG29" s="114">
        <v>0</v>
      </c>
      <c r="BH29" s="112">
        <v>0</v>
      </c>
      <c r="BI29" s="111">
        <v>0</v>
      </c>
      <c r="BJ29" s="114">
        <v>0</v>
      </c>
      <c r="BK29" s="114">
        <v>0</v>
      </c>
      <c r="BL29" s="114">
        <v>0</v>
      </c>
      <c r="BM29" s="114">
        <v>0</v>
      </c>
      <c r="BN29" s="114">
        <v>0</v>
      </c>
      <c r="BO29" s="113">
        <v>0</v>
      </c>
      <c r="BP29" s="116">
        <v>0</v>
      </c>
      <c r="BQ29" s="110">
        <v>0</v>
      </c>
      <c r="BR29" s="114">
        <v>0</v>
      </c>
      <c r="BS29" s="113">
        <v>0</v>
      </c>
      <c r="BT29" s="110">
        <v>0</v>
      </c>
      <c r="BU29" s="114">
        <v>0</v>
      </c>
      <c r="BV29" s="114">
        <v>0</v>
      </c>
      <c r="BW29" s="114">
        <v>0</v>
      </c>
      <c r="BX29" s="114">
        <v>0</v>
      </c>
      <c r="BY29" s="114">
        <v>0</v>
      </c>
      <c r="BZ29" s="113">
        <v>0</v>
      </c>
      <c r="CA29" s="116">
        <v>0</v>
      </c>
      <c r="CB29" s="110">
        <v>0</v>
      </c>
      <c r="CC29" s="114">
        <v>0</v>
      </c>
      <c r="CD29" s="113">
        <v>0</v>
      </c>
      <c r="CE29" s="110">
        <v>0</v>
      </c>
      <c r="CF29" s="114">
        <v>0</v>
      </c>
      <c r="CG29" s="114">
        <v>0</v>
      </c>
      <c r="CH29" s="114">
        <v>0</v>
      </c>
      <c r="CI29" s="114">
        <v>0</v>
      </c>
      <c r="CJ29" s="114">
        <v>0</v>
      </c>
      <c r="CK29" s="113">
        <v>0</v>
      </c>
      <c r="CL29" s="116">
        <v>0</v>
      </c>
      <c r="CM29" s="110">
        <v>0</v>
      </c>
      <c r="CN29" s="114">
        <v>0</v>
      </c>
      <c r="CO29" s="113">
        <v>0</v>
      </c>
      <c r="CP29" s="111">
        <v>0</v>
      </c>
      <c r="CQ29" s="114">
        <v>0</v>
      </c>
      <c r="CR29" s="114">
        <v>0</v>
      </c>
      <c r="CS29" s="114">
        <v>0</v>
      </c>
      <c r="CT29" s="114">
        <v>0</v>
      </c>
      <c r="CU29" s="114">
        <v>0</v>
      </c>
      <c r="CV29" s="113">
        <v>0</v>
      </c>
      <c r="CW29" s="116">
        <v>0</v>
      </c>
      <c r="CX29" s="110">
        <v>0</v>
      </c>
      <c r="CY29" s="114">
        <v>0</v>
      </c>
      <c r="CZ29" s="113">
        <v>0</v>
      </c>
      <c r="DA29" s="110">
        <v>0</v>
      </c>
      <c r="DB29" s="114">
        <v>0</v>
      </c>
      <c r="DC29" s="114">
        <v>0</v>
      </c>
      <c r="DD29" s="114">
        <v>0</v>
      </c>
      <c r="DE29" s="114">
        <v>0</v>
      </c>
      <c r="DF29" s="114">
        <v>0</v>
      </c>
      <c r="DG29" s="113">
        <v>0</v>
      </c>
      <c r="DH29" s="116">
        <v>0</v>
      </c>
      <c r="DI29" s="110">
        <v>0</v>
      </c>
      <c r="DJ29" s="114">
        <v>0</v>
      </c>
      <c r="DK29" s="112">
        <v>0</v>
      </c>
      <c r="DL29" s="111">
        <v>0</v>
      </c>
      <c r="DM29" s="114">
        <v>0</v>
      </c>
      <c r="DN29" s="114">
        <v>0</v>
      </c>
      <c r="DO29" s="114">
        <v>0</v>
      </c>
      <c r="DP29" s="114">
        <v>0</v>
      </c>
      <c r="DQ29" s="114">
        <v>0</v>
      </c>
      <c r="DR29" s="113">
        <v>0</v>
      </c>
      <c r="DS29" s="116">
        <v>0</v>
      </c>
      <c r="DT29" s="110">
        <v>0</v>
      </c>
      <c r="DU29" s="114">
        <v>0</v>
      </c>
      <c r="DV29" s="113">
        <v>0</v>
      </c>
      <c r="DW29" s="110">
        <v>0</v>
      </c>
      <c r="DX29" s="114">
        <v>0</v>
      </c>
      <c r="DY29" s="114">
        <v>0</v>
      </c>
      <c r="DZ29" s="114">
        <v>0</v>
      </c>
      <c r="EA29" s="114">
        <v>0</v>
      </c>
      <c r="EB29" s="114">
        <v>0</v>
      </c>
      <c r="EC29" s="113">
        <v>0</v>
      </c>
      <c r="ED29" s="116">
        <v>0</v>
      </c>
      <c r="EE29" s="110">
        <v>0</v>
      </c>
      <c r="EF29" s="112">
        <v>0</v>
      </c>
      <c r="EG29" s="113">
        <v>0</v>
      </c>
      <c r="EH29" s="110">
        <v>0</v>
      </c>
      <c r="EI29" s="114">
        <v>0</v>
      </c>
      <c r="EJ29" s="114">
        <v>0</v>
      </c>
      <c r="EK29" s="114">
        <v>0</v>
      </c>
      <c r="EL29" s="114">
        <v>0</v>
      </c>
      <c r="EM29" s="114">
        <v>0</v>
      </c>
      <c r="EN29" s="112">
        <v>0</v>
      </c>
      <c r="EO29" s="116">
        <v>0</v>
      </c>
      <c r="EP29" s="110">
        <v>0</v>
      </c>
      <c r="EQ29" s="114">
        <v>0</v>
      </c>
      <c r="ER29" s="112">
        <v>0</v>
      </c>
      <c r="ES29" s="111">
        <v>0</v>
      </c>
      <c r="ET29" s="114">
        <v>0</v>
      </c>
      <c r="EU29" s="114">
        <v>0</v>
      </c>
      <c r="EV29" s="114">
        <v>0</v>
      </c>
      <c r="EW29" s="114">
        <v>0</v>
      </c>
      <c r="EX29" s="114">
        <v>0</v>
      </c>
      <c r="EY29" s="113">
        <v>0</v>
      </c>
      <c r="EZ29" s="116">
        <v>0</v>
      </c>
      <c r="FA29" s="110">
        <v>0</v>
      </c>
      <c r="FB29" s="114">
        <v>0</v>
      </c>
      <c r="FC29" s="112">
        <v>0</v>
      </c>
      <c r="FD29" s="347"/>
      <c r="FE29" s="114">
        <v>0</v>
      </c>
      <c r="FF29" s="114">
        <v>0</v>
      </c>
      <c r="FG29" s="114">
        <v>0</v>
      </c>
      <c r="FH29" s="114">
        <v>0</v>
      </c>
      <c r="FI29" s="114">
        <v>0</v>
      </c>
      <c r="FJ29" s="113">
        <v>0</v>
      </c>
      <c r="FK29" s="116">
        <v>0</v>
      </c>
      <c r="FL29" s="110">
        <v>0</v>
      </c>
      <c r="FM29" s="114">
        <v>0</v>
      </c>
      <c r="FN29" s="113">
        <v>0</v>
      </c>
      <c r="FO29" s="110">
        <v>0</v>
      </c>
      <c r="FP29" s="114">
        <v>0</v>
      </c>
      <c r="FQ29" s="114">
        <v>69328</v>
      </c>
      <c r="FR29" s="114">
        <v>19404</v>
      </c>
      <c r="FS29" s="114">
        <v>0</v>
      </c>
      <c r="FT29" s="114">
        <v>0</v>
      </c>
      <c r="FU29" s="113">
        <v>88732</v>
      </c>
      <c r="FV29" s="116">
        <v>88732</v>
      </c>
      <c r="FW29" s="115">
        <v>0</v>
      </c>
      <c r="FX29" s="114">
        <v>0</v>
      </c>
      <c r="FY29" s="112">
        <v>0</v>
      </c>
      <c r="FZ29" s="111">
        <v>0</v>
      </c>
      <c r="GA29" s="114">
        <v>0</v>
      </c>
      <c r="GB29" s="114">
        <v>0</v>
      </c>
      <c r="GC29" s="114">
        <v>0</v>
      </c>
      <c r="GD29" s="114">
        <v>0</v>
      </c>
      <c r="GE29" s="114">
        <v>0</v>
      </c>
      <c r="GF29" s="113">
        <v>0</v>
      </c>
      <c r="GG29" s="318">
        <v>0</v>
      </c>
      <c r="GH29" s="115">
        <v>0</v>
      </c>
      <c r="GI29" s="114">
        <v>0</v>
      </c>
      <c r="GJ29" s="112">
        <v>0</v>
      </c>
      <c r="GK29" s="111">
        <v>0</v>
      </c>
      <c r="GL29" s="114">
        <v>0</v>
      </c>
      <c r="GM29" s="114">
        <v>66528</v>
      </c>
      <c r="GN29" s="114">
        <v>19404</v>
      </c>
      <c r="GO29" s="114">
        <v>0</v>
      </c>
      <c r="GP29" s="114">
        <v>0</v>
      </c>
      <c r="GQ29" s="113">
        <v>85932</v>
      </c>
      <c r="GR29" s="116">
        <v>85932</v>
      </c>
      <c r="GS29" s="110">
        <v>0</v>
      </c>
      <c r="GT29" s="114">
        <v>0</v>
      </c>
      <c r="GU29" s="113">
        <v>0</v>
      </c>
      <c r="GV29" s="110">
        <v>0</v>
      </c>
      <c r="GW29" s="114">
        <v>0</v>
      </c>
      <c r="GX29" s="114">
        <v>2800</v>
      </c>
      <c r="GY29" s="114">
        <v>0</v>
      </c>
      <c r="GZ29" s="114">
        <v>0</v>
      </c>
      <c r="HA29" s="114">
        <v>0</v>
      </c>
      <c r="HB29" s="112">
        <v>2800</v>
      </c>
      <c r="HC29" s="116">
        <v>2800</v>
      </c>
      <c r="HD29" s="110">
        <v>0</v>
      </c>
      <c r="HE29" s="114">
        <v>0</v>
      </c>
      <c r="HF29" s="112">
        <v>0</v>
      </c>
      <c r="HG29" s="111">
        <v>0</v>
      </c>
      <c r="HH29" s="114">
        <v>0</v>
      </c>
      <c r="HI29" s="114">
        <v>0</v>
      </c>
      <c r="HJ29" s="114">
        <v>0</v>
      </c>
      <c r="HK29" s="114">
        <v>0</v>
      </c>
      <c r="HL29" s="114">
        <v>0</v>
      </c>
      <c r="HM29" s="113">
        <v>0</v>
      </c>
      <c r="HN29" s="109">
        <v>0</v>
      </c>
      <c r="HO29" s="328"/>
      <c r="HP29" s="329"/>
      <c r="HQ29" s="330"/>
      <c r="HR29" s="331"/>
      <c r="HS29" s="329"/>
      <c r="HT29" s="329"/>
      <c r="HU29" s="329"/>
      <c r="HV29" s="329"/>
      <c r="HW29" s="329"/>
      <c r="HX29" s="332"/>
      <c r="HY29" s="333"/>
      <c r="HZ29" s="131">
        <v>0</v>
      </c>
      <c r="IA29" s="132">
        <v>0</v>
      </c>
      <c r="IB29" s="133">
        <v>0</v>
      </c>
      <c r="IC29" s="146">
        <v>0</v>
      </c>
      <c r="ID29" s="132">
        <v>0</v>
      </c>
      <c r="IE29" s="147">
        <v>0</v>
      </c>
      <c r="IF29" s="133">
        <v>0</v>
      </c>
      <c r="IG29" s="132">
        <v>0</v>
      </c>
      <c r="IH29" s="133">
        <v>0</v>
      </c>
      <c r="II29" s="148">
        <v>0</v>
      </c>
      <c r="IJ29" s="139">
        <v>0</v>
      </c>
      <c r="IK29" s="232">
        <v>0</v>
      </c>
      <c r="IL29" s="236">
        <v>0</v>
      </c>
      <c r="IM29" s="237">
        <v>0</v>
      </c>
      <c r="IN29" s="140"/>
      <c r="IO29" s="119">
        <v>0</v>
      </c>
      <c r="IP29" s="119">
        <v>0</v>
      </c>
      <c r="IQ29" s="119">
        <v>0</v>
      </c>
      <c r="IR29" s="119">
        <v>0</v>
      </c>
      <c r="IS29" s="119">
        <v>0</v>
      </c>
      <c r="IT29" s="141">
        <v>0</v>
      </c>
      <c r="IU29" s="320">
        <v>0</v>
      </c>
      <c r="IV29" s="142">
        <v>0</v>
      </c>
      <c r="IW29" s="119">
        <v>0</v>
      </c>
      <c r="IX29" s="120">
        <v>0</v>
      </c>
      <c r="IY29" s="144"/>
      <c r="IZ29" s="119">
        <v>0</v>
      </c>
      <c r="JA29" s="119">
        <v>0</v>
      </c>
      <c r="JB29" s="119">
        <v>0</v>
      </c>
      <c r="JC29" s="119">
        <v>0</v>
      </c>
      <c r="JD29" s="119">
        <v>0</v>
      </c>
      <c r="JE29" s="120">
        <v>0</v>
      </c>
      <c r="JF29" s="121">
        <v>0</v>
      </c>
      <c r="JG29" s="142">
        <v>0</v>
      </c>
      <c r="JH29" s="119">
        <v>0</v>
      </c>
      <c r="JI29" s="141">
        <v>0</v>
      </c>
      <c r="JJ29" s="118">
        <v>0</v>
      </c>
      <c r="JK29" s="119">
        <v>0</v>
      </c>
      <c r="JL29" s="119">
        <v>0</v>
      </c>
      <c r="JM29" s="119">
        <v>0</v>
      </c>
      <c r="JN29" s="119">
        <v>0</v>
      </c>
      <c r="JO29" s="119">
        <v>0</v>
      </c>
      <c r="JP29" s="120">
        <v>0</v>
      </c>
      <c r="JQ29" s="320">
        <v>0</v>
      </c>
      <c r="JR29" s="142">
        <v>0</v>
      </c>
      <c r="JS29" s="119">
        <v>0</v>
      </c>
      <c r="JT29" s="141">
        <v>0</v>
      </c>
      <c r="JU29" s="118">
        <v>0</v>
      </c>
      <c r="JV29" s="119">
        <v>0</v>
      </c>
      <c r="JW29" s="119">
        <v>0</v>
      </c>
      <c r="JX29" s="119">
        <v>0</v>
      </c>
      <c r="JY29" s="119">
        <v>0</v>
      </c>
      <c r="JZ29" s="119">
        <v>0</v>
      </c>
      <c r="KA29" s="120">
        <v>0</v>
      </c>
      <c r="KB29" s="320">
        <v>0</v>
      </c>
      <c r="KC29" s="234">
        <v>0</v>
      </c>
      <c r="KD29" s="230">
        <v>0</v>
      </c>
      <c r="KE29" s="120">
        <v>0</v>
      </c>
      <c r="KF29" s="118">
        <v>0</v>
      </c>
      <c r="KG29" s="119">
        <v>0</v>
      </c>
      <c r="KH29" s="119">
        <v>0</v>
      </c>
      <c r="KI29" s="119">
        <v>0</v>
      </c>
      <c r="KJ29" s="119">
        <v>0</v>
      </c>
      <c r="KK29" s="119">
        <v>0</v>
      </c>
      <c r="KL29" s="120">
        <v>0</v>
      </c>
      <c r="KM29" s="143">
        <v>0</v>
      </c>
      <c r="KN29" s="232">
        <v>0</v>
      </c>
      <c r="KO29" s="236">
        <v>0</v>
      </c>
      <c r="KP29" s="237">
        <v>0</v>
      </c>
      <c r="KQ29" s="140"/>
      <c r="KR29" s="119">
        <v>0</v>
      </c>
      <c r="KS29" s="119">
        <v>0</v>
      </c>
      <c r="KT29" s="119">
        <v>0</v>
      </c>
      <c r="KU29" s="119">
        <v>0</v>
      </c>
      <c r="KV29" s="119">
        <v>0</v>
      </c>
      <c r="KW29" s="120">
        <v>0</v>
      </c>
      <c r="KX29" s="320">
        <v>0</v>
      </c>
      <c r="KY29" s="142">
        <v>0</v>
      </c>
      <c r="KZ29" s="119">
        <v>0</v>
      </c>
      <c r="LA29" s="120">
        <v>0</v>
      </c>
      <c r="LB29" s="145"/>
      <c r="LC29" s="119">
        <v>0</v>
      </c>
      <c r="LD29" s="119">
        <v>0</v>
      </c>
      <c r="LE29" s="119">
        <v>0</v>
      </c>
      <c r="LF29" s="119">
        <v>0</v>
      </c>
      <c r="LG29" s="119">
        <v>0</v>
      </c>
      <c r="LH29" s="120">
        <v>0</v>
      </c>
      <c r="LI29" s="121">
        <v>0</v>
      </c>
      <c r="LJ29" s="142">
        <v>0</v>
      </c>
      <c r="LK29" s="119">
        <v>0</v>
      </c>
      <c r="LL29" s="120">
        <v>0</v>
      </c>
      <c r="LM29" s="145"/>
      <c r="LN29" s="119">
        <v>0</v>
      </c>
      <c r="LO29" s="119">
        <v>0</v>
      </c>
      <c r="LP29" s="119">
        <v>0</v>
      </c>
      <c r="LQ29" s="119">
        <v>0</v>
      </c>
      <c r="LR29" s="119">
        <v>0</v>
      </c>
      <c r="LS29" s="120">
        <v>0</v>
      </c>
      <c r="LT29" s="320">
        <v>0</v>
      </c>
      <c r="LU29" s="142">
        <v>0</v>
      </c>
      <c r="LV29" s="119">
        <v>0</v>
      </c>
      <c r="LW29" s="120">
        <v>0</v>
      </c>
      <c r="LX29" s="145"/>
      <c r="LY29" s="119">
        <v>0</v>
      </c>
      <c r="LZ29" s="119">
        <v>0</v>
      </c>
      <c r="MA29" s="119">
        <v>0</v>
      </c>
      <c r="MB29" s="119">
        <v>0</v>
      </c>
      <c r="MC29" s="119">
        <v>0</v>
      </c>
      <c r="MD29" s="120">
        <v>0</v>
      </c>
      <c r="ME29" s="121">
        <v>0</v>
      </c>
      <c r="MF29" s="142">
        <v>0</v>
      </c>
      <c r="MG29" s="119">
        <v>0</v>
      </c>
      <c r="MH29" s="120">
        <v>0</v>
      </c>
      <c r="MI29" s="145"/>
      <c r="MJ29" s="119">
        <v>0</v>
      </c>
      <c r="MK29" s="119">
        <v>0</v>
      </c>
      <c r="ML29" s="119">
        <v>0</v>
      </c>
      <c r="MM29" s="119">
        <v>0</v>
      </c>
      <c r="MN29" s="119">
        <v>0</v>
      </c>
      <c r="MO29" s="120">
        <v>0</v>
      </c>
      <c r="MP29" s="143">
        <v>0</v>
      </c>
      <c r="MQ29" s="142">
        <v>0</v>
      </c>
      <c r="MR29" s="119">
        <v>0</v>
      </c>
      <c r="MS29" s="120">
        <v>0</v>
      </c>
      <c r="MT29" s="145"/>
      <c r="MU29" s="119">
        <v>0</v>
      </c>
      <c r="MV29" s="119">
        <v>0</v>
      </c>
      <c r="MW29" s="119">
        <v>0</v>
      </c>
      <c r="MX29" s="119">
        <v>0</v>
      </c>
      <c r="MY29" s="119">
        <v>0</v>
      </c>
      <c r="MZ29" s="120">
        <v>0</v>
      </c>
      <c r="NA29" s="143">
        <v>0</v>
      </c>
      <c r="NB29" s="142">
        <v>0</v>
      </c>
      <c r="NC29" s="119">
        <v>0</v>
      </c>
      <c r="ND29" s="120">
        <v>0</v>
      </c>
      <c r="NE29" s="145"/>
      <c r="NF29" s="119">
        <v>0</v>
      </c>
      <c r="NG29" s="119">
        <v>0</v>
      </c>
      <c r="NH29" s="119">
        <v>0</v>
      </c>
      <c r="NI29" s="119">
        <v>0</v>
      </c>
      <c r="NJ29" s="119">
        <v>0</v>
      </c>
      <c r="NK29" s="120">
        <v>0</v>
      </c>
      <c r="NL29" s="320">
        <v>0</v>
      </c>
      <c r="NM29" s="142">
        <v>0</v>
      </c>
      <c r="NN29" s="119">
        <v>0</v>
      </c>
      <c r="NO29" s="120">
        <v>0</v>
      </c>
      <c r="NP29" s="145"/>
      <c r="NQ29" s="119">
        <v>0</v>
      </c>
      <c r="NR29" s="119">
        <v>0</v>
      </c>
      <c r="NS29" s="119">
        <v>0</v>
      </c>
      <c r="NT29" s="119">
        <v>0</v>
      </c>
      <c r="NU29" s="119">
        <v>0</v>
      </c>
      <c r="NV29" s="120">
        <v>0</v>
      </c>
      <c r="NW29" s="121">
        <v>0</v>
      </c>
      <c r="NX29" s="142">
        <v>0</v>
      </c>
      <c r="NY29" s="119">
        <v>0</v>
      </c>
      <c r="NZ29" s="120">
        <v>0</v>
      </c>
      <c r="OA29" s="145"/>
      <c r="OB29" s="119">
        <v>0</v>
      </c>
      <c r="OC29" s="119">
        <v>0</v>
      </c>
      <c r="OD29" s="119">
        <v>0</v>
      </c>
      <c r="OE29" s="119">
        <v>0</v>
      </c>
      <c r="OF29" s="119">
        <v>0</v>
      </c>
      <c r="OG29" s="120">
        <v>0</v>
      </c>
      <c r="OH29" s="121">
        <v>0</v>
      </c>
      <c r="OI29" s="142">
        <v>0</v>
      </c>
      <c r="OJ29" s="119">
        <v>0</v>
      </c>
      <c r="OK29" s="141">
        <v>0</v>
      </c>
      <c r="OL29" s="118">
        <v>0</v>
      </c>
      <c r="OM29" s="119">
        <v>0</v>
      </c>
      <c r="ON29" s="119">
        <v>69328</v>
      </c>
      <c r="OO29" s="119">
        <v>19404</v>
      </c>
      <c r="OP29" s="119">
        <v>0</v>
      </c>
      <c r="OQ29" s="119">
        <v>0</v>
      </c>
      <c r="OR29" s="120">
        <v>88732</v>
      </c>
      <c r="OS29" s="143">
        <v>88732</v>
      </c>
    </row>
    <row r="30" spans="2:409" ht="21" customHeight="1" x14ac:dyDescent="0.2">
      <c r="B30" s="126" t="s">
        <v>25</v>
      </c>
      <c r="C30" s="110">
        <v>0</v>
      </c>
      <c r="D30" s="114">
        <v>0</v>
      </c>
      <c r="E30" s="113">
        <v>0</v>
      </c>
      <c r="F30" s="109">
        <v>0</v>
      </c>
      <c r="G30" s="114">
        <v>0</v>
      </c>
      <c r="H30" s="114">
        <v>0</v>
      </c>
      <c r="I30" s="114">
        <v>0</v>
      </c>
      <c r="J30" s="114">
        <v>0</v>
      </c>
      <c r="K30" s="114">
        <v>0</v>
      </c>
      <c r="L30" s="173">
        <v>0</v>
      </c>
      <c r="M30" s="116">
        <v>0</v>
      </c>
      <c r="N30" s="110">
        <v>0</v>
      </c>
      <c r="O30" s="114">
        <v>0</v>
      </c>
      <c r="P30" s="113">
        <v>0</v>
      </c>
      <c r="Q30" s="110">
        <v>0</v>
      </c>
      <c r="R30" s="114">
        <v>0</v>
      </c>
      <c r="S30" s="114">
        <v>0</v>
      </c>
      <c r="T30" s="114">
        <v>0</v>
      </c>
      <c r="U30" s="114">
        <v>0</v>
      </c>
      <c r="V30" s="114">
        <v>0</v>
      </c>
      <c r="W30" s="113">
        <v>0</v>
      </c>
      <c r="X30" s="116">
        <v>0</v>
      </c>
      <c r="Y30" s="110">
        <v>0</v>
      </c>
      <c r="Z30" s="114">
        <v>0</v>
      </c>
      <c r="AA30" s="113">
        <v>0</v>
      </c>
      <c r="AB30" s="110">
        <v>0</v>
      </c>
      <c r="AC30" s="114">
        <v>0</v>
      </c>
      <c r="AD30" s="114">
        <v>0</v>
      </c>
      <c r="AE30" s="114">
        <v>0</v>
      </c>
      <c r="AF30" s="114">
        <v>0</v>
      </c>
      <c r="AG30" s="114">
        <v>0</v>
      </c>
      <c r="AH30" s="113">
        <v>0</v>
      </c>
      <c r="AI30" s="116">
        <v>0</v>
      </c>
      <c r="AJ30" s="110">
        <v>0</v>
      </c>
      <c r="AK30" s="114">
        <v>0</v>
      </c>
      <c r="AL30" s="113">
        <v>0</v>
      </c>
      <c r="AM30" s="110">
        <v>0</v>
      </c>
      <c r="AN30" s="114">
        <v>0</v>
      </c>
      <c r="AO30" s="114">
        <v>0</v>
      </c>
      <c r="AP30" s="114">
        <v>0</v>
      </c>
      <c r="AQ30" s="114">
        <v>0</v>
      </c>
      <c r="AR30" s="114">
        <v>0</v>
      </c>
      <c r="AS30" s="113">
        <v>0</v>
      </c>
      <c r="AT30" s="116">
        <v>0</v>
      </c>
      <c r="AU30" s="110">
        <v>0</v>
      </c>
      <c r="AV30" s="114">
        <v>0</v>
      </c>
      <c r="AW30" s="113">
        <v>0</v>
      </c>
      <c r="AX30" s="110">
        <v>0</v>
      </c>
      <c r="AY30" s="114">
        <v>0</v>
      </c>
      <c r="AZ30" s="114">
        <v>0</v>
      </c>
      <c r="BA30" s="114">
        <v>0</v>
      </c>
      <c r="BB30" s="114">
        <v>0</v>
      </c>
      <c r="BC30" s="114">
        <v>0</v>
      </c>
      <c r="BD30" s="113">
        <v>0</v>
      </c>
      <c r="BE30" s="116">
        <v>0</v>
      </c>
      <c r="BF30" s="110">
        <v>0</v>
      </c>
      <c r="BG30" s="114">
        <v>0</v>
      </c>
      <c r="BH30" s="112">
        <v>0</v>
      </c>
      <c r="BI30" s="111">
        <v>0</v>
      </c>
      <c r="BJ30" s="114">
        <v>0</v>
      </c>
      <c r="BK30" s="114">
        <v>0</v>
      </c>
      <c r="BL30" s="114">
        <v>0</v>
      </c>
      <c r="BM30" s="114">
        <v>0</v>
      </c>
      <c r="BN30" s="114">
        <v>0</v>
      </c>
      <c r="BO30" s="113">
        <v>0</v>
      </c>
      <c r="BP30" s="116">
        <v>0</v>
      </c>
      <c r="BQ30" s="110">
        <v>0</v>
      </c>
      <c r="BR30" s="114">
        <v>0</v>
      </c>
      <c r="BS30" s="113">
        <v>0</v>
      </c>
      <c r="BT30" s="110">
        <v>0</v>
      </c>
      <c r="BU30" s="114">
        <v>0</v>
      </c>
      <c r="BV30" s="114">
        <v>0</v>
      </c>
      <c r="BW30" s="114">
        <v>0</v>
      </c>
      <c r="BX30" s="114">
        <v>0</v>
      </c>
      <c r="BY30" s="114">
        <v>0</v>
      </c>
      <c r="BZ30" s="113">
        <v>0</v>
      </c>
      <c r="CA30" s="116">
        <v>0</v>
      </c>
      <c r="CB30" s="110">
        <v>0</v>
      </c>
      <c r="CC30" s="114">
        <v>0</v>
      </c>
      <c r="CD30" s="113">
        <v>0</v>
      </c>
      <c r="CE30" s="110">
        <v>0</v>
      </c>
      <c r="CF30" s="114">
        <v>0</v>
      </c>
      <c r="CG30" s="114">
        <v>0</v>
      </c>
      <c r="CH30" s="114">
        <v>0</v>
      </c>
      <c r="CI30" s="114">
        <v>0</v>
      </c>
      <c r="CJ30" s="114">
        <v>0</v>
      </c>
      <c r="CK30" s="113">
        <v>0</v>
      </c>
      <c r="CL30" s="116">
        <v>0</v>
      </c>
      <c r="CM30" s="110">
        <v>0</v>
      </c>
      <c r="CN30" s="114">
        <v>0</v>
      </c>
      <c r="CO30" s="113">
        <v>0</v>
      </c>
      <c r="CP30" s="111">
        <v>0</v>
      </c>
      <c r="CQ30" s="114">
        <v>0</v>
      </c>
      <c r="CR30" s="114">
        <v>0</v>
      </c>
      <c r="CS30" s="114">
        <v>0</v>
      </c>
      <c r="CT30" s="114">
        <v>0</v>
      </c>
      <c r="CU30" s="114">
        <v>0</v>
      </c>
      <c r="CV30" s="113">
        <v>0</v>
      </c>
      <c r="CW30" s="116">
        <v>0</v>
      </c>
      <c r="CX30" s="110">
        <v>0</v>
      </c>
      <c r="CY30" s="114">
        <v>0</v>
      </c>
      <c r="CZ30" s="113">
        <v>0</v>
      </c>
      <c r="DA30" s="110">
        <v>0</v>
      </c>
      <c r="DB30" s="114">
        <v>0</v>
      </c>
      <c r="DC30" s="114">
        <v>0</v>
      </c>
      <c r="DD30" s="114">
        <v>0</v>
      </c>
      <c r="DE30" s="114">
        <v>0</v>
      </c>
      <c r="DF30" s="114">
        <v>0</v>
      </c>
      <c r="DG30" s="113">
        <v>0</v>
      </c>
      <c r="DH30" s="116">
        <v>0</v>
      </c>
      <c r="DI30" s="110">
        <v>0</v>
      </c>
      <c r="DJ30" s="114">
        <v>0</v>
      </c>
      <c r="DK30" s="112">
        <v>0</v>
      </c>
      <c r="DL30" s="111">
        <v>0</v>
      </c>
      <c r="DM30" s="114">
        <v>0</v>
      </c>
      <c r="DN30" s="114">
        <v>0</v>
      </c>
      <c r="DO30" s="114">
        <v>0</v>
      </c>
      <c r="DP30" s="114">
        <v>0</v>
      </c>
      <c r="DQ30" s="114">
        <v>0</v>
      </c>
      <c r="DR30" s="113">
        <v>0</v>
      </c>
      <c r="DS30" s="116">
        <v>0</v>
      </c>
      <c r="DT30" s="110">
        <v>0</v>
      </c>
      <c r="DU30" s="114">
        <v>0</v>
      </c>
      <c r="DV30" s="113">
        <v>0</v>
      </c>
      <c r="DW30" s="110">
        <v>0</v>
      </c>
      <c r="DX30" s="114">
        <v>0</v>
      </c>
      <c r="DY30" s="114">
        <v>0</v>
      </c>
      <c r="DZ30" s="114">
        <v>0</v>
      </c>
      <c r="EA30" s="114">
        <v>0</v>
      </c>
      <c r="EB30" s="114">
        <v>0</v>
      </c>
      <c r="EC30" s="113">
        <v>0</v>
      </c>
      <c r="ED30" s="116">
        <v>0</v>
      </c>
      <c r="EE30" s="110">
        <v>0</v>
      </c>
      <c r="EF30" s="112">
        <v>0</v>
      </c>
      <c r="EG30" s="113">
        <v>0</v>
      </c>
      <c r="EH30" s="110">
        <v>0</v>
      </c>
      <c r="EI30" s="114">
        <v>0</v>
      </c>
      <c r="EJ30" s="114">
        <v>0</v>
      </c>
      <c r="EK30" s="114">
        <v>0</v>
      </c>
      <c r="EL30" s="114">
        <v>0</v>
      </c>
      <c r="EM30" s="114">
        <v>0</v>
      </c>
      <c r="EN30" s="112">
        <v>0</v>
      </c>
      <c r="EO30" s="116">
        <v>0</v>
      </c>
      <c r="EP30" s="110">
        <v>0</v>
      </c>
      <c r="EQ30" s="114">
        <v>0</v>
      </c>
      <c r="ER30" s="112">
        <v>0</v>
      </c>
      <c r="ES30" s="111">
        <v>0</v>
      </c>
      <c r="ET30" s="114">
        <v>0</v>
      </c>
      <c r="EU30" s="114">
        <v>0</v>
      </c>
      <c r="EV30" s="114">
        <v>0</v>
      </c>
      <c r="EW30" s="114">
        <v>0</v>
      </c>
      <c r="EX30" s="114">
        <v>0</v>
      </c>
      <c r="EY30" s="113">
        <v>0</v>
      </c>
      <c r="EZ30" s="116">
        <v>0</v>
      </c>
      <c r="FA30" s="110">
        <v>0</v>
      </c>
      <c r="FB30" s="114">
        <v>0</v>
      </c>
      <c r="FC30" s="112">
        <v>0</v>
      </c>
      <c r="FD30" s="347"/>
      <c r="FE30" s="114">
        <v>0</v>
      </c>
      <c r="FF30" s="114">
        <v>0</v>
      </c>
      <c r="FG30" s="114">
        <v>0</v>
      </c>
      <c r="FH30" s="114">
        <v>0</v>
      </c>
      <c r="FI30" s="114">
        <v>0</v>
      </c>
      <c r="FJ30" s="113">
        <v>0</v>
      </c>
      <c r="FK30" s="116">
        <v>0</v>
      </c>
      <c r="FL30" s="110">
        <v>0</v>
      </c>
      <c r="FM30" s="114">
        <v>0</v>
      </c>
      <c r="FN30" s="113">
        <v>0</v>
      </c>
      <c r="FO30" s="110">
        <v>0</v>
      </c>
      <c r="FP30" s="114">
        <v>0</v>
      </c>
      <c r="FQ30" s="114">
        <v>0</v>
      </c>
      <c r="FR30" s="114">
        <v>0</v>
      </c>
      <c r="FS30" s="114">
        <v>0</v>
      </c>
      <c r="FT30" s="114">
        <v>0</v>
      </c>
      <c r="FU30" s="113">
        <v>0</v>
      </c>
      <c r="FV30" s="116">
        <v>0</v>
      </c>
      <c r="FW30" s="115">
        <v>0</v>
      </c>
      <c r="FX30" s="114">
        <v>0</v>
      </c>
      <c r="FY30" s="112">
        <v>0</v>
      </c>
      <c r="FZ30" s="111">
        <v>0</v>
      </c>
      <c r="GA30" s="114">
        <v>0</v>
      </c>
      <c r="GB30" s="114">
        <v>0</v>
      </c>
      <c r="GC30" s="114">
        <v>0</v>
      </c>
      <c r="GD30" s="114">
        <v>0</v>
      </c>
      <c r="GE30" s="114">
        <v>0</v>
      </c>
      <c r="GF30" s="113">
        <v>0</v>
      </c>
      <c r="GG30" s="318">
        <v>0</v>
      </c>
      <c r="GH30" s="115">
        <v>0</v>
      </c>
      <c r="GI30" s="114">
        <v>0</v>
      </c>
      <c r="GJ30" s="112">
        <v>0</v>
      </c>
      <c r="GK30" s="111">
        <v>0</v>
      </c>
      <c r="GL30" s="114">
        <v>0</v>
      </c>
      <c r="GM30" s="114">
        <v>0</v>
      </c>
      <c r="GN30" s="114">
        <v>0</v>
      </c>
      <c r="GO30" s="114">
        <v>0</v>
      </c>
      <c r="GP30" s="114">
        <v>0</v>
      </c>
      <c r="GQ30" s="113">
        <v>0</v>
      </c>
      <c r="GR30" s="116">
        <v>0</v>
      </c>
      <c r="GS30" s="110">
        <v>0</v>
      </c>
      <c r="GT30" s="114">
        <v>0</v>
      </c>
      <c r="GU30" s="113">
        <v>0</v>
      </c>
      <c r="GV30" s="110">
        <v>0</v>
      </c>
      <c r="GW30" s="114">
        <v>0</v>
      </c>
      <c r="GX30" s="114">
        <v>0</v>
      </c>
      <c r="GY30" s="114">
        <v>0</v>
      </c>
      <c r="GZ30" s="114">
        <v>0</v>
      </c>
      <c r="HA30" s="114">
        <v>0</v>
      </c>
      <c r="HB30" s="112">
        <v>0</v>
      </c>
      <c r="HC30" s="116">
        <v>0</v>
      </c>
      <c r="HD30" s="110">
        <v>0</v>
      </c>
      <c r="HE30" s="114">
        <v>0</v>
      </c>
      <c r="HF30" s="112">
        <v>0</v>
      </c>
      <c r="HG30" s="111">
        <v>0</v>
      </c>
      <c r="HH30" s="114">
        <v>0</v>
      </c>
      <c r="HI30" s="114">
        <v>0</v>
      </c>
      <c r="HJ30" s="114">
        <v>0</v>
      </c>
      <c r="HK30" s="114">
        <v>0</v>
      </c>
      <c r="HL30" s="114">
        <v>0</v>
      </c>
      <c r="HM30" s="113">
        <v>0</v>
      </c>
      <c r="HN30" s="109">
        <v>0</v>
      </c>
      <c r="HO30" s="328"/>
      <c r="HP30" s="329"/>
      <c r="HQ30" s="330"/>
      <c r="HR30" s="331"/>
      <c r="HS30" s="329"/>
      <c r="HT30" s="329"/>
      <c r="HU30" s="329"/>
      <c r="HV30" s="329"/>
      <c r="HW30" s="329"/>
      <c r="HX30" s="332"/>
      <c r="HY30" s="333"/>
      <c r="HZ30" s="150">
        <v>0</v>
      </c>
      <c r="IA30" s="135">
        <v>0</v>
      </c>
      <c r="IB30" s="150">
        <v>0</v>
      </c>
      <c r="IC30" s="134">
        <v>0</v>
      </c>
      <c r="ID30" s="135">
        <v>0</v>
      </c>
      <c r="IE30" s="136">
        <v>0</v>
      </c>
      <c r="IF30" s="137">
        <v>0</v>
      </c>
      <c r="IG30" s="135">
        <v>0</v>
      </c>
      <c r="IH30" s="137">
        <v>0</v>
      </c>
      <c r="II30" s="138">
        <v>0</v>
      </c>
      <c r="IJ30" s="150">
        <v>0</v>
      </c>
      <c r="IK30" s="232">
        <v>0</v>
      </c>
      <c r="IL30" s="236">
        <v>0</v>
      </c>
      <c r="IM30" s="237">
        <v>0</v>
      </c>
      <c r="IN30" s="140"/>
      <c r="IO30" s="119">
        <v>0</v>
      </c>
      <c r="IP30" s="119">
        <v>0</v>
      </c>
      <c r="IQ30" s="119">
        <v>0</v>
      </c>
      <c r="IR30" s="119">
        <v>0</v>
      </c>
      <c r="IS30" s="119">
        <v>0</v>
      </c>
      <c r="IT30" s="141">
        <v>0</v>
      </c>
      <c r="IU30" s="320">
        <v>0</v>
      </c>
      <c r="IV30" s="142">
        <v>0</v>
      </c>
      <c r="IW30" s="119">
        <v>0</v>
      </c>
      <c r="IX30" s="120">
        <v>0</v>
      </c>
      <c r="IY30" s="144"/>
      <c r="IZ30" s="119">
        <v>0</v>
      </c>
      <c r="JA30" s="119">
        <v>0</v>
      </c>
      <c r="JB30" s="119">
        <v>0</v>
      </c>
      <c r="JC30" s="119">
        <v>0</v>
      </c>
      <c r="JD30" s="119">
        <v>0</v>
      </c>
      <c r="JE30" s="120">
        <v>0</v>
      </c>
      <c r="JF30" s="121">
        <v>0</v>
      </c>
      <c r="JG30" s="142">
        <v>0</v>
      </c>
      <c r="JH30" s="119">
        <v>0</v>
      </c>
      <c r="JI30" s="141">
        <v>0</v>
      </c>
      <c r="JJ30" s="118">
        <v>0</v>
      </c>
      <c r="JK30" s="119">
        <v>0</v>
      </c>
      <c r="JL30" s="119">
        <v>0</v>
      </c>
      <c r="JM30" s="119">
        <v>0</v>
      </c>
      <c r="JN30" s="119">
        <v>0</v>
      </c>
      <c r="JO30" s="119">
        <v>0</v>
      </c>
      <c r="JP30" s="120">
        <v>0</v>
      </c>
      <c r="JQ30" s="320">
        <v>0</v>
      </c>
      <c r="JR30" s="142">
        <v>0</v>
      </c>
      <c r="JS30" s="119">
        <v>0</v>
      </c>
      <c r="JT30" s="141">
        <v>0</v>
      </c>
      <c r="JU30" s="118">
        <v>0</v>
      </c>
      <c r="JV30" s="119">
        <v>0</v>
      </c>
      <c r="JW30" s="119">
        <v>0</v>
      </c>
      <c r="JX30" s="119">
        <v>0</v>
      </c>
      <c r="JY30" s="119">
        <v>0</v>
      </c>
      <c r="JZ30" s="119">
        <v>0</v>
      </c>
      <c r="KA30" s="120">
        <v>0</v>
      </c>
      <c r="KB30" s="320">
        <v>0</v>
      </c>
      <c r="KC30" s="234">
        <v>0</v>
      </c>
      <c r="KD30" s="230">
        <v>0</v>
      </c>
      <c r="KE30" s="120">
        <v>0</v>
      </c>
      <c r="KF30" s="118">
        <v>0</v>
      </c>
      <c r="KG30" s="119">
        <v>0</v>
      </c>
      <c r="KH30" s="119">
        <v>0</v>
      </c>
      <c r="KI30" s="119">
        <v>0</v>
      </c>
      <c r="KJ30" s="119">
        <v>0</v>
      </c>
      <c r="KK30" s="119">
        <v>0</v>
      </c>
      <c r="KL30" s="120">
        <v>0</v>
      </c>
      <c r="KM30" s="143">
        <v>0</v>
      </c>
      <c r="KN30" s="232">
        <v>0</v>
      </c>
      <c r="KO30" s="236">
        <v>0</v>
      </c>
      <c r="KP30" s="237">
        <v>0</v>
      </c>
      <c r="KQ30" s="140"/>
      <c r="KR30" s="119">
        <v>0</v>
      </c>
      <c r="KS30" s="119">
        <v>0</v>
      </c>
      <c r="KT30" s="119">
        <v>0</v>
      </c>
      <c r="KU30" s="119">
        <v>0</v>
      </c>
      <c r="KV30" s="119">
        <v>0</v>
      </c>
      <c r="KW30" s="120">
        <v>0</v>
      </c>
      <c r="KX30" s="320">
        <v>0</v>
      </c>
      <c r="KY30" s="142">
        <v>0</v>
      </c>
      <c r="KZ30" s="119">
        <v>0</v>
      </c>
      <c r="LA30" s="120">
        <v>0</v>
      </c>
      <c r="LB30" s="145"/>
      <c r="LC30" s="119">
        <v>0</v>
      </c>
      <c r="LD30" s="119">
        <v>0</v>
      </c>
      <c r="LE30" s="119">
        <v>0</v>
      </c>
      <c r="LF30" s="119">
        <v>0</v>
      </c>
      <c r="LG30" s="119">
        <v>0</v>
      </c>
      <c r="LH30" s="120">
        <v>0</v>
      </c>
      <c r="LI30" s="121">
        <v>0</v>
      </c>
      <c r="LJ30" s="142">
        <v>0</v>
      </c>
      <c r="LK30" s="119">
        <v>0</v>
      </c>
      <c r="LL30" s="120">
        <v>0</v>
      </c>
      <c r="LM30" s="145"/>
      <c r="LN30" s="119">
        <v>0</v>
      </c>
      <c r="LO30" s="119">
        <v>0</v>
      </c>
      <c r="LP30" s="119">
        <v>0</v>
      </c>
      <c r="LQ30" s="119">
        <v>0</v>
      </c>
      <c r="LR30" s="119">
        <v>0</v>
      </c>
      <c r="LS30" s="120">
        <v>0</v>
      </c>
      <c r="LT30" s="320">
        <v>0</v>
      </c>
      <c r="LU30" s="142">
        <v>0</v>
      </c>
      <c r="LV30" s="119">
        <v>0</v>
      </c>
      <c r="LW30" s="120">
        <v>0</v>
      </c>
      <c r="LX30" s="145"/>
      <c r="LY30" s="119">
        <v>0</v>
      </c>
      <c r="LZ30" s="119">
        <v>0</v>
      </c>
      <c r="MA30" s="119">
        <v>0</v>
      </c>
      <c r="MB30" s="119">
        <v>0</v>
      </c>
      <c r="MC30" s="119">
        <v>0</v>
      </c>
      <c r="MD30" s="120">
        <v>0</v>
      </c>
      <c r="ME30" s="121">
        <v>0</v>
      </c>
      <c r="MF30" s="142">
        <v>0</v>
      </c>
      <c r="MG30" s="119">
        <v>0</v>
      </c>
      <c r="MH30" s="120">
        <v>0</v>
      </c>
      <c r="MI30" s="145"/>
      <c r="MJ30" s="119">
        <v>0</v>
      </c>
      <c r="MK30" s="119">
        <v>0</v>
      </c>
      <c r="ML30" s="119">
        <v>0</v>
      </c>
      <c r="MM30" s="119">
        <v>0</v>
      </c>
      <c r="MN30" s="119">
        <v>0</v>
      </c>
      <c r="MO30" s="120">
        <v>0</v>
      </c>
      <c r="MP30" s="143">
        <v>0</v>
      </c>
      <c r="MQ30" s="142">
        <v>0</v>
      </c>
      <c r="MR30" s="119">
        <v>0</v>
      </c>
      <c r="MS30" s="120">
        <v>0</v>
      </c>
      <c r="MT30" s="145"/>
      <c r="MU30" s="119">
        <v>0</v>
      </c>
      <c r="MV30" s="119">
        <v>0</v>
      </c>
      <c r="MW30" s="119">
        <v>0</v>
      </c>
      <c r="MX30" s="119">
        <v>0</v>
      </c>
      <c r="MY30" s="119">
        <v>0</v>
      </c>
      <c r="MZ30" s="120">
        <v>0</v>
      </c>
      <c r="NA30" s="143">
        <v>0</v>
      </c>
      <c r="NB30" s="142">
        <v>0</v>
      </c>
      <c r="NC30" s="119">
        <v>0</v>
      </c>
      <c r="ND30" s="120">
        <v>0</v>
      </c>
      <c r="NE30" s="145"/>
      <c r="NF30" s="119">
        <v>0</v>
      </c>
      <c r="NG30" s="119">
        <v>0</v>
      </c>
      <c r="NH30" s="119">
        <v>0</v>
      </c>
      <c r="NI30" s="119">
        <v>0</v>
      </c>
      <c r="NJ30" s="119">
        <v>0</v>
      </c>
      <c r="NK30" s="120">
        <v>0</v>
      </c>
      <c r="NL30" s="320">
        <v>0</v>
      </c>
      <c r="NM30" s="142">
        <v>0</v>
      </c>
      <c r="NN30" s="119">
        <v>0</v>
      </c>
      <c r="NO30" s="120">
        <v>0</v>
      </c>
      <c r="NP30" s="145"/>
      <c r="NQ30" s="119">
        <v>0</v>
      </c>
      <c r="NR30" s="119">
        <v>0</v>
      </c>
      <c r="NS30" s="119">
        <v>0</v>
      </c>
      <c r="NT30" s="119">
        <v>0</v>
      </c>
      <c r="NU30" s="119">
        <v>0</v>
      </c>
      <c r="NV30" s="120">
        <v>0</v>
      </c>
      <c r="NW30" s="121">
        <v>0</v>
      </c>
      <c r="NX30" s="142">
        <v>0</v>
      </c>
      <c r="NY30" s="119">
        <v>0</v>
      </c>
      <c r="NZ30" s="120">
        <v>0</v>
      </c>
      <c r="OA30" s="145"/>
      <c r="OB30" s="119">
        <v>0</v>
      </c>
      <c r="OC30" s="119">
        <v>0</v>
      </c>
      <c r="OD30" s="119">
        <v>0</v>
      </c>
      <c r="OE30" s="119">
        <v>0</v>
      </c>
      <c r="OF30" s="119">
        <v>0</v>
      </c>
      <c r="OG30" s="120">
        <v>0</v>
      </c>
      <c r="OH30" s="121">
        <v>0</v>
      </c>
      <c r="OI30" s="142">
        <v>0</v>
      </c>
      <c r="OJ30" s="119">
        <v>0</v>
      </c>
      <c r="OK30" s="141">
        <v>0</v>
      </c>
      <c r="OL30" s="118">
        <v>0</v>
      </c>
      <c r="OM30" s="119">
        <v>0</v>
      </c>
      <c r="ON30" s="119">
        <v>0</v>
      </c>
      <c r="OO30" s="119">
        <v>0</v>
      </c>
      <c r="OP30" s="119">
        <v>0</v>
      </c>
      <c r="OQ30" s="119">
        <v>0</v>
      </c>
      <c r="OR30" s="120">
        <v>0</v>
      </c>
      <c r="OS30" s="143">
        <v>0</v>
      </c>
    </row>
    <row r="31" spans="2:409" ht="21" customHeight="1" x14ac:dyDescent="0.2">
      <c r="B31" s="126" t="s">
        <v>26</v>
      </c>
      <c r="C31" s="110">
        <v>0</v>
      </c>
      <c r="D31" s="114">
        <v>0</v>
      </c>
      <c r="E31" s="113">
        <v>0</v>
      </c>
      <c r="F31" s="109">
        <v>0</v>
      </c>
      <c r="G31" s="114">
        <v>25666</v>
      </c>
      <c r="H31" s="114">
        <v>0</v>
      </c>
      <c r="I31" s="114">
        <v>0</v>
      </c>
      <c r="J31" s="114">
        <v>0</v>
      </c>
      <c r="K31" s="114">
        <v>0</v>
      </c>
      <c r="L31" s="173">
        <v>25666</v>
      </c>
      <c r="M31" s="116">
        <v>25666</v>
      </c>
      <c r="N31" s="110">
        <v>0</v>
      </c>
      <c r="O31" s="114">
        <v>0</v>
      </c>
      <c r="P31" s="113">
        <v>0</v>
      </c>
      <c r="Q31" s="110">
        <v>0</v>
      </c>
      <c r="R31" s="114">
        <v>0</v>
      </c>
      <c r="S31" s="114">
        <v>0</v>
      </c>
      <c r="T31" s="114">
        <v>0</v>
      </c>
      <c r="U31" s="114">
        <v>0</v>
      </c>
      <c r="V31" s="114">
        <v>0</v>
      </c>
      <c r="W31" s="113">
        <v>0</v>
      </c>
      <c r="X31" s="116">
        <v>0</v>
      </c>
      <c r="Y31" s="110">
        <v>0</v>
      </c>
      <c r="Z31" s="114">
        <v>0</v>
      </c>
      <c r="AA31" s="113">
        <v>0</v>
      </c>
      <c r="AB31" s="110">
        <v>0</v>
      </c>
      <c r="AC31" s="114">
        <v>0</v>
      </c>
      <c r="AD31" s="114">
        <v>0</v>
      </c>
      <c r="AE31" s="114">
        <v>0</v>
      </c>
      <c r="AF31" s="114">
        <v>0</v>
      </c>
      <c r="AG31" s="114">
        <v>0</v>
      </c>
      <c r="AH31" s="113">
        <v>0</v>
      </c>
      <c r="AI31" s="116">
        <v>0</v>
      </c>
      <c r="AJ31" s="110">
        <v>0</v>
      </c>
      <c r="AK31" s="114">
        <v>0</v>
      </c>
      <c r="AL31" s="113">
        <v>0</v>
      </c>
      <c r="AM31" s="110">
        <v>0</v>
      </c>
      <c r="AN31" s="114">
        <v>0</v>
      </c>
      <c r="AO31" s="114">
        <v>0</v>
      </c>
      <c r="AP31" s="114">
        <v>0</v>
      </c>
      <c r="AQ31" s="114">
        <v>0</v>
      </c>
      <c r="AR31" s="114">
        <v>0</v>
      </c>
      <c r="AS31" s="113">
        <v>0</v>
      </c>
      <c r="AT31" s="116">
        <v>0</v>
      </c>
      <c r="AU31" s="110">
        <v>0</v>
      </c>
      <c r="AV31" s="114">
        <v>0</v>
      </c>
      <c r="AW31" s="113">
        <v>0</v>
      </c>
      <c r="AX31" s="110">
        <v>0</v>
      </c>
      <c r="AY31" s="114">
        <v>0</v>
      </c>
      <c r="AZ31" s="114">
        <v>0</v>
      </c>
      <c r="BA31" s="114">
        <v>0</v>
      </c>
      <c r="BB31" s="114">
        <v>0</v>
      </c>
      <c r="BC31" s="114">
        <v>0</v>
      </c>
      <c r="BD31" s="113">
        <v>0</v>
      </c>
      <c r="BE31" s="116">
        <v>0</v>
      </c>
      <c r="BF31" s="110">
        <v>0</v>
      </c>
      <c r="BG31" s="114">
        <v>0</v>
      </c>
      <c r="BH31" s="112">
        <v>0</v>
      </c>
      <c r="BI31" s="111">
        <v>0</v>
      </c>
      <c r="BJ31" s="114">
        <v>0</v>
      </c>
      <c r="BK31" s="114">
        <v>0</v>
      </c>
      <c r="BL31" s="114">
        <v>0</v>
      </c>
      <c r="BM31" s="114">
        <v>0</v>
      </c>
      <c r="BN31" s="114">
        <v>0</v>
      </c>
      <c r="BO31" s="113">
        <v>0</v>
      </c>
      <c r="BP31" s="116">
        <v>0</v>
      </c>
      <c r="BQ31" s="110">
        <v>0</v>
      </c>
      <c r="BR31" s="114">
        <v>0</v>
      </c>
      <c r="BS31" s="113">
        <v>0</v>
      </c>
      <c r="BT31" s="110">
        <v>0</v>
      </c>
      <c r="BU31" s="114">
        <v>0</v>
      </c>
      <c r="BV31" s="114">
        <v>0</v>
      </c>
      <c r="BW31" s="114">
        <v>0</v>
      </c>
      <c r="BX31" s="114">
        <v>0</v>
      </c>
      <c r="BY31" s="114">
        <v>0</v>
      </c>
      <c r="BZ31" s="113">
        <v>0</v>
      </c>
      <c r="CA31" s="116">
        <v>0</v>
      </c>
      <c r="CB31" s="110">
        <v>0</v>
      </c>
      <c r="CC31" s="114">
        <v>0</v>
      </c>
      <c r="CD31" s="113">
        <v>0</v>
      </c>
      <c r="CE31" s="110">
        <v>0</v>
      </c>
      <c r="CF31" s="114">
        <v>0</v>
      </c>
      <c r="CG31" s="114">
        <v>0</v>
      </c>
      <c r="CH31" s="114">
        <v>0</v>
      </c>
      <c r="CI31" s="114">
        <v>0</v>
      </c>
      <c r="CJ31" s="114">
        <v>0</v>
      </c>
      <c r="CK31" s="113">
        <v>0</v>
      </c>
      <c r="CL31" s="116">
        <v>0</v>
      </c>
      <c r="CM31" s="110">
        <v>0</v>
      </c>
      <c r="CN31" s="114">
        <v>0</v>
      </c>
      <c r="CO31" s="113">
        <v>0</v>
      </c>
      <c r="CP31" s="111">
        <v>0</v>
      </c>
      <c r="CQ31" s="114">
        <v>0</v>
      </c>
      <c r="CR31" s="114">
        <v>0</v>
      </c>
      <c r="CS31" s="114">
        <v>0</v>
      </c>
      <c r="CT31" s="114">
        <v>0</v>
      </c>
      <c r="CU31" s="114">
        <v>0</v>
      </c>
      <c r="CV31" s="113">
        <v>0</v>
      </c>
      <c r="CW31" s="116">
        <v>0</v>
      </c>
      <c r="CX31" s="110">
        <v>0</v>
      </c>
      <c r="CY31" s="114">
        <v>0</v>
      </c>
      <c r="CZ31" s="113">
        <v>0</v>
      </c>
      <c r="DA31" s="110">
        <v>0</v>
      </c>
      <c r="DB31" s="114">
        <v>0</v>
      </c>
      <c r="DC31" s="114">
        <v>0</v>
      </c>
      <c r="DD31" s="114">
        <v>0</v>
      </c>
      <c r="DE31" s="114">
        <v>0</v>
      </c>
      <c r="DF31" s="114">
        <v>0</v>
      </c>
      <c r="DG31" s="113">
        <v>0</v>
      </c>
      <c r="DH31" s="116">
        <v>0</v>
      </c>
      <c r="DI31" s="110">
        <v>0</v>
      </c>
      <c r="DJ31" s="114">
        <v>0</v>
      </c>
      <c r="DK31" s="112">
        <v>0</v>
      </c>
      <c r="DL31" s="111">
        <v>0</v>
      </c>
      <c r="DM31" s="114">
        <v>0</v>
      </c>
      <c r="DN31" s="114">
        <v>0</v>
      </c>
      <c r="DO31" s="114">
        <v>0</v>
      </c>
      <c r="DP31" s="114">
        <v>0</v>
      </c>
      <c r="DQ31" s="114">
        <v>0</v>
      </c>
      <c r="DR31" s="113">
        <v>0</v>
      </c>
      <c r="DS31" s="116">
        <v>0</v>
      </c>
      <c r="DT31" s="110">
        <v>0</v>
      </c>
      <c r="DU31" s="114">
        <v>0</v>
      </c>
      <c r="DV31" s="113">
        <v>0</v>
      </c>
      <c r="DW31" s="110">
        <v>0</v>
      </c>
      <c r="DX31" s="114">
        <v>0</v>
      </c>
      <c r="DY31" s="114">
        <v>0</v>
      </c>
      <c r="DZ31" s="114">
        <v>0</v>
      </c>
      <c r="EA31" s="114">
        <v>0</v>
      </c>
      <c r="EB31" s="114">
        <v>0</v>
      </c>
      <c r="EC31" s="113">
        <v>0</v>
      </c>
      <c r="ED31" s="116">
        <v>0</v>
      </c>
      <c r="EE31" s="110">
        <v>0</v>
      </c>
      <c r="EF31" s="112">
        <v>0</v>
      </c>
      <c r="EG31" s="113">
        <v>0</v>
      </c>
      <c r="EH31" s="110">
        <v>0</v>
      </c>
      <c r="EI31" s="114">
        <v>0</v>
      </c>
      <c r="EJ31" s="114">
        <v>0</v>
      </c>
      <c r="EK31" s="114">
        <v>0</v>
      </c>
      <c r="EL31" s="114">
        <v>0</v>
      </c>
      <c r="EM31" s="114">
        <v>0</v>
      </c>
      <c r="EN31" s="112">
        <v>0</v>
      </c>
      <c r="EO31" s="116">
        <v>0</v>
      </c>
      <c r="EP31" s="110">
        <v>0</v>
      </c>
      <c r="EQ31" s="114">
        <v>0</v>
      </c>
      <c r="ER31" s="112">
        <v>0</v>
      </c>
      <c r="ES31" s="111">
        <v>0</v>
      </c>
      <c r="ET31" s="114">
        <v>0</v>
      </c>
      <c r="EU31" s="114">
        <v>0</v>
      </c>
      <c r="EV31" s="114">
        <v>0</v>
      </c>
      <c r="EW31" s="114">
        <v>0</v>
      </c>
      <c r="EX31" s="114">
        <v>0</v>
      </c>
      <c r="EY31" s="113">
        <v>0</v>
      </c>
      <c r="EZ31" s="116">
        <v>0</v>
      </c>
      <c r="FA31" s="110">
        <v>0</v>
      </c>
      <c r="FB31" s="114">
        <v>0</v>
      </c>
      <c r="FC31" s="112">
        <v>0</v>
      </c>
      <c r="FD31" s="347"/>
      <c r="FE31" s="114">
        <v>0</v>
      </c>
      <c r="FF31" s="114">
        <v>0</v>
      </c>
      <c r="FG31" s="114">
        <v>0</v>
      </c>
      <c r="FH31" s="114">
        <v>0</v>
      </c>
      <c r="FI31" s="114">
        <v>0</v>
      </c>
      <c r="FJ31" s="113">
        <v>0</v>
      </c>
      <c r="FK31" s="116">
        <v>0</v>
      </c>
      <c r="FL31" s="110">
        <v>0</v>
      </c>
      <c r="FM31" s="114">
        <v>0</v>
      </c>
      <c r="FN31" s="113">
        <v>0</v>
      </c>
      <c r="FO31" s="110">
        <v>0</v>
      </c>
      <c r="FP31" s="114">
        <v>25666</v>
      </c>
      <c r="FQ31" s="114">
        <v>0</v>
      </c>
      <c r="FR31" s="114">
        <v>0</v>
      </c>
      <c r="FS31" s="114">
        <v>0</v>
      </c>
      <c r="FT31" s="114">
        <v>0</v>
      </c>
      <c r="FU31" s="113">
        <v>25666</v>
      </c>
      <c r="FV31" s="116">
        <v>25666</v>
      </c>
      <c r="FW31" s="115">
        <v>0</v>
      </c>
      <c r="FX31" s="114">
        <v>0</v>
      </c>
      <c r="FY31" s="112">
        <v>0</v>
      </c>
      <c r="FZ31" s="111">
        <v>0</v>
      </c>
      <c r="GA31" s="114">
        <v>0</v>
      </c>
      <c r="GB31" s="114">
        <v>0</v>
      </c>
      <c r="GC31" s="114">
        <v>0</v>
      </c>
      <c r="GD31" s="114">
        <v>0</v>
      </c>
      <c r="GE31" s="114">
        <v>0</v>
      </c>
      <c r="GF31" s="113">
        <v>0</v>
      </c>
      <c r="GG31" s="318">
        <v>0</v>
      </c>
      <c r="GH31" s="115">
        <v>0</v>
      </c>
      <c r="GI31" s="114">
        <v>0</v>
      </c>
      <c r="GJ31" s="112">
        <v>0</v>
      </c>
      <c r="GK31" s="111">
        <v>0</v>
      </c>
      <c r="GL31" s="114">
        <v>0</v>
      </c>
      <c r="GM31" s="114">
        <v>0</v>
      </c>
      <c r="GN31" s="114">
        <v>0</v>
      </c>
      <c r="GO31" s="114">
        <v>0</v>
      </c>
      <c r="GP31" s="114">
        <v>0</v>
      </c>
      <c r="GQ31" s="113">
        <v>0</v>
      </c>
      <c r="GR31" s="116">
        <v>0</v>
      </c>
      <c r="GS31" s="110">
        <v>0</v>
      </c>
      <c r="GT31" s="114">
        <v>0</v>
      </c>
      <c r="GU31" s="113">
        <v>0</v>
      </c>
      <c r="GV31" s="110">
        <v>0</v>
      </c>
      <c r="GW31" s="114">
        <v>25666</v>
      </c>
      <c r="GX31" s="114">
        <v>0</v>
      </c>
      <c r="GY31" s="114">
        <v>0</v>
      </c>
      <c r="GZ31" s="114">
        <v>0</v>
      </c>
      <c r="HA31" s="114">
        <v>0</v>
      </c>
      <c r="HB31" s="112">
        <v>25666</v>
      </c>
      <c r="HC31" s="116">
        <v>25666</v>
      </c>
      <c r="HD31" s="110">
        <v>0</v>
      </c>
      <c r="HE31" s="114">
        <v>0</v>
      </c>
      <c r="HF31" s="112">
        <v>0</v>
      </c>
      <c r="HG31" s="111">
        <v>0</v>
      </c>
      <c r="HH31" s="114">
        <v>0</v>
      </c>
      <c r="HI31" s="114">
        <v>0</v>
      </c>
      <c r="HJ31" s="114">
        <v>0</v>
      </c>
      <c r="HK31" s="114">
        <v>0</v>
      </c>
      <c r="HL31" s="114">
        <v>0</v>
      </c>
      <c r="HM31" s="113">
        <v>0</v>
      </c>
      <c r="HN31" s="109">
        <v>0</v>
      </c>
      <c r="HO31" s="328"/>
      <c r="HP31" s="329"/>
      <c r="HQ31" s="330"/>
      <c r="HR31" s="331"/>
      <c r="HS31" s="329"/>
      <c r="HT31" s="329"/>
      <c r="HU31" s="329"/>
      <c r="HV31" s="329"/>
      <c r="HW31" s="329"/>
      <c r="HX31" s="332"/>
      <c r="HY31" s="333"/>
      <c r="HZ31" s="131">
        <v>0</v>
      </c>
      <c r="IA31" s="132">
        <v>0</v>
      </c>
      <c r="IB31" s="133">
        <v>0</v>
      </c>
      <c r="IC31" s="146">
        <v>0</v>
      </c>
      <c r="ID31" s="132">
        <v>0</v>
      </c>
      <c r="IE31" s="147">
        <v>0</v>
      </c>
      <c r="IF31" s="133">
        <v>0</v>
      </c>
      <c r="IG31" s="132">
        <v>0</v>
      </c>
      <c r="IH31" s="133">
        <v>0</v>
      </c>
      <c r="II31" s="148">
        <v>0</v>
      </c>
      <c r="IJ31" s="139">
        <v>0</v>
      </c>
      <c r="IK31" s="232">
        <v>0</v>
      </c>
      <c r="IL31" s="236">
        <v>0</v>
      </c>
      <c r="IM31" s="237">
        <v>0</v>
      </c>
      <c r="IN31" s="140"/>
      <c r="IO31" s="119">
        <v>0</v>
      </c>
      <c r="IP31" s="119">
        <v>0</v>
      </c>
      <c r="IQ31" s="119">
        <v>0</v>
      </c>
      <c r="IR31" s="119">
        <v>0</v>
      </c>
      <c r="IS31" s="119">
        <v>0</v>
      </c>
      <c r="IT31" s="141">
        <v>0</v>
      </c>
      <c r="IU31" s="320">
        <v>0</v>
      </c>
      <c r="IV31" s="142">
        <v>0</v>
      </c>
      <c r="IW31" s="119">
        <v>0</v>
      </c>
      <c r="IX31" s="120">
        <v>0</v>
      </c>
      <c r="IY31" s="144"/>
      <c r="IZ31" s="119">
        <v>0</v>
      </c>
      <c r="JA31" s="119">
        <v>0</v>
      </c>
      <c r="JB31" s="119">
        <v>0</v>
      </c>
      <c r="JC31" s="119">
        <v>0</v>
      </c>
      <c r="JD31" s="119">
        <v>0</v>
      </c>
      <c r="JE31" s="120">
        <v>0</v>
      </c>
      <c r="JF31" s="121">
        <v>0</v>
      </c>
      <c r="JG31" s="142">
        <v>0</v>
      </c>
      <c r="JH31" s="119">
        <v>0</v>
      </c>
      <c r="JI31" s="141">
        <v>0</v>
      </c>
      <c r="JJ31" s="118">
        <v>0</v>
      </c>
      <c r="JK31" s="119">
        <v>0</v>
      </c>
      <c r="JL31" s="119">
        <v>0</v>
      </c>
      <c r="JM31" s="119">
        <v>0</v>
      </c>
      <c r="JN31" s="119">
        <v>0</v>
      </c>
      <c r="JO31" s="119">
        <v>0</v>
      </c>
      <c r="JP31" s="120">
        <v>0</v>
      </c>
      <c r="JQ31" s="320">
        <v>0</v>
      </c>
      <c r="JR31" s="142">
        <v>0</v>
      </c>
      <c r="JS31" s="119">
        <v>0</v>
      </c>
      <c r="JT31" s="141">
        <v>0</v>
      </c>
      <c r="JU31" s="118">
        <v>0</v>
      </c>
      <c r="JV31" s="119">
        <v>0</v>
      </c>
      <c r="JW31" s="119">
        <v>0</v>
      </c>
      <c r="JX31" s="119">
        <v>0</v>
      </c>
      <c r="JY31" s="119">
        <v>0</v>
      </c>
      <c r="JZ31" s="119">
        <v>0</v>
      </c>
      <c r="KA31" s="120">
        <v>0</v>
      </c>
      <c r="KB31" s="320">
        <v>0</v>
      </c>
      <c r="KC31" s="234">
        <v>0</v>
      </c>
      <c r="KD31" s="230">
        <v>0</v>
      </c>
      <c r="KE31" s="120">
        <v>0</v>
      </c>
      <c r="KF31" s="118">
        <v>0</v>
      </c>
      <c r="KG31" s="119">
        <v>0</v>
      </c>
      <c r="KH31" s="119">
        <v>0</v>
      </c>
      <c r="KI31" s="119">
        <v>0</v>
      </c>
      <c r="KJ31" s="119">
        <v>0</v>
      </c>
      <c r="KK31" s="119">
        <v>0</v>
      </c>
      <c r="KL31" s="120">
        <v>0</v>
      </c>
      <c r="KM31" s="143">
        <v>0</v>
      </c>
      <c r="KN31" s="232">
        <v>0</v>
      </c>
      <c r="KO31" s="236">
        <v>0</v>
      </c>
      <c r="KP31" s="237">
        <v>0</v>
      </c>
      <c r="KQ31" s="140"/>
      <c r="KR31" s="119">
        <v>0</v>
      </c>
      <c r="KS31" s="119">
        <v>0</v>
      </c>
      <c r="KT31" s="119">
        <v>0</v>
      </c>
      <c r="KU31" s="119">
        <v>0</v>
      </c>
      <c r="KV31" s="119">
        <v>0</v>
      </c>
      <c r="KW31" s="120">
        <v>0</v>
      </c>
      <c r="KX31" s="320">
        <v>0</v>
      </c>
      <c r="KY31" s="142">
        <v>0</v>
      </c>
      <c r="KZ31" s="119">
        <v>0</v>
      </c>
      <c r="LA31" s="120">
        <v>0</v>
      </c>
      <c r="LB31" s="145"/>
      <c r="LC31" s="119">
        <v>0</v>
      </c>
      <c r="LD31" s="119">
        <v>0</v>
      </c>
      <c r="LE31" s="119">
        <v>0</v>
      </c>
      <c r="LF31" s="119">
        <v>0</v>
      </c>
      <c r="LG31" s="119">
        <v>0</v>
      </c>
      <c r="LH31" s="120">
        <v>0</v>
      </c>
      <c r="LI31" s="121">
        <v>0</v>
      </c>
      <c r="LJ31" s="142">
        <v>0</v>
      </c>
      <c r="LK31" s="119">
        <v>0</v>
      </c>
      <c r="LL31" s="120">
        <v>0</v>
      </c>
      <c r="LM31" s="145"/>
      <c r="LN31" s="119">
        <v>0</v>
      </c>
      <c r="LO31" s="119">
        <v>0</v>
      </c>
      <c r="LP31" s="119">
        <v>0</v>
      </c>
      <c r="LQ31" s="119">
        <v>0</v>
      </c>
      <c r="LR31" s="119">
        <v>0</v>
      </c>
      <c r="LS31" s="120">
        <v>0</v>
      </c>
      <c r="LT31" s="320">
        <v>0</v>
      </c>
      <c r="LU31" s="142">
        <v>0</v>
      </c>
      <c r="LV31" s="119">
        <v>0</v>
      </c>
      <c r="LW31" s="120">
        <v>0</v>
      </c>
      <c r="LX31" s="145"/>
      <c r="LY31" s="119">
        <v>0</v>
      </c>
      <c r="LZ31" s="119">
        <v>0</v>
      </c>
      <c r="MA31" s="119">
        <v>0</v>
      </c>
      <c r="MB31" s="119">
        <v>0</v>
      </c>
      <c r="MC31" s="119">
        <v>0</v>
      </c>
      <c r="MD31" s="120">
        <v>0</v>
      </c>
      <c r="ME31" s="121">
        <v>0</v>
      </c>
      <c r="MF31" s="142">
        <v>0</v>
      </c>
      <c r="MG31" s="119">
        <v>0</v>
      </c>
      <c r="MH31" s="120">
        <v>0</v>
      </c>
      <c r="MI31" s="145"/>
      <c r="MJ31" s="119">
        <v>0</v>
      </c>
      <c r="MK31" s="119">
        <v>0</v>
      </c>
      <c r="ML31" s="119">
        <v>0</v>
      </c>
      <c r="MM31" s="119">
        <v>0</v>
      </c>
      <c r="MN31" s="119">
        <v>0</v>
      </c>
      <c r="MO31" s="120">
        <v>0</v>
      </c>
      <c r="MP31" s="143">
        <v>0</v>
      </c>
      <c r="MQ31" s="142">
        <v>0</v>
      </c>
      <c r="MR31" s="119">
        <v>0</v>
      </c>
      <c r="MS31" s="120">
        <v>0</v>
      </c>
      <c r="MT31" s="145"/>
      <c r="MU31" s="119">
        <v>0</v>
      </c>
      <c r="MV31" s="119">
        <v>0</v>
      </c>
      <c r="MW31" s="119">
        <v>0</v>
      </c>
      <c r="MX31" s="119">
        <v>0</v>
      </c>
      <c r="MY31" s="119">
        <v>0</v>
      </c>
      <c r="MZ31" s="120">
        <v>0</v>
      </c>
      <c r="NA31" s="143">
        <v>0</v>
      </c>
      <c r="NB31" s="142">
        <v>0</v>
      </c>
      <c r="NC31" s="119">
        <v>0</v>
      </c>
      <c r="ND31" s="120">
        <v>0</v>
      </c>
      <c r="NE31" s="145"/>
      <c r="NF31" s="119">
        <v>0</v>
      </c>
      <c r="NG31" s="119">
        <v>0</v>
      </c>
      <c r="NH31" s="119">
        <v>0</v>
      </c>
      <c r="NI31" s="119">
        <v>0</v>
      </c>
      <c r="NJ31" s="119">
        <v>0</v>
      </c>
      <c r="NK31" s="120">
        <v>0</v>
      </c>
      <c r="NL31" s="320">
        <v>0</v>
      </c>
      <c r="NM31" s="142">
        <v>0</v>
      </c>
      <c r="NN31" s="119">
        <v>0</v>
      </c>
      <c r="NO31" s="120">
        <v>0</v>
      </c>
      <c r="NP31" s="145"/>
      <c r="NQ31" s="119">
        <v>0</v>
      </c>
      <c r="NR31" s="119">
        <v>0</v>
      </c>
      <c r="NS31" s="119">
        <v>0</v>
      </c>
      <c r="NT31" s="119">
        <v>0</v>
      </c>
      <c r="NU31" s="119">
        <v>0</v>
      </c>
      <c r="NV31" s="120">
        <v>0</v>
      </c>
      <c r="NW31" s="121">
        <v>0</v>
      </c>
      <c r="NX31" s="142">
        <v>0</v>
      </c>
      <c r="NY31" s="119">
        <v>0</v>
      </c>
      <c r="NZ31" s="120">
        <v>0</v>
      </c>
      <c r="OA31" s="145"/>
      <c r="OB31" s="119">
        <v>0</v>
      </c>
      <c r="OC31" s="119">
        <v>0</v>
      </c>
      <c r="OD31" s="119">
        <v>0</v>
      </c>
      <c r="OE31" s="119">
        <v>0</v>
      </c>
      <c r="OF31" s="119">
        <v>0</v>
      </c>
      <c r="OG31" s="120">
        <v>0</v>
      </c>
      <c r="OH31" s="121">
        <v>0</v>
      </c>
      <c r="OI31" s="142">
        <v>0</v>
      </c>
      <c r="OJ31" s="119">
        <v>0</v>
      </c>
      <c r="OK31" s="141">
        <v>0</v>
      </c>
      <c r="OL31" s="118">
        <v>0</v>
      </c>
      <c r="OM31" s="119">
        <v>25666</v>
      </c>
      <c r="ON31" s="119">
        <v>0</v>
      </c>
      <c r="OO31" s="119">
        <v>0</v>
      </c>
      <c r="OP31" s="119">
        <v>0</v>
      </c>
      <c r="OQ31" s="119">
        <v>0</v>
      </c>
      <c r="OR31" s="120">
        <v>25666</v>
      </c>
      <c r="OS31" s="143">
        <v>25666</v>
      </c>
    </row>
    <row r="32" spans="2:409" ht="21" customHeight="1" x14ac:dyDescent="0.2">
      <c r="B32" s="126" t="s">
        <v>27</v>
      </c>
      <c r="C32" s="110">
        <v>123200</v>
      </c>
      <c r="D32" s="114">
        <v>53900</v>
      </c>
      <c r="E32" s="113">
        <v>177100</v>
      </c>
      <c r="F32" s="109">
        <v>0</v>
      </c>
      <c r="G32" s="114">
        <v>32340</v>
      </c>
      <c r="H32" s="114">
        <v>26810</v>
      </c>
      <c r="I32" s="114">
        <v>0</v>
      </c>
      <c r="J32" s="114">
        <v>0</v>
      </c>
      <c r="K32" s="114">
        <v>0</v>
      </c>
      <c r="L32" s="173">
        <v>59150</v>
      </c>
      <c r="M32" s="116">
        <v>236250</v>
      </c>
      <c r="N32" s="110">
        <v>0</v>
      </c>
      <c r="O32" s="114">
        <v>0</v>
      </c>
      <c r="P32" s="113">
        <v>0</v>
      </c>
      <c r="Q32" s="110">
        <v>0</v>
      </c>
      <c r="R32" s="114">
        <v>0</v>
      </c>
      <c r="S32" s="114">
        <v>0</v>
      </c>
      <c r="T32" s="114">
        <v>0</v>
      </c>
      <c r="U32" s="114">
        <v>0</v>
      </c>
      <c r="V32" s="114">
        <v>0</v>
      </c>
      <c r="W32" s="113">
        <v>0</v>
      </c>
      <c r="X32" s="116">
        <v>0</v>
      </c>
      <c r="Y32" s="110">
        <v>0</v>
      </c>
      <c r="Z32" s="114">
        <v>0</v>
      </c>
      <c r="AA32" s="113">
        <v>0</v>
      </c>
      <c r="AB32" s="110">
        <v>0</v>
      </c>
      <c r="AC32" s="114">
        <v>0</v>
      </c>
      <c r="AD32" s="114">
        <v>0</v>
      </c>
      <c r="AE32" s="114">
        <v>0</v>
      </c>
      <c r="AF32" s="114">
        <v>0</v>
      </c>
      <c r="AG32" s="114">
        <v>0</v>
      </c>
      <c r="AH32" s="113">
        <v>0</v>
      </c>
      <c r="AI32" s="116">
        <v>0</v>
      </c>
      <c r="AJ32" s="110">
        <v>0</v>
      </c>
      <c r="AK32" s="114">
        <v>0</v>
      </c>
      <c r="AL32" s="113">
        <v>0</v>
      </c>
      <c r="AM32" s="110">
        <v>0</v>
      </c>
      <c r="AN32" s="114">
        <v>0</v>
      </c>
      <c r="AO32" s="114">
        <v>0</v>
      </c>
      <c r="AP32" s="114">
        <v>0</v>
      </c>
      <c r="AQ32" s="114">
        <v>0</v>
      </c>
      <c r="AR32" s="114">
        <v>0</v>
      </c>
      <c r="AS32" s="113">
        <v>0</v>
      </c>
      <c r="AT32" s="116">
        <v>0</v>
      </c>
      <c r="AU32" s="110">
        <v>0</v>
      </c>
      <c r="AV32" s="114">
        <v>0</v>
      </c>
      <c r="AW32" s="113">
        <v>0</v>
      </c>
      <c r="AX32" s="110">
        <v>0</v>
      </c>
      <c r="AY32" s="114">
        <v>0</v>
      </c>
      <c r="AZ32" s="114">
        <v>0</v>
      </c>
      <c r="BA32" s="114">
        <v>0</v>
      </c>
      <c r="BB32" s="114">
        <v>0</v>
      </c>
      <c r="BC32" s="114">
        <v>0</v>
      </c>
      <c r="BD32" s="113">
        <v>0</v>
      </c>
      <c r="BE32" s="116">
        <v>0</v>
      </c>
      <c r="BF32" s="110">
        <v>0</v>
      </c>
      <c r="BG32" s="114">
        <v>0</v>
      </c>
      <c r="BH32" s="112">
        <v>0</v>
      </c>
      <c r="BI32" s="111">
        <v>0</v>
      </c>
      <c r="BJ32" s="114">
        <v>0</v>
      </c>
      <c r="BK32" s="114">
        <v>0</v>
      </c>
      <c r="BL32" s="114">
        <v>0</v>
      </c>
      <c r="BM32" s="114">
        <v>0</v>
      </c>
      <c r="BN32" s="114">
        <v>0</v>
      </c>
      <c r="BO32" s="113">
        <v>0</v>
      </c>
      <c r="BP32" s="116">
        <v>0</v>
      </c>
      <c r="BQ32" s="110">
        <v>0</v>
      </c>
      <c r="BR32" s="114">
        <v>0</v>
      </c>
      <c r="BS32" s="113">
        <v>0</v>
      </c>
      <c r="BT32" s="110">
        <v>0</v>
      </c>
      <c r="BU32" s="114">
        <v>0</v>
      </c>
      <c r="BV32" s="114">
        <v>0</v>
      </c>
      <c r="BW32" s="114">
        <v>0</v>
      </c>
      <c r="BX32" s="114">
        <v>0</v>
      </c>
      <c r="BY32" s="114">
        <v>0</v>
      </c>
      <c r="BZ32" s="113">
        <v>0</v>
      </c>
      <c r="CA32" s="116">
        <v>0</v>
      </c>
      <c r="CB32" s="110">
        <v>0</v>
      </c>
      <c r="CC32" s="114">
        <v>0</v>
      </c>
      <c r="CD32" s="113">
        <v>0</v>
      </c>
      <c r="CE32" s="110">
        <v>0</v>
      </c>
      <c r="CF32" s="114">
        <v>0</v>
      </c>
      <c r="CG32" s="114">
        <v>0</v>
      </c>
      <c r="CH32" s="114">
        <v>0</v>
      </c>
      <c r="CI32" s="114">
        <v>0</v>
      </c>
      <c r="CJ32" s="114">
        <v>0</v>
      </c>
      <c r="CK32" s="113">
        <v>0</v>
      </c>
      <c r="CL32" s="116">
        <v>0</v>
      </c>
      <c r="CM32" s="110">
        <v>0</v>
      </c>
      <c r="CN32" s="114">
        <v>0</v>
      </c>
      <c r="CO32" s="113">
        <v>0</v>
      </c>
      <c r="CP32" s="111">
        <v>0</v>
      </c>
      <c r="CQ32" s="114">
        <v>0</v>
      </c>
      <c r="CR32" s="114">
        <v>0</v>
      </c>
      <c r="CS32" s="114">
        <v>0</v>
      </c>
      <c r="CT32" s="114">
        <v>0</v>
      </c>
      <c r="CU32" s="114">
        <v>0</v>
      </c>
      <c r="CV32" s="113">
        <v>0</v>
      </c>
      <c r="CW32" s="116">
        <v>0</v>
      </c>
      <c r="CX32" s="110">
        <v>0</v>
      </c>
      <c r="CY32" s="114">
        <v>0</v>
      </c>
      <c r="CZ32" s="113">
        <v>0</v>
      </c>
      <c r="DA32" s="110">
        <v>0</v>
      </c>
      <c r="DB32" s="114">
        <v>0</v>
      </c>
      <c r="DC32" s="114">
        <v>0</v>
      </c>
      <c r="DD32" s="114">
        <v>0</v>
      </c>
      <c r="DE32" s="114">
        <v>0</v>
      </c>
      <c r="DF32" s="114">
        <v>0</v>
      </c>
      <c r="DG32" s="113">
        <v>0</v>
      </c>
      <c r="DH32" s="116">
        <v>0</v>
      </c>
      <c r="DI32" s="110">
        <v>0</v>
      </c>
      <c r="DJ32" s="114">
        <v>0</v>
      </c>
      <c r="DK32" s="112">
        <v>0</v>
      </c>
      <c r="DL32" s="111">
        <v>0</v>
      </c>
      <c r="DM32" s="114">
        <v>0</v>
      </c>
      <c r="DN32" s="114">
        <v>0</v>
      </c>
      <c r="DO32" s="114">
        <v>0</v>
      </c>
      <c r="DP32" s="114">
        <v>0</v>
      </c>
      <c r="DQ32" s="114">
        <v>0</v>
      </c>
      <c r="DR32" s="113">
        <v>0</v>
      </c>
      <c r="DS32" s="116">
        <v>0</v>
      </c>
      <c r="DT32" s="110">
        <v>0</v>
      </c>
      <c r="DU32" s="114">
        <v>0</v>
      </c>
      <c r="DV32" s="113">
        <v>0</v>
      </c>
      <c r="DW32" s="110">
        <v>0</v>
      </c>
      <c r="DX32" s="114">
        <v>0</v>
      </c>
      <c r="DY32" s="114">
        <v>0</v>
      </c>
      <c r="DZ32" s="114">
        <v>0</v>
      </c>
      <c r="EA32" s="114">
        <v>0</v>
      </c>
      <c r="EB32" s="114">
        <v>0</v>
      </c>
      <c r="EC32" s="113">
        <v>0</v>
      </c>
      <c r="ED32" s="116">
        <v>0</v>
      </c>
      <c r="EE32" s="110">
        <v>0</v>
      </c>
      <c r="EF32" s="112">
        <v>0</v>
      </c>
      <c r="EG32" s="113">
        <v>0</v>
      </c>
      <c r="EH32" s="110">
        <v>0</v>
      </c>
      <c r="EI32" s="114">
        <v>0</v>
      </c>
      <c r="EJ32" s="114">
        <v>0</v>
      </c>
      <c r="EK32" s="114">
        <v>0</v>
      </c>
      <c r="EL32" s="114">
        <v>0</v>
      </c>
      <c r="EM32" s="114">
        <v>0</v>
      </c>
      <c r="EN32" s="112">
        <v>0</v>
      </c>
      <c r="EO32" s="116">
        <v>0</v>
      </c>
      <c r="EP32" s="110">
        <v>0</v>
      </c>
      <c r="EQ32" s="114">
        <v>0</v>
      </c>
      <c r="ER32" s="112">
        <v>0</v>
      </c>
      <c r="ES32" s="111">
        <v>0</v>
      </c>
      <c r="ET32" s="114">
        <v>0</v>
      </c>
      <c r="EU32" s="114">
        <v>0</v>
      </c>
      <c r="EV32" s="114">
        <v>0</v>
      </c>
      <c r="EW32" s="114">
        <v>0</v>
      </c>
      <c r="EX32" s="114">
        <v>0</v>
      </c>
      <c r="EY32" s="113">
        <v>0</v>
      </c>
      <c r="EZ32" s="116">
        <v>0</v>
      </c>
      <c r="FA32" s="110">
        <v>0</v>
      </c>
      <c r="FB32" s="114">
        <v>0</v>
      </c>
      <c r="FC32" s="112">
        <v>0</v>
      </c>
      <c r="FD32" s="347"/>
      <c r="FE32" s="114">
        <v>0</v>
      </c>
      <c r="FF32" s="114">
        <v>0</v>
      </c>
      <c r="FG32" s="114">
        <v>0</v>
      </c>
      <c r="FH32" s="114">
        <v>0</v>
      </c>
      <c r="FI32" s="114">
        <v>0</v>
      </c>
      <c r="FJ32" s="113">
        <v>0</v>
      </c>
      <c r="FK32" s="116">
        <v>0</v>
      </c>
      <c r="FL32" s="110">
        <v>123200</v>
      </c>
      <c r="FM32" s="114">
        <v>53900</v>
      </c>
      <c r="FN32" s="113">
        <v>177100</v>
      </c>
      <c r="FO32" s="110">
        <v>0</v>
      </c>
      <c r="FP32" s="114">
        <v>32340</v>
      </c>
      <c r="FQ32" s="114">
        <v>26810</v>
      </c>
      <c r="FR32" s="114">
        <v>0</v>
      </c>
      <c r="FS32" s="114">
        <v>0</v>
      </c>
      <c r="FT32" s="114">
        <v>0</v>
      </c>
      <c r="FU32" s="113">
        <v>59150</v>
      </c>
      <c r="FV32" s="116">
        <v>236250</v>
      </c>
      <c r="FW32" s="115">
        <v>0</v>
      </c>
      <c r="FX32" s="114">
        <v>0</v>
      </c>
      <c r="FY32" s="112">
        <v>0</v>
      </c>
      <c r="FZ32" s="111">
        <v>0</v>
      </c>
      <c r="GA32" s="114">
        <v>0</v>
      </c>
      <c r="GB32" s="114">
        <v>0</v>
      </c>
      <c r="GC32" s="114">
        <v>0</v>
      </c>
      <c r="GD32" s="114">
        <v>0</v>
      </c>
      <c r="GE32" s="114">
        <v>0</v>
      </c>
      <c r="GF32" s="113">
        <v>0</v>
      </c>
      <c r="GG32" s="318">
        <v>0</v>
      </c>
      <c r="GH32" s="115">
        <v>0</v>
      </c>
      <c r="GI32" s="114">
        <v>0</v>
      </c>
      <c r="GJ32" s="112">
        <v>0</v>
      </c>
      <c r="GK32" s="111">
        <v>0</v>
      </c>
      <c r="GL32" s="114">
        <v>32340</v>
      </c>
      <c r="GM32" s="114">
        <v>26810</v>
      </c>
      <c r="GN32" s="114">
        <v>0</v>
      </c>
      <c r="GO32" s="114">
        <v>0</v>
      </c>
      <c r="GP32" s="114">
        <v>0</v>
      </c>
      <c r="GQ32" s="113">
        <v>59150</v>
      </c>
      <c r="GR32" s="116">
        <v>59150</v>
      </c>
      <c r="GS32" s="110">
        <v>123200</v>
      </c>
      <c r="GT32" s="114">
        <v>53900</v>
      </c>
      <c r="GU32" s="113">
        <v>177100</v>
      </c>
      <c r="GV32" s="110">
        <v>0</v>
      </c>
      <c r="GW32" s="114">
        <v>0</v>
      </c>
      <c r="GX32" s="114">
        <v>0</v>
      </c>
      <c r="GY32" s="114">
        <v>0</v>
      </c>
      <c r="GZ32" s="114">
        <v>0</v>
      </c>
      <c r="HA32" s="114">
        <v>0</v>
      </c>
      <c r="HB32" s="112">
        <v>0</v>
      </c>
      <c r="HC32" s="116">
        <v>177100</v>
      </c>
      <c r="HD32" s="110">
        <v>0</v>
      </c>
      <c r="HE32" s="114">
        <v>0</v>
      </c>
      <c r="HF32" s="112">
        <v>0</v>
      </c>
      <c r="HG32" s="111">
        <v>0</v>
      </c>
      <c r="HH32" s="114">
        <v>0</v>
      </c>
      <c r="HI32" s="114">
        <v>0</v>
      </c>
      <c r="HJ32" s="114">
        <v>0</v>
      </c>
      <c r="HK32" s="114">
        <v>0</v>
      </c>
      <c r="HL32" s="114">
        <v>0</v>
      </c>
      <c r="HM32" s="113">
        <v>0</v>
      </c>
      <c r="HN32" s="109">
        <v>0</v>
      </c>
      <c r="HO32" s="328"/>
      <c r="HP32" s="329"/>
      <c r="HQ32" s="330"/>
      <c r="HR32" s="331"/>
      <c r="HS32" s="329"/>
      <c r="HT32" s="329"/>
      <c r="HU32" s="329"/>
      <c r="HV32" s="329"/>
      <c r="HW32" s="329"/>
      <c r="HX32" s="332"/>
      <c r="HY32" s="333"/>
      <c r="HZ32" s="150">
        <v>0</v>
      </c>
      <c r="IA32" s="135">
        <v>0</v>
      </c>
      <c r="IB32" s="150">
        <v>0</v>
      </c>
      <c r="IC32" s="134">
        <v>0</v>
      </c>
      <c r="ID32" s="135">
        <v>0</v>
      </c>
      <c r="IE32" s="136">
        <v>0</v>
      </c>
      <c r="IF32" s="137">
        <v>0</v>
      </c>
      <c r="IG32" s="135">
        <v>0</v>
      </c>
      <c r="IH32" s="137">
        <v>0</v>
      </c>
      <c r="II32" s="138">
        <v>0</v>
      </c>
      <c r="IJ32" s="150">
        <v>0</v>
      </c>
      <c r="IK32" s="232">
        <v>0</v>
      </c>
      <c r="IL32" s="236">
        <v>0</v>
      </c>
      <c r="IM32" s="237">
        <v>0</v>
      </c>
      <c r="IN32" s="140"/>
      <c r="IO32" s="119">
        <v>0</v>
      </c>
      <c r="IP32" s="119">
        <v>0</v>
      </c>
      <c r="IQ32" s="119">
        <v>0</v>
      </c>
      <c r="IR32" s="119">
        <v>0</v>
      </c>
      <c r="IS32" s="119">
        <v>0</v>
      </c>
      <c r="IT32" s="141">
        <v>0</v>
      </c>
      <c r="IU32" s="320">
        <v>0</v>
      </c>
      <c r="IV32" s="142">
        <v>0</v>
      </c>
      <c r="IW32" s="119">
        <v>0</v>
      </c>
      <c r="IX32" s="120">
        <v>0</v>
      </c>
      <c r="IY32" s="144"/>
      <c r="IZ32" s="119">
        <v>0</v>
      </c>
      <c r="JA32" s="119">
        <v>0</v>
      </c>
      <c r="JB32" s="119">
        <v>0</v>
      </c>
      <c r="JC32" s="119">
        <v>0</v>
      </c>
      <c r="JD32" s="119">
        <v>0</v>
      </c>
      <c r="JE32" s="120">
        <v>0</v>
      </c>
      <c r="JF32" s="121">
        <v>0</v>
      </c>
      <c r="JG32" s="142">
        <v>0</v>
      </c>
      <c r="JH32" s="119">
        <v>0</v>
      </c>
      <c r="JI32" s="141">
        <v>0</v>
      </c>
      <c r="JJ32" s="118">
        <v>0</v>
      </c>
      <c r="JK32" s="119">
        <v>0</v>
      </c>
      <c r="JL32" s="119">
        <v>0</v>
      </c>
      <c r="JM32" s="119">
        <v>0</v>
      </c>
      <c r="JN32" s="119">
        <v>0</v>
      </c>
      <c r="JO32" s="119">
        <v>0</v>
      </c>
      <c r="JP32" s="120">
        <v>0</v>
      </c>
      <c r="JQ32" s="320">
        <v>0</v>
      </c>
      <c r="JR32" s="142">
        <v>0</v>
      </c>
      <c r="JS32" s="119">
        <v>0</v>
      </c>
      <c r="JT32" s="141">
        <v>0</v>
      </c>
      <c r="JU32" s="118">
        <v>0</v>
      </c>
      <c r="JV32" s="119">
        <v>0</v>
      </c>
      <c r="JW32" s="119">
        <v>0</v>
      </c>
      <c r="JX32" s="119">
        <v>0</v>
      </c>
      <c r="JY32" s="119">
        <v>0</v>
      </c>
      <c r="JZ32" s="119">
        <v>0</v>
      </c>
      <c r="KA32" s="120">
        <v>0</v>
      </c>
      <c r="KB32" s="320">
        <v>0</v>
      </c>
      <c r="KC32" s="234">
        <v>0</v>
      </c>
      <c r="KD32" s="230">
        <v>0</v>
      </c>
      <c r="KE32" s="120">
        <v>0</v>
      </c>
      <c r="KF32" s="118">
        <v>0</v>
      </c>
      <c r="KG32" s="119">
        <v>0</v>
      </c>
      <c r="KH32" s="119">
        <v>0</v>
      </c>
      <c r="KI32" s="119">
        <v>0</v>
      </c>
      <c r="KJ32" s="119">
        <v>0</v>
      </c>
      <c r="KK32" s="119">
        <v>0</v>
      </c>
      <c r="KL32" s="120">
        <v>0</v>
      </c>
      <c r="KM32" s="143">
        <v>0</v>
      </c>
      <c r="KN32" s="232">
        <v>0</v>
      </c>
      <c r="KO32" s="236">
        <v>0</v>
      </c>
      <c r="KP32" s="237">
        <v>0</v>
      </c>
      <c r="KQ32" s="140"/>
      <c r="KR32" s="119">
        <v>0</v>
      </c>
      <c r="KS32" s="119">
        <v>0</v>
      </c>
      <c r="KT32" s="119">
        <v>0</v>
      </c>
      <c r="KU32" s="119">
        <v>0</v>
      </c>
      <c r="KV32" s="119">
        <v>0</v>
      </c>
      <c r="KW32" s="120">
        <v>0</v>
      </c>
      <c r="KX32" s="320">
        <v>0</v>
      </c>
      <c r="KY32" s="142">
        <v>0</v>
      </c>
      <c r="KZ32" s="119">
        <v>0</v>
      </c>
      <c r="LA32" s="120">
        <v>0</v>
      </c>
      <c r="LB32" s="145"/>
      <c r="LC32" s="119">
        <v>0</v>
      </c>
      <c r="LD32" s="119">
        <v>0</v>
      </c>
      <c r="LE32" s="119">
        <v>0</v>
      </c>
      <c r="LF32" s="119">
        <v>0</v>
      </c>
      <c r="LG32" s="119">
        <v>0</v>
      </c>
      <c r="LH32" s="120">
        <v>0</v>
      </c>
      <c r="LI32" s="121">
        <v>0</v>
      </c>
      <c r="LJ32" s="142">
        <v>0</v>
      </c>
      <c r="LK32" s="119">
        <v>0</v>
      </c>
      <c r="LL32" s="120">
        <v>0</v>
      </c>
      <c r="LM32" s="145"/>
      <c r="LN32" s="119">
        <v>0</v>
      </c>
      <c r="LO32" s="119">
        <v>0</v>
      </c>
      <c r="LP32" s="119">
        <v>0</v>
      </c>
      <c r="LQ32" s="119">
        <v>0</v>
      </c>
      <c r="LR32" s="119">
        <v>0</v>
      </c>
      <c r="LS32" s="120">
        <v>0</v>
      </c>
      <c r="LT32" s="320">
        <v>0</v>
      </c>
      <c r="LU32" s="142">
        <v>0</v>
      </c>
      <c r="LV32" s="119">
        <v>0</v>
      </c>
      <c r="LW32" s="120">
        <v>0</v>
      </c>
      <c r="LX32" s="145"/>
      <c r="LY32" s="119">
        <v>0</v>
      </c>
      <c r="LZ32" s="119">
        <v>0</v>
      </c>
      <c r="MA32" s="119">
        <v>0</v>
      </c>
      <c r="MB32" s="119">
        <v>0</v>
      </c>
      <c r="MC32" s="119">
        <v>0</v>
      </c>
      <c r="MD32" s="120">
        <v>0</v>
      </c>
      <c r="ME32" s="121">
        <v>0</v>
      </c>
      <c r="MF32" s="142">
        <v>0</v>
      </c>
      <c r="MG32" s="119">
        <v>0</v>
      </c>
      <c r="MH32" s="120">
        <v>0</v>
      </c>
      <c r="MI32" s="145"/>
      <c r="MJ32" s="119">
        <v>0</v>
      </c>
      <c r="MK32" s="119">
        <v>0</v>
      </c>
      <c r="ML32" s="119">
        <v>0</v>
      </c>
      <c r="MM32" s="119">
        <v>0</v>
      </c>
      <c r="MN32" s="119">
        <v>0</v>
      </c>
      <c r="MO32" s="120">
        <v>0</v>
      </c>
      <c r="MP32" s="143">
        <v>0</v>
      </c>
      <c r="MQ32" s="142">
        <v>0</v>
      </c>
      <c r="MR32" s="119">
        <v>0</v>
      </c>
      <c r="MS32" s="120">
        <v>0</v>
      </c>
      <c r="MT32" s="145"/>
      <c r="MU32" s="119">
        <v>0</v>
      </c>
      <c r="MV32" s="119">
        <v>0</v>
      </c>
      <c r="MW32" s="119">
        <v>0</v>
      </c>
      <c r="MX32" s="119">
        <v>0</v>
      </c>
      <c r="MY32" s="119">
        <v>0</v>
      </c>
      <c r="MZ32" s="120">
        <v>0</v>
      </c>
      <c r="NA32" s="143">
        <v>0</v>
      </c>
      <c r="NB32" s="142">
        <v>0</v>
      </c>
      <c r="NC32" s="119">
        <v>0</v>
      </c>
      <c r="ND32" s="120">
        <v>0</v>
      </c>
      <c r="NE32" s="145"/>
      <c r="NF32" s="119">
        <v>0</v>
      </c>
      <c r="NG32" s="119">
        <v>0</v>
      </c>
      <c r="NH32" s="119">
        <v>0</v>
      </c>
      <c r="NI32" s="119">
        <v>0</v>
      </c>
      <c r="NJ32" s="119">
        <v>0</v>
      </c>
      <c r="NK32" s="120">
        <v>0</v>
      </c>
      <c r="NL32" s="320">
        <v>0</v>
      </c>
      <c r="NM32" s="142">
        <v>0</v>
      </c>
      <c r="NN32" s="119">
        <v>0</v>
      </c>
      <c r="NO32" s="120">
        <v>0</v>
      </c>
      <c r="NP32" s="145"/>
      <c r="NQ32" s="119">
        <v>0</v>
      </c>
      <c r="NR32" s="119">
        <v>0</v>
      </c>
      <c r="NS32" s="119">
        <v>0</v>
      </c>
      <c r="NT32" s="119">
        <v>0</v>
      </c>
      <c r="NU32" s="119">
        <v>0</v>
      </c>
      <c r="NV32" s="120">
        <v>0</v>
      </c>
      <c r="NW32" s="121">
        <v>0</v>
      </c>
      <c r="NX32" s="142">
        <v>0</v>
      </c>
      <c r="NY32" s="119">
        <v>0</v>
      </c>
      <c r="NZ32" s="120">
        <v>0</v>
      </c>
      <c r="OA32" s="145"/>
      <c r="OB32" s="119">
        <v>0</v>
      </c>
      <c r="OC32" s="119">
        <v>0</v>
      </c>
      <c r="OD32" s="119">
        <v>0</v>
      </c>
      <c r="OE32" s="119">
        <v>0</v>
      </c>
      <c r="OF32" s="119">
        <v>0</v>
      </c>
      <c r="OG32" s="120">
        <v>0</v>
      </c>
      <c r="OH32" s="121">
        <v>0</v>
      </c>
      <c r="OI32" s="142">
        <v>123200</v>
      </c>
      <c r="OJ32" s="119">
        <v>53900</v>
      </c>
      <c r="OK32" s="141">
        <v>177100</v>
      </c>
      <c r="OL32" s="118">
        <v>0</v>
      </c>
      <c r="OM32" s="119">
        <v>32340</v>
      </c>
      <c r="ON32" s="119">
        <v>26810</v>
      </c>
      <c r="OO32" s="119">
        <v>0</v>
      </c>
      <c r="OP32" s="119">
        <v>0</v>
      </c>
      <c r="OQ32" s="119">
        <v>0</v>
      </c>
      <c r="OR32" s="120">
        <v>59150</v>
      </c>
      <c r="OS32" s="143">
        <v>236250</v>
      </c>
    </row>
    <row r="33" spans="2:409" ht="21" customHeight="1" x14ac:dyDescent="0.2">
      <c r="B33" s="126" t="s">
        <v>28</v>
      </c>
      <c r="C33" s="110">
        <v>0</v>
      </c>
      <c r="D33" s="114">
        <v>0</v>
      </c>
      <c r="E33" s="113">
        <v>0</v>
      </c>
      <c r="F33" s="109">
        <v>0</v>
      </c>
      <c r="G33" s="114">
        <v>0</v>
      </c>
      <c r="H33" s="114">
        <v>0</v>
      </c>
      <c r="I33" s="114">
        <v>0</v>
      </c>
      <c r="J33" s="114">
        <v>0</v>
      </c>
      <c r="K33" s="114">
        <v>0</v>
      </c>
      <c r="L33" s="173">
        <v>0</v>
      </c>
      <c r="M33" s="116">
        <v>0</v>
      </c>
      <c r="N33" s="110">
        <v>0</v>
      </c>
      <c r="O33" s="114">
        <v>0</v>
      </c>
      <c r="P33" s="113">
        <v>0</v>
      </c>
      <c r="Q33" s="110">
        <v>0</v>
      </c>
      <c r="R33" s="114">
        <v>0</v>
      </c>
      <c r="S33" s="114">
        <v>0</v>
      </c>
      <c r="T33" s="114">
        <v>0</v>
      </c>
      <c r="U33" s="114">
        <v>0</v>
      </c>
      <c r="V33" s="114">
        <v>0</v>
      </c>
      <c r="W33" s="113">
        <v>0</v>
      </c>
      <c r="X33" s="116">
        <v>0</v>
      </c>
      <c r="Y33" s="110">
        <v>0</v>
      </c>
      <c r="Z33" s="114">
        <v>0</v>
      </c>
      <c r="AA33" s="113">
        <v>0</v>
      </c>
      <c r="AB33" s="110">
        <v>0</v>
      </c>
      <c r="AC33" s="114">
        <v>0</v>
      </c>
      <c r="AD33" s="114">
        <v>0</v>
      </c>
      <c r="AE33" s="114">
        <v>0</v>
      </c>
      <c r="AF33" s="114">
        <v>0</v>
      </c>
      <c r="AG33" s="114">
        <v>0</v>
      </c>
      <c r="AH33" s="113">
        <v>0</v>
      </c>
      <c r="AI33" s="116">
        <v>0</v>
      </c>
      <c r="AJ33" s="110">
        <v>0</v>
      </c>
      <c r="AK33" s="114">
        <v>0</v>
      </c>
      <c r="AL33" s="113">
        <v>0</v>
      </c>
      <c r="AM33" s="110">
        <v>0</v>
      </c>
      <c r="AN33" s="114">
        <v>0</v>
      </c>
      <c r="AO33" s="114">
        <v>0</v>
      </c>
      <c r="AP33" s="114">
        <v>0</v>
      </c>
      <c r="AQ33" s="114">
        <v>0</v>
      </c>
      <c r="AR33" s="114">
        <v>0</v>
      </c>
      <c r="AS33" s="113">
        <v>0</v>
      </c>
      <c r="AT33" s="116">
        <v>0</v>
      </c>
      <c r="AU33" s="110">
        <v>0</v>
      </c>
      <c r="AV33" s="114">
        <v>0</v>
      </c>
      <c r="AW33" s="113">
        <v>0</v>
      </c>
      <c r="AX33" s="110">
        <v>0</v>
      </c>
      <c r="AY33" s="114">
        <v>0</v>
      </c>
      <c r="AZ33" s="114">
        <v>0</v>
      </c>
      <c r="BA33" s="114">
        <v>0</v>
      </c>
      <c r="BB33" s="114">
        <v>0</v>
      </c>
      <c r="BC33" s="114">
        <v>0</v>
      </c>
      <c r="BD33" s="113">
        <v>0</v>
      </c>
      <c r="BE33" s="116">
        <v>0</v>
      </c>
      <c r="BF33" s="110">
        <v>0</v>
      </c>
      <c r="BG33" s="114">
        <v>0</v>
      </c>
      <c r="BH33" s="112">
        <v>0</v>
      </c>
      <c r="BI33" s="111">
        <v>0</v>
      </c>
      <c r="BJ33" s="114">
        <v>0</v>
      </c>
      <c r="BK33" s="114">
        <v>0</v>
      </c>
      <c r="BL33" s="114">
        <v>0</v>
      </c>
      <c r="BM33" s="114">
        <v>0</v>
      </c>
      <c r="BN33" s="114">
        <v>0</v>
      </c>
      <c r="BO33" s="113">
        <v>0</v>
      </c>
      <c r="BP33" s="116">
        <v>0</v>
      </c>
      <c r="BQ33" s="110">
        <v>0</v>
      </c>
      <c r="BR33" s="114">
        <v>0</v>
      </c>
      <c r="BS33" s="113">
        <v>0</v>
      </c>
      <c r="BT33" s="110">
        <v>0</v>
      </c>
      <c r="BU33" s="114">
        <v>0</v>
      </c>
      <c r="BV33" s="114">
        <v>0</v>
      </c>
      <c r="BW33" s="114">
        <v>0</v>
      </c>
      <c r="BX33" s="114">
        <v>0</v>
      </c>
      <c r="BY33" s="114">
        <v>0</v>
      </c>
      <c r="BZ33" s="113">
        <v>0</v>
      </c>
      <c r="CA33" s="116">
        <v>0</v>
      </c>
      <c r="CB33" s="110">
        <v>0</v>
      </c>
      <c r="CC33" s="114">
        <v>0</v>
      </c>
      <c r="CD33" s="113">
        <v>0</v>
      </c>
      <c r="CE33" s="110">
        <v>0</v>
      </c>
      <c r="CF33" s="114">
        <v>0</v>
      </c>
      <c r="CG33" s="114">
        <v>0</v>
      </c>
      <c r="CH33" s="114">
        <v>0</v>
      </c>
      <c r="CI33" s="114">
        <v>0</v>
      </c>
      <c r="CJ33" s="114">
        <v>0</v>
      </c>
      <c r="CK33" s="113">
        <v>0</v>
      </c>
      <c r="CL33" s="116">
        <v>0</v>
      </c>
      <c r="CM33" s="110">
        <v>0</v>
      </c>
      <c r="CN33" s="114">
        <v>0</v>
      </c>
      <c r="CO33" s="113">
        <v>0</v>
      </c>
      <c r="CP33" s="111">
        <v>0</v>
      </c>
      <c r="CQ33" s="114">
        <v>0</v>
      </c>
      <c r="CR33" s="114">
        <v>0</v>
      </c>
      <c r="CS33" s="114">
        <v>0</v>
      </c>
      <c r="CT33" s="114">
        <v>0</v>
      </c>
      <c r="CU33" s="114">
        <v>0</v>
      </c>
      <c r="CV33" s="113">
        <v>0</v>
      </c>
      <c r="CW33" s="116">
        <v>0</v>
      </c>
      <c r="CX33" s="110">
        <v>0</v>
      </c>
      <c r="CY33" s="114">
        <v>0</v>
      </c>
      <c r="CZ33" s="113">
        <v>0</v>
      </c>
      <c r="DA33" s="110">
        <v>0</v>
      </c>
      <c r="DB33" s="114">
        <v>0</v>
      </c>
      <c r="DC33" s="114">
        <v>0</v>
      </c>
      <c r="DD33" s="114">
        <v>0</v>
      </c>
      <c r="DE33" s="114">
        <v>0</v>
      </c>
      <c r="DF33" s="114">
        <v>0</v>
      </c>
      <c r="DG33" s="113">
        <v>0</v>
      </c>
      <c r="DH33" s="116">
        <v>0</v>
      </c>
      <c r="DI33" s="110">
        <v>0</v>
      </c>
      <c r="DJ33" s="114">
        <v>0</v>
      </c>
      <c r="DK33" s="112">
        <v>0</v>
      </c>
      <c r="DL33" s="111">
        <v>0</v>
      </c>
      <c r="DM33" s="114">
        <v>0</v>
      </c>
      <c r="DN33" s="114">
        <v>0</v>
      </c>
      <c r="DO33" s="114">
        <v>0</v>
      </c>
      <c r="DP33" s="114">
        <v>0</v>
      </c>
      <c r="DQ33" s="114">
        <v>0</v>
      </c>
      <c r="DR33" s="113">
        <v>0</v>
      </c>
      <c r="DS33" s="116">
        <v>0</v>
      </c>
      <c r="DT33" s="110">
        <v>0</v>
      </c>
      <c r="DU33" s="114">
        <v>0</v>
      </c>
      <c r="DV33" s="113">
        <v>0</v>
      </c>
      <c r="DW33" s="110">
        <v>0</v>
      </c>
      <c r="DX33" s="114">
        <v>0</v>
      </c>
      <c r="DY33" s="114">
        <v>0</v>
      </c>
      <c r="DZ33" s="114">
        <v>0</v>
      </c>
      <c r="EA33" s="114">
        <v>0</v>
      </c>
      <c r="EB33" s="114">
        <v>0</v>
      </c>
      <c r="EC33" s="113">
        <v>0</v>
      </c>
      <c r="ED33" s="116">
        <v>0</v>
      </c>
      <c r="EE33" s="110">
        <v>0</v>
      </c>
      <c r="EF33" s="112">
        <v>0</v>
      </c>
      <c r="EG33" s="113">
        <v>0</v>
      </c>
      <c r="EH33" s="110">
        <v>0</v>
      </c>
      <c r="EI33" s="114">
        <v>0</v>
      </c>
      <c r="EJ33" s="114">
        <v>0</v>
      </c>
      <c r="EK33" s="114">
        <v>0</v>
      </c>
      <c r="EL33" s="114">
        <v>0</v>
      </c>
      <c r="EM33" s="114">
        <v>0</v>
      </c>
      <c r="EN33" s="112">
        <v>0</v>
      </c>
      <c r="EO33" s="116">
        <v>0</v>
      </c>
      <c r="EP33" s="110">
        <v>0</v>
      </c>
      <c r="EQ33" s="114">
        <v>0</v>
      </c>
      <c r="ER33" s="112">
        <v>0</v>
      </c>
      <c r="ES33" s="111">
        <v>0</v>
      </c>
      <c r="ET33" s="114">
        <v>0</v>
      </c>
      <c r="EU33" s="114">
        <v>0</v>
      </c>
      <c r="EV33" s="114">
        <v>0</v>
      </c>
      <c r="EW33" s="114">
        <v>0</v>
      </c>
      <c r="EX33" s="114">
        <v>0</v>
      </c>
      <c r="EY33" s="113">
        <v>0</v>
      </c>
      <c r="EZ33" s="116">
        <v>0</v>
      </c>
      <c r="FA33" s="110">
        <v>0</v>
      </c>
      <c r="FB33" s="114">
        <v>0</v>
      </c>
      <c r="FC33" s="112">
        <v>0</v>
      </c>
      <c r="FD33" s="347"/>
      <c r="FE33" s="114">
        <v>0</v>
      </c>
      <c r="FF33" s="114">
        <v>0</v>
      </c>
      <c r="FG33" s="114">
        <v>0</v>
      </c>
      <c r="FH33" s="114">
        <v>0</v>
      </c>
      <c r="FI33" s="114">
        <v>0</v>
      </c>
      <c r="FJ33" s="113">
        <v>0</v>
      </c>
      <c r="FK33" s="116">
        <v>0</v>
      </c>
      <c r="FL33" s="110">
        <v>0</v>
      </c>
      <c r="FM33" s="114">
        <v>0</v>
      </c>
      <c r="FN33" s="113">
        <v>0</v>
      </c>
      <c r="FO33" s="110">
        <v>0</v>
      </c>
      <c r="FP33" s="114">
        <v>0</v>
      </c>
      <c r="FQ33" s="114">
        <v>0</v>
      </c>
      <c r="FR33" s="114">
        <v>0</v>
      </c>
      <c r="FS33" s="114">
        <v>0</v>
      </c>
      <c r="FT33" s="114">
        <v>0</v>
      </c>
      <c r="FU33" s="113">
        <v>0</v>
      </c>
      <c r="FV33" s="116">
        <v>0</v>
      </c>
      <c r="FW33" s="115">
        <v>0</v>
      </c>
      <c r="FX33" s="114">
        <v>0</v>
      </c>
      <c r="FY33" s="112">
        <v>0</v>
      </c>
      <c r="FZ33" s="111">
        <v>0</v>
      </c>
      <c r="GA33" s="114">
        <v>0</v>
      </c>
      <c r="GB33" s="114">
        <v>0</v>
      </c>
      <c r="GC33" s="114">
        <v>0</v>
      </c>
      <c r="GD33" s="114">
        <v>0</v>
      </c>
      <c r="GE33" s="114">
        <v>0</v>
      </c>
      <c r="GF33" s="113">
        <v>0</v>
      </c>
      <c r="GG33" s="318">
        <v>0</v>
      </c>
      <c r="GH33" s="115">
        <v>0</v>
      </c>
      <c r="GI33" s="114">
        <v>0</v>
      </c>
      <c r="GJ33" s="112">
        <v>0</v>
      </c>
      <c r="GK33" s="111">
        <v>0</v>
      </c>
      <c r="GL33" s="114">
        <v>0</v>
      </c>
      <c r="GM33" s="114">
        <v>0</v>
      </c>
      <c r="GN33" s="114">
        <v>0</v>
      </c>
      <c r="GO33" s="114">
        <v>0</v>
      </c>
      <c r="GP33" s="114">
        <v>0</v>
      </c>
      <c r="GQ33" s="113">
        <v>0</v>
      </c>
      <c r="GR33" s="116">
        <v>0</v>
      </c>
      <c r="GS33" s="110">
        <v>0</v>
      </c>
      <c r="GT33" s="114">
        <v>0</v>
      </c>
      <c r="GU33" s="113">
        <v>0</v>
      </c>
      <c r="GV33" s="110">
        <v>0</v>
      </c>
      <c r="GW33" s="114">
        <v>0</v>
      </c>
      <c r="GX33" s="114">
        <v>0</v>
      </c>
      <c r="GY33" s="114">
        <v>0</v>
      </c>
      <c r="GZ33" s="114">
        <v>0</v>
      </c>
      <c r="HA33" s="114">
        <v>0</v>
      </c>
      <c r="HB33" s="112">
        <v>0</v>
      </c>
      <c r="HC33" s="116">
        <v>0</v>
      </c>
      <c r="HD33" s="110">
        <v>0</v>
      </c>
      <c r="HE33" s="114">
        <v>0</v>
      </c>
      <c r="HF33" s="112">
        <v>0</v>
      </c>
      <c r="HG33" s="111">
        <v>0</v>
      </c>
      <c r="HH33" s="114">
        <v>0</v>
      </c>
      <c r="HI33" s="114">
        <v>0</v>
      </c>
      <c r="HJ33" s="114">
        <v>0</v>
      </c>
      <c r="HK33" s="114">
        <v>0</v>
      </c>
      <c r="HL33" s="114">
        <v>0</v>
      </c>
      <c r="HM33" s="113">
        <v>0</v>
      </c>
      <c r="HN33" s="109">
        <v>0</v>
      </c>
      <c r="HO33" s="328"/>
      <c r="HP33" s="329"/>
      <c r="HQ33" s="330"/>
      <c r="HR33" s="331"/>
      <c r="HS33" s="329"/>
      <c r="HT33" s="329"/>
      <c r="HU33" s="329"/>
      <c r="HV33" s="329"/>
      <c r="HW33" s="329"/>
      <c r="HX33" s="332"/>
      <c r="HY33" s="333"/>
      <c r="HZ33" s="131">
        <v>0</v>
      </c>
      <c r="IA33" s="132">
        <v>0</v>
      </c>
      <c r="IB33" s="133">
        <v>0</v>
      </c>
      <c r="IC33" s="146">
        <v>0</v>
      </c>
      <c r="ID33" s="132">
        <v>0</v>
      </c>
      <c r="IE33" s="147">
        <v>0</v>
      </c>
      <c r="IF33" s="133">
        <v>0</v>
      </c>
      <c r="IG33" s="132">
        <v>0</v>
      </c>
      <c r="IH33" s="133">
        <v>0</v>
      </c>
      <c r="II33" s="148">
        <v>0</v>
      </c>
      <c r="IJ33" s="139">
        <v>0</v>
      </c>
      <c r="IK33" s="232">
        <v>0</v>
      </c>
      <c r="IL33" s="236">
        <v>0</v>
      </c>
      <c r="IM33" s="237">
        <v>0</v>
      </c>
      <c r="IN33" s="140"/>
      <c r="IO33" s="119">
        <v>0</v>
      </c>
      <c r="IP33" s="119">
        <v>0</v>
      </c>
      <c r="IQ33" s="119">
        <v>0</v>
      </c>
      <c r="IR33" s="119">
        <v>0</v>
      </c>
      <c r="IS33" s="119">
        <v>0</v>
      </c>
      <c r="IT33" s="141">
        <v>0</v>
      </c>
      <c r="IU33" s="320">
        <v>0</v>
      </c>
      <c r="IV33" s="142">
        <v>0</v>
      </c>
      <c r="IW33" s="119">
        <v>0</v>
      </c>
      <c r="IX33" s="120">
        <v>0</v>
      </c>
      <c r="IY33" s="144"/>
      <c r="IZ33" s="119">
        <v>0</v>
      </c>
      <c r="JA33" s="119">
        <v>0</v>
      </c>
      <c r="JB33" s="119">
        <v>0</v>
      </c>
      <c r="JC33" s="119">
        <v>0</v>
      </c>
      <c r="JD33" s="119">
        <v>0</v>
      </c>
      <c r="JE33" s="120">
        <v>0</v>
      </c>
      <c r="JF33" s="121">
        <v>0</v>
      </c>
      <c r="JG33" s="142">
        <v>0</v>
      </c>
      <c r="JH33" s="119">
        <v>0</v>
      </c>
      <c r="JI33" s="141">
        <v>0</v>
      </c>
      <c r="JJ33" s="118">
        <v>0</v>
      </c>
      <c r="JK33" s="119">
        <v>0</v>
      </c>
      <c r="JL33" s="119">
        <v>0</v>
      </c>
      <c r="JM33" s="119">
        <v>0</v>
      </c>
      <c r="JN33" s="119">
        <v>0</v>
      </c>
      <c r="JO33" s="119">
        <v>0</v>
      </c>
      <c r="JP33" s="120">
        <v>0</v>
      </c>
      <c r="JQ33" s="320">
        <v>0</v>
      </c>
      <c r="JR33" s="142">
        <v>0</v>
      </c>
      <c r="JS33" s="119">
        <v>0</v>
      </c>
      <c r="JT33" s="141">
        <v>0</v>
      </c>
      <c r="JU33" s="118">
        <v>0</v>
      </c>
      <c r="JV33" s="119">
        <v>0</v>
      </c>
      <c r="JW33" s="119">
        <v>0</v>
      </c>
      <c r="JX33" s="119">
        <v>0</v>
      </c>
      <c r="JY33" s="119">
        <v>0</v>
      </c>
      <c r="JZ33" s="119">
        <v>0</v>
      </c>
      <c r="KA33" s="120">
        <v>0</v>
      </c>
      <c r="KB33" s="320">
        <v>0</v>
      </c>
      <c r="KC33" s="234">
        <v>0</v>
      </c>
      <c r="KD33" s="230">
        <v>0</v>
      </c>
      <c r="KE33" s="120">
        <v>0</v>
      </c>
      <c r="KF33" s="118">
        <v>0</v>
      </c>
      <c r="KG33" s="119">
        <v>0</v>
      </c>
      <c r="KH33" s="119">
        <v>0</v>
      </c>
      <c r="KI33" s="119">
        <v>0</v>
      </c>
      <c r="KJ33" s="119">
        <v>0</v>
      </c>
      <c r="KK33" s="119">
        <v>0</v>
      </c>
      <c r="KL33" s="120">
        <v>0</v>
      </c>
      <c r="KM33" s="143">
        <v>0</v>
      </c>
      <c r="KN33" s="232">
        <v>0</v>
      </c>
      <c r="KO33" s="236">
        <v>0</v>
      </c>
      <c r="KP33" s="237">
        <v>0</v>
      </c>
      <c r="KQ33" s="140"/>
      <c r="KR33" s="119">
        <v>0</v>
      </c>
      <c r="KS33" s="119">
        <v>0</v>
      </c>
      <c r="KT33" s="119">
        <v>0</v>
      </c>
      <c r="KU33" s="119">
        <v>0</v>
      </c>
      <c r="KV33" s="119">
        <v>0</v>
      </c>
      <c r="KW33" s="120">
        <v>0</v>
      </c>
      <c r="KX33" s="320">
        <v>0</v>
      </c>
      <c r="KY33" s="142">
        <v>0</v>
      </c>
      <c r="KZ33" s="119">
        <v>0</v>
      </c>
      <c r="LA33" s="120">
        <v>0</v>
      </c>
      <c r="LB33" s="145"/>
      <c r="LC33" s="119">
        <v>0</v>
      </c>
      <c r="LD33" s="119">
        <v>0</v>
      </c>
      <c r="LE33" s="119">
        <v>0</v>
      </c>
      <c r="LF33" s="119">
        <v>0</v>
      </c>
      <c r="LG33" s="119">
        <v>0</v>
      </c>
      <c r="LH33" s="120">
        <v>0</v>
      </c>
      <c r="LI33" s="121">
        <v>0</v>
      </c>
      <c r="LJ33" s="142">
        <v>0</v>
      </c>
      <c r="LK33" s="119">
        <v>0</v>
      </c>
      <c r="LL33" s="120">
        <v>0</v>
      </c>
      <c r="LM33" s="145"/>
      <c r="LN33" s="119">
        <v>0</v>
      </c>
      <c r="LO33" s="119">
        <v>0</v>
      </c>
      <c r="LP33" s="119">
        <v>0</v>
      </c>
      <c r="LQ33" s="119">
        <v>0</v>
      </c>
      <c r="LR33" s="119">
        <v>0</v>
      </c>
      <c r="LS33" s="120">
        <v>0</v>
      </c>
      <c r="LT33" s="320">
        <v>0</v>
      </c>
      <c r="LU33" s="142">
        <v>0</v>
      </c>
      <c r="LV33" s="119">
        <v>0</v>
      </c>
      <c r="LW33" s="120">
        <v>0</v>
      </c>
      <c r="LX33" s="145"/>
      <c r="LY33" s="119">
        <v>0</v>
      </c>
      <c r="LZ33" s="119">
        <v>0</v>
      </c>
      <c r="MA33" s="119">
        <v>0</v>
      </c>
      <c r="MB33" s="119">
        <v>0</v>
      </c>
      <c r="MC33" s="119">
        <v>0</v>
      </c>
      <c r="MD33" s="120">
        <v>0</v>
      </c>
      <c r="ME33" s="121">
        <v>0</v>
      </c>
      <c r="MF33" s="142">
        <v>0</v>
      </c>
      <c r="MG33" s="119">
        <v>0</v>
      </c>
      <c r="MH33" s="120">
        <v>0</v>
      </c>
      <c r="MI33" s="145"/>
      <c r="MJ33" s="119">
        <v>0</v>
      </c>
      <c r="MK33" s="119">
        <v>0</v>
      </c>
      <c r="ML33" s="119">
        <v>0</v>
      </c>
      <c r="MM33" s="119">
        <v>0</v>
      </c>
      <c r="MN33" s="119">
        <v>0</v>
      </c>
      <c r="MO33" s="120">
        <v>0</v>
      </c>
      <c r="MP33" s="143">
        <v>0</v>
      </c>
      <c r="MQ33" s="142">
        <v>0</v>
      </c>
      <c r="MR33" s="119">
        <v>0</v>
      </c>
      <c r="MS33" s="120">
        <v>0</v>
      </c>
      <c r="MT33" s="145"/>
      <c r="MU33" s="119">
        <v>0</v>
      </c>
      <c r="MV33" s="119">
        <v>0</v>
      </c>
      <c r="MW33" s="119">
        <v>0</v>
      </c>
      <c r="MX33" s="119">
        <v>0</v>
      </c>
      <c r="MY33" s="119">
        <v>0</v>
      </c>
      <c r="MZ33" s="120">
        <v>0</v>
      </c>
      <c r="NA33" s="143">
        <v>0</v>
      </c>
      <c r="NB33" s="142">
        <v>0</v>
      </c>
      <c r="NC33" s="119">
        <v>0</v>
      </c>
      <c r="ND33" s="120">
        <v>0</v>
      </c>
      <c r="NE33" s="145"/>
      <c r="NF33" s="119">
        <v>0</v>
      </c>
      <c r="NG33" s="119">
        <v>0</v>
      </c>
      <c r="NH33" s="119">
        <v>0</v>
      </c>
      <c r="NI33" s="119">
        <v>0</v>
      </c>
      <c r="NJ33" s="119">
        <v>0</v>
      </c>
      <c r="NK33" s="120">
        <v>0</v>
      </c>
      <c r="NL33" s="320">
        <v>0</v>
      </c>
      <c r="NM33" s="142">
        <v>0</v>
      </c>
      <c r="NN33" s="119">
        <v>0</v>
      </c>
      <c r="NO33" s="120">
        <v>0</v>
      </c>
      <c r="NP33" s="145"/>
      <c r="NQ33" s="119">
        <v>0</v>
      </c>
      <c r="NR33" s="119">
        <v>0</v>
      </c>
      <c r="NS33" s="119">
        <v>0</v>
      </c>
      <c r="NT33" s="119">
        <v>0</v>
      </c>
      <c r="NU33" s="119">
        <v>0</v>
      </c>
      <c r="NV33" s="120">
        <v>0</v>
      </c>
      <c r="NW33" s="121">
        <v>0</v>
      </c>
      <c r="NX33" s="142">
        <v>0</v>
      </c>
      <c r="NY33" s="119">
        <v>0</v>
      </c>
      <c r="NZ33" s="120">
        <v>0</v>
      </c>
      <c r="OA33" s="145"/>
      <c r="OB33" s="119">
        <v>0</v>
      </c>
      <c r="OC33" s="119">
        <v>0</v>
      </c>
      <c r="OD33" s="119">
        <v>0</v>
      </c>
      <c r="OE33" s="119">
        <v>0</v>
      </c>
      <c r="OF33" s="119">
        <v>0</v>
      </c>
      <c r="OG33" s="120">
        <v>0</v>
      </c>
      <c r="OH33" s="121">
        <v>0</v>
      </c>
      <c r="OI33" s="142">
        <v>0</v>
      </c>
      <c r="OJ33" s="119">
        <v>0</v>
      </c>
      <c r="OK33" s="141">
        <v>0</v>
      </c>
      <c r="OL33" s="118">
        <v>0</v>
      </c>
      <c r="OM33" s="119">
        <v>0</v>
      </c>
      <c r="ON33" s="119">
        <v>0</v>
      </c>
      <c r="OO33" s="119">
        <v>0</v>
      </c>
      <c r="OP33" s="119">
        <v>0</v>
      </c>
      <c r="OQ33" s="119">
        <v>0</v>
      </c>
      <c r="OR33" s="120">
        <v>0</v>
      </c>
      <c r="OS33" s="143">
        <v>0</v>
      </c>
    </row>
    <row r="34" spans="2:409" ht="21" customHeight="1" x14ac:dyDescent="0.2">
      <c r="B34" s="126" t="s">
        <v>29</v>
      </c>
      <c r="C34" s="110">
        <v>0</v>
      </c>
      <c r="D34" s="114">
        <v>0</v>
      </c>
      <c r="E34" s="113">
        <v>0</v>
      </c>
      <c r="F34" s="109">
        <v>0</v>
      </c>
      <c r="G34" s="114">
        <v>0</v>
      </c>
      <c r="H34" s="114">
        <v>0</v>
      </c>
      <c r="I34" s="114">
        <v>0</v>
      </c>
      <c r="J34" s="114">
        <v>0</v>
      </c>
      <c r="K34" s="114">
        <v>0</v>
      </c>
      <c r="L34" s="173">
        <v>0</v>
      </c>
      <c r="M34" s="116">
        <v>0</v>
      </c>
      <c r="N34" s="110">
        <v>0</v>
      </c>
      <c r="O34" s="114">
        <v>0</v>
      </c>
      <c r="P34" s="113">
        <v>0</v>
      </c>
      <c r="Q34" s="110">
        <v>0</v>
      </c>
      <c r="R34" s="114">
        <v>0</v>
      </c>
      <c r="S34" s="114">
        <v>0</v>
      </c>
      <c r="T34" s="114">
        <v>0</v>
      </c>
      <c r="U34" s="114">
        <v>0</v>
      </c>
      <c r="V34" s="114">
        <v>0</v>
      </c>
      <c r="W34" s="113">
        <v>0</v>
      </c>
      <c r="X34" s="116">
        <v>0</v>
      </c>
      <c r="Y34" s="110">
        <v>0</v>
      </c>
      <c r="Z34" s="114">
        <v>0</v>
      </c>
      <c r="AA34" s="113">
        <v>0</v>
      </c>
      <c r="AB34" s="110">
        <v>0</v>
      </c>
      <c r="AC34" s="114">
        <v>0</v>
      </c>
      <c r="AD34" s="114">
        <v>0</v>
      </c>
      <c r="AE34" s="114">
        <v>0</v>
      </c>
      <c r="AF34" s="114">
        <v>0</v>
      </c>
      <c r="AG34" s="114">
        <v>0</v>
      </c>
      <c r="AH34" s="113">
        <v>0</v>
      </c>
      <c r="AI34" s="116">
        <v>0</v>
      </c>
      <c r="AJ34" s="110">
        <v>0</v>
      </c>
      <c r="AK34" s="114">
        <v>0</v>
      </c>
      <c r="AL34" s="113">
        <v>0</v>
      </c>
      <c r="AM34" s="110">
        <v>0</v>
      </c>
      <c r="AN34" s="114">
        <v>0</v>
      </c>
      <c r="AO34" s="114">
        <v>0</v>
      </c>
      <c r="AP34" s="114">
        <v>0</v>
      </c>
      <c r="AQ34" s="114">
        <v>0</v>
      </c>
      <c r="AR34" s="114">
        <v>0</v>
      </c>
      <c r="AS34" s="113">
        <v>0</v>
      </c>
      <c r="AT34" s="116">
        <v>0</v>
      </c>
      <c r="AU34" s="110">
        <v>0</v>
      </c>
      <c r="AV34" s="114">
        <v>0</v>
      </c>
      <c r="AW34" s="113">
        <v>0</v>
      </c>
      <c r="AX34" s="110">
        <v>0</v>
      </c>
      <c r="AY34" s="114">
        <v>0</v>
      </c>
      <c r="AZ34" s="114">
        <v>0</v>
      </c>
      <c r="BA34" s="114">
        <v>0</v>
      </c>
      <c r="BB34" s="114">
        <v>0</v>
      </c>
      <c r="BC34" s="114">
        <v>0</v>
      </c>
      <c r="BD34" s="113">
        <v>0</v>
      </c>
      <c r="BE34" s="116">
        <v>0</v>
      </c>
      <c r="BF34" s="110">
        <v>0</v>
      </c>
      <c r="BG34" s="114">
        <v>0</v>
      </c>
      <c r="BH34" s="112">
        <v>0</v>
      </c>
      <c r="BI34" s="111">
        <v>0</v>
      </c>
      <c r="BJ34" s="114">
        <v>0</v>
      </c>
      <c r="BK34" s="114">
        <v>0</v>
      </c>
      <c r="BL34" s="114">
        <v>0</v>
      </c>
      <c r="BM34" s="114">
        <v>0</v>
      </c>
      <c r="BN34" s="114">
        <v>0</v>
      </c>
      <c r="BO34" s="113">
        <v>0</v>
      </c>
      <c r="BP34" s="116">
        <v>0</v>
      </c>
      <c r="BQ34" s="110">
        <v>0</v>
      </c>
      <c r="BR34" s="114">
        <v>0</v>
      </c>
      <c r="BS34" s="113">
        <v>0</v>
      </c>
      <c r="BT34" s="110">
        <v>0</v>
      </c>
      <c r="BU34" s="114">
        <v>0</v>
      </c>
      <c r="BV34" s="114">
        <v>0</v>
      </c>
      <c r="BW34" s="114">
        <v>0</v>
      </c>
      <c r="BX34" s="114">
        <v>0</v>
      </c>
      <c r="BY34" s="114">
        <v>0</v>
      </c>
      <c r="BZ34" s="113">
        <v>0</v>
      </c>
      <c r="CA34" s="116">
        <v>0</v>
      </c>
      <c r="CB34" s="110">
        <v>0</v>
      </c>
      <c r="CC34" s="114">
        <v>0</v>
      </c>
      <c r="CD34" s="113">
        <v>0</v>
      </c>
      <c r="CE34" s="110">
        <v>0</v>
      </c>
      <c r="CF34" s="114">
        <v>0</v>
      </c>
      <c r="CG34" s="114">
        <v>0</v>
      </c>
      <c r="CH34" s="114">
        <v>0</v>
      </c>
      <c r="CI34" s="114">
        <v>0</v>
      </c>
      <c r="CJ34" s="114">
        <v>0</v>
      </c>
      <c r="CK34" s="113">
        <v>0</v>
      </c>
      <c r="CL34" s="116">
        <v>0</v>
      </c>
      <c r="CM34" s="110">
        <v>0</v>
      </c>
      <c r="CN34" s="114">
        <v>0</v>
      </c>
      <c r="CO34" s="113">
        <v>0</v>
      </c>
      <c r="CP34" s="111">
        <v>0</v>
      </c>
      <c r="CQ34" s="114">
        <v>0</v>
      </c>
      <c r="CR34" s="114">
        <v>0</v>
      </c>
      <c r="CS34" s="114">
        <v>0</v>
      </c>
      <c r="CT34" s="114">
        <v>0</v>
      </c>
      <c r="CU34" s="114">
        <v>0</v>
      </c>
      <c r="CV34" s="113">
        <v>0</v>
      </c>
      <c r="CW34" s="116">
        <v>0</v>
      </c>
      <c r="CX34" s="110">
        <v>0</v>
      </c>
      <c r="CY34" s="114">
        <v>0</v>
      </c>
      <c r="CZ34" s="113">
        <v>0</v>
      </c>
      <c r="DA34" s="110">
        <v>0</v>
      </c>
      <c r="DB34" s="114">
        <v>0</v>
      </c>
      <c r="DC34" s="114">
        <v>0</v>
      </c>
      <c r="DD34" s="114">
        <v>0</v>
      </c>
      <c r="DE34" s="114">
        <v>0</v>
      </c>
      <c r="DF34" s="114">
        <v>0</v>
      </c>
      <c r="DG34" s="113">
        <v>0</v>
      </c>
      <c r="DH34" s="116">
        <v>0</v>
      </c>
      <c r="DI34" s="110">
        <v>0</v>
      </c>
      <c r="DJ34" s="114">
        <v>0</v>
      </c>
      <c r="DK34" s="112">
        <v>0</v>
      </c>
      <c r="DL34" s="111">
        <v>0</v>
      </c>
      <c r="DM34" s="114">
        <v>0</v>
      </c>
      <c r="DN34" s="114">
        <v>0</v>
      </c>
      <c r="DO34" s="114">
        <v>0</v>
      </c>
      <c r="DP34" s="114">
        <v>0</v>
      </c>
      <c r="DQ34" s="114">
        <v>0</v>
      </c>
      <c r="DR34" s="113">
        <v>0</v>
      </c>
      <c r="DS34" s="116">
        <v>0</v>
      </c>
      <c r="DT34" s="110">
        <v>0</v>
      </c>
      <c r="DU34" s="114">
        <v>0</v>
      </c>
      <c r="DV34" s="113">
        <v>0</v>
      </c>
      <c r="DW34" s="110">
        <v>0</v>
      </c>
      <c r="DX34" s="114">
        <v>0</v>
      </c>
      <c r="DY34" s="114">
        <v>0</v>
      </c>
      <c r="DZ34" s="114">
        <v>0</v>
      </c>
      <c r="EA34" s="114">
        <v>0</v>
      </c>
      <c r="EB34" s="114">
        <v>0</v>
      </c>
      <c r="EC34" s="113">
        <v>0</v>
      </c>
      <c r="ED34" s="116">
        <v>0</v>
      </c>
      <c r="EE34" s="110">
        <v>0</v>
      </c>
      <c r="EF34" s="112">
        <v>0</v>
      </c>
      <c r="EG34" s="113">
        <v>0</v>
      </c>
      <c r="EH34" s="110">
        <v>0</v>
      </c>
      <c r="EI34" s="114">
        <v>0</v>
      </c>
      <c r="EJ34" s="114">
        <v>0</v>
      </c>
      <c r="EK34" s="114">
        <v>0</v>
      </c>
      <c r="EL34" s="114">
        <v>0</v>
      </c>
      <c r="EM34" s="114">
        <v>0</v>
      </c>
      <c r="EN34" s="112">
        <v>0</v>
      </c>
      <c r="EO34" s="116">
        <v>0</v>
      </c>
      <c r="EP34" s="110">
        <v>0</v>
      </c>
      <c r="EQ34" s="114">
        <v>0</v>
      </c>
      <c r="ER34" s="112">
        <v>0</v>
      </c>
      <c r="ES34" s="111">
        <v>0</v>
      </c>
      <c r="ET34" s="114">
        <v>0</v>
      </c>
      <c r="EU34" s="114">
        <v>0</v>
      </c>
      <c r="EV34" s="114">
        <v>0</v>
      </c>
      <c r="EW34" s="114">
        <v>0</v>
      </c>
      <c r="EX34" s="114">
        <v>0</v>
      </c>
      <c r="EY34" s="113">
        <v>0</v>
      </c>
      <c r="EZ34" s="116">
        <v>0</v>
      </c>
      <c r="FA34" s="110">
        <v>0</v>
      </c>
      <c r="FB34" s="114">
        <v>0</v>
      </c>
      <c r="FC34" s="112">
        <v>0</v>
      </c>
      <c r="FD34" s="347"/>
      <c r="FE34" s="114">
        <v>0</v>
      </c>
      <c r="FF34" s="114">
        <v>0</v>
      </c>
      <c r="FG34" s="114">
        <v>0</v>
      </c>
      <c r="FH34" s="114">
        <v>0</v>
      </c>
      <c r="FI34" s="114">
        <v>0</v>
      </c>
      <c r="FJ34" s="113">
        <v>0</v>
      </c>
      <c r="FK34" s="116">
        <v>0</v>
      </c>
      <c r="FL34" s="110">
        <v>0</v>
      </c>
      <c r="FM34" s="114">
        <v>0</v>
      </c>
      <c r="FN34" s="113">
        <v>0</v>
      </c>
      <c r="FO34" s="110">
        <v>0</v>
      </c>
      <c r="FP34" s="114">
        <v>0</v>
      </c>
      <c r="FQ34" s="114">
        <v>0</v>
      </c>
      <c r="FR34" s="114">
        <v>0</v>
      </c>
      <c r="FS34" s="114">
        <v>0</v>
      </c>
      <c r="FT34" s="114">
        <v>0</v>
      </c>
      <c r="FU34" s="113">
        <v>0</v>
      </c>
      <c r="FV34" s="116">
        <v>0</v>
      </c>
      <c r="FW34" s="115">
        <v>0</v>
      </c>
      <c r="FX34" s="114">
        <v>0</v>
      </c>
      <c r="FY34" s="112">
        <v>0</v>
      </c>
      <c r="FZ34" s="111">
        <v>0</v>
      </c>
      <c r="GA34" s="114">
        <v>0</v>
      </c>
      <c r="GB34" s="114">
        <v>0</v>
      </c>
      <c r="GC34" s="114">
        <v>0</v>
      </c>
      <c r="GD34" s="114">
        <v>0</v>
      </c>
      <c r="GE34" s="114">
        <v>0</v>
      </c>
      <c r="GF34" s="113">
        <v>0</v>
      </c>
      <c r="GG34" s="318">
        <v>0</v>
      </c>
      <c r="GH34" s="115">
        <v>0</v>
      </c>
      <c r="GI34" s="114">
        <v>0</v>
      </c>
      <c r="GJ34" s="112">
        <v>0</v>
      </c>
      <c r="GK34" s="111">
        <v>0</v>
      </c>
      <c r="GL34" s="114">
        <v>0</v>
      </c>
      <c r="GM34" s="114">
        <v>0</v>
      </c>
      <c r="GN34" s="114">
        <v>0</v>
      </c>
      <c r="GO34" s="114">
        <v>0</v>
      </c>
      <c r="GP34" s="114">
        <v>0</v>
      </c>
      <c r="GQ34" s="113">
        <v>0</v>
      </c>
      <c r="GR34" s="116">
        <v>0</v>
      </c>
      <c r="GS34" s="110">
        <v>0</v>
      </c>
      <c r="GT34" s="114">
        <v>0</v>
      </c>
      <c r="GU34" s="113">
        <v>0</v>
      </c>
      <c r="GV34" s="110">
        <v>0</v>
      </c>
      <c r="GW34" s="114">
        <v>0</v>
      </c>
      <c r="GX34" s="114">
        <v>0</v>
      </c>
      <c r="GY34" s="114">
        <v>0</v>
      </c>
      <c r="GZ34" s="114">
        <v>0</v>
      </c>
      <c r="HA34" s="114">
        <v>0</v>
      </c>
      <c r="HB34" s="112">
        <v>0</v>
      </c>
      <c r="HC34" s="116">
        <v>0</v>
      </c>
      <c r="HD34" s="110">
        <v>0</v>
      </c>
      <c r="HE34" s="114">
        <v>0</v>
      </c>
      <c r="HF34" s="112">
        <v>0</v>
      </c>
      <c r="HG34" s="111">
        <v>0</v>
      </c>
      <c r="HH34" s="114">
        <v>0</v>
      </c>
      <c r="HI34" s="114">
        <v>0</v>
      </c>
      <c r="HJ34" s="114">
        <v>0</v>
      </c>
      <c r="HK34" s="114">
        <v>0</v>
      </c>
      <c r="HL34" s="114">
        <v>0</v>
      </c>
      <c r="HM34" s="113">
        <v>0</v>
      </c>
      <c r="HN34" s="109">
        <v>0</v>
      </c>
      <c r="HO34" s="328"/>
      <c r="HP34" s="329"/>
      <c r="HQ34" s="330"/>
      <c r="HR34" s="331"/>
      <c r="HS34" s="329"/>
      <c r="HT34" s="329"/>
      <c r="HU34" s="329"/>
      <c r="HV34" s="329"/>
      <c r="HW34" s="329"/>
      <c r="HX34" s="332"/>
      <c r="HY34" s="333"/>
      <c r="HZ34" s="150">
        <v>0</v>
      </c>
      <c r="IA34" s="135">
        <v>0</v>
      </c>
      <c r="IB34" s="150">
        <v>0</v>
      </c>
      <c r="IC34" s="134">
        <v>0</v>
      </c>
      <c r="ID34" s="135">
        <v>0</v>
      </c>
      <c r="IE34" s="136">
        <v>0</v>
      </c>
      <c r="IF34" s="137">
        <v>0</v>
      </c>
      <c r="IG34" s="135">
        <v>0</v>
      </c>
      <c r="IH34" s="137">
        <v>0</v>
      </c>
      <c r="II34" s="138">
        <v>0</v>
      </c>
      <c r="IJ34" s="150">
        <v>0</v>
      </c>
      <c r="IK34" s="232">
        <v>0</v>
      </c>
      <c r="IL34" s="236">
        <v>0</v>
      </c>
      <c r="IM34" s="237">
        <v>0</v>
      </c>
      <c r="IN34" s="140"/>
      <c r="IO34" s="119">
        <v>0</v>
      </c>
      <c r="IP34" s="119">
        <v>0</v>
      </c>
      <c r="IQ34" s="119">
        <v>0</v>
      </c>
      <c r="IR34" s="119">
        <v>0</v>
      </c>
      <c r="IS34" s="119">
        <v>0</v>
      </c>
      <c r="IT34" s="141">
        <v>0</v>
      </c>
      <c r="IU34" s="320">
        <v>0</v>
      </c>
      <c r="IV34" s="142">
        <v>0</v>
      </c>
      <c r="IW34" s="119">
        <v>0</v>
      </c>
      <c r="IX34" s="120">
        <v>0</v>
      </c>
      <c r="IY34" s="144"/>
      <c r="IZ34" s="119">
        <v>0</v>
      </c>
      <c r="JA34" s="119">
        <v>0</v>
      </c>
      <c r="JB34" s="119">
        <v>0</v>
      </c>
      <c r="JC34" s="119">
        <v>0</v>
      </c>
      <c r="JD34" s="119">
        <v>0</v>
      </c>
      <c r="JE34" s="120">
        <v>0</v>
      </c>
      <c r="JF34" s="121">
        <v>0</v>
      </c>
      <c r="JG34" s="142">
        <v>0</v>
      </c>
      <c r="JH34" s="119">
        <v>0</v>
      </c>
      <c r="JI34" s="141">
        <v>0</v>
      </c>
      <c r="JJ34" s="118">
        <v>0</v>
      </c>
      <c r="JK34" s="119">
        <v>0</v>
      </c>
      <c r="JL34" s="119">
        <v>0</v>
      </c>
      <c r="JM34" s="119">
        <v>0</v>
      </c>
      <c r="JN34" s="119">
        <v>0</v>
      </c>
      <c r="JO34" s="119">
        <v>0</v>
      </c>
      <c r="JP34" s="120">
        <v>0</v>
      </c>
      <c r="JQ34" s="320">
        <v>0</v>
      </c>
      <c r="JR34" s="142">
        <v>0</v>
      </c>
      <c r="JS34" s="119">
        <v>0</v>
      </c>
      <c r="JT34" s="141">
        <v>0</v>
      </c>
      <c r="JU34" s="118">
        <v>0</v>
      </c>
      <c r="JV34" s="119">
        <v>0</v>
      </c>
      <c r="JW34" s="119">
        <v>0</v>
      </c>
      <c r="JX34" s="119">
        <v>0</v>
      </c>
      <c r="JY34" s="119">
        <v>0</v>
      </c>
      <c r="JZ34" s="119">
        <v>0</v>
      </c>
      <c r="KA34" s="120">
        <v>0</v>
      </c>
      <c r="KB34" s="320">
        <v>0</v>
      </c>
      <c r="KC34" s="234">
        <v>0</v>
      </c>
      <c r="KD34" s="230">
        <v>0</v>
      </c>
      <c r="KE34" s="120">
        <v>0</v>
      </c>
      <c r="KF34" s="118">
        <v>0</v>
      </c>
      <c r="KG34" s="119">
        <v>0</v>
      </c>
      <c r="KH34" s="119">
        <v>0</v>
      </c>
      <c r="KI34" s="119">
        <v>0</v>
      </c>
      <c r="KJ34" s="119">
        <v>0</v>
      </c>
      <c r="KK34" s="119">
        <v>0</v>
      </c>
      <c r="KL34" s="120">
        <v>0</v>
      </c>
      <c r="KM34" s="143">
        <v>0</v>
      </c>
      <c r="KN34" s="232">
        <v>0</v>
      </c>
      <c r="KO34" s="236">
        <v>0</v>
      </c>
      <c r="KP34" s="237">
        <v>0</v>
      </c>
      <c r="KQ34" s="140"/>
      <c r="KR34" s="119">
        <v>0</v>
      </c>
      <c r="KS34" s="119">
        <v>0</v>
      </c>
      <c r="KT34" s="119">
        <v>0</v>
      </c>
      <c r="KU34" s="119">
        <v>0</v>
      </c>
      <c r="KV34" s="119">
        <v>0</v>
      </c>
      <c r="KW34" s="120">
        <v>0</v>
      </c>
      <c r="KX34" s="320">
        <v>0</v>
      </c>
      <c r="KY34" s="142">
        <v>0</v>
      </c>
      <c r="KZ34" s="119">
        <v>0</v>
      </c>
      <c r="LA34" s="120">
        <v>0</v>
      </c>
      <c r="LB34" s="145"/>
      <c r="LC34" s="119">
        <v>0</v>
      </c>
      <c r="LD34" s="119">
        <v>0</v>
      </c>
      <c r="LE34" s="119">
        <v>0</v>
      </c>
      <c r="LF34" s="119">
        <v>0</v>
      </c>
      <c r="LG34" s="119">
        <v>0</v>
      </c>
      <c r="LH34" s="120">
        <v>0</v>
      </c>
      <c r="LI34" s="121">
        <v>0</v>
      </c>
      <c r="LJ34" s="142">
        <v>0</v>
      </c>
      <c r="LK34" s="119">
        <v>0</v>
      </c>
      <c r="LL34" s="120">
        <v>0</v>
      </c>
      <c r="LM34" s="145"/>
      <c r="LN34" s="119">
        <v>0</v>
      </c>
      <c r="LO34" s="119">
        <v>0</v>
      </c>
      <c r="LP34" s="119">
        <v>0</v>
      </c>
      <c r="LQ34" s="119">
        <v>0</v>
      </c>
      <c r="LR34" s="119">
        <v>0</v>
      </c>
      <c r="LS34" s="120">
        <v>0</v>
      </c>
      <c r="LT34" s="320">
        <v>0</v>
      </c>
      <c r="LU34" s="142">
        <v>0</v>
      </c>
      <c r="LV34" s="119">
        <v>0</v>
      </c>
      <c r="LW34" s="120">
        <v>0</v>
      </c>
      <c r="LX34" s="145"/>
      <c r="LY34" s="119">
        <v>0</v>
      </c>
      <c r="LZ34" s="119">
        <v>0</v>
      </c>
      <c r="MA34" s="119">
        <v>0</v>
      </c>
      <c r="MB34" s="119">
        <v>0</v>
      </c>
      <c r="MC34" s="119">
        <v>0</v>
      </c>
      <c r="MD34" s="120">
        <v>0</v>
      </c>
      <c r="ME34" s="121">
        <v>0</v>
      </c>
      <c r="MF34" s="142">
        <v>0</v>
      </c>
      <c r="MG34" s="119">
        <v>0</v>
      </c>
      <c r="MH34" s="120">
        <v>0</v>
      </c>
      <c r="MI34" s="145"/>
      <c r="MJ34" s="119">
        <v>0</v>
      </c>
      <c r="MK34" s="119">
        <v>0</v>
      </c>
      <c r="ML34" s="119">
        <v>0</v>
      </c>
      <c r="MM34" s="119">
        <v>0</v>
      </c>
      <c r="MN34" s="119">
        <v>0</v>
      </c>
      <c r="MO34" s="120">
        <v>0</v>
      </c>
      <c r="MP34" s="143">
        <v>0</v>
      </c>
      <c r="MQ34" s="142">
        <v>0</v>
      </c>
      <c r="MR34" s="119">
        <v>0</v>
      </c>
      <c r="MS34" s="120">
        <v>0</v>
      </c>
      <c r="MT34" s="145"/>
      <c r="MU34" s="119">
        <v>0</v>
      </c>
      <c r="MV34" s="119">
        <v>0</v>
      </c>
      <c r="MW34" s="119">
        <v>0</v>
      </c>
      <c r="MX34" s="119">
        <v>0</v>
      </c>
      <c r="MY34" s="119">
        <v>0</v>
      </c>
      <c r="MZ34" s="120">
        <v>0</v>
      </c>
      <c r="NA34" s="143">
        <v>0</v>
      </c>
      <c r="NB34" s="142">
        <v>0</v>
      </c>
      <c r="NC34" s="119">
        <v>0</v>
      </c>
      <c r="ND34" s="120">
        <v>0</v>
      </c>
      <c r="NE34" s="145"/>
      <c r="NF34" s="119">
        <v>0</v>
      </c>
      <c r="NG34" s="119">
        <v>0</v>
      </c>
      <c r="NH34" s="119">
        <v>0</v>
      </c>
      <c r="NI34" s="119">
        <v>0</v>
      </c>
      <c r="NJ34" s="119">
        <v>0</v>
      </c>
      <c r="NK34" s="120">
        <v>0</v>
      </c>
      <c r="NL34" s="320">
        <v>0</v>
      </c>
      <c r="NM34" s="142">
        <v>0</v>
      </c>
      <c r="NN34" s="119">
        <v>0</v>
      </c>
      <c r="NO34" s="120">
        <v>0</v>
      </c>
      <c r="NP34" s="145"/>
      <c r="NQ34" s="119">
        <v>0</v>
      </c>
      <c r="NR34" s="119">
        <v>0</v>
      </c>
      <c r="NS34" s="119">
        <v>0</v>
      </c>
      <c r="NT34" s="119">
        <v>0</v>
      </c>
      <c r="NU34" s="119">
        <v>0</v>
      </c>
      <c r="NV34" s="120">
        <v>0</v>
      </c>
      <c r="NW34" s="121">
        <v>0</v>
      </c>
      <c r="NX34" s="142">
        <v>0</v>
      </c>
      <c r="NY34" s="119">
        <v>0</v>
      </c>
      <c r="NZ34" s="120">
        <v>0</v>
      </c>
      <c r="OA34" s="145"/>
      <c r="OB34" s="119">
        <v>0</v>
      </c>
      <c r="OC34" s="119">
        <v>0</v>
      </c>
      <c r="OD34" s="119">
        <v>0</v>
      </c>
      <c r="OE34" s="119">
        <v>0</v>
      </c>
      <c r="OF34" s="119">
        <v>0</v>
      </c>
      <c r="OG34" s="120">
        <v>0</v>
      </c>
      <c r="OH34" s="121">
        <v>0</v>
      </c>
      <c r="OI34" s="142">
        <v>0</v>
      </c>
      <c r="OJ34" s="119">
        <v>0</v>
      </c>
      <c r="OK34" s="141">
        <v>0</v>
      </c>
      <c r="OL34" s="118">
        <v>0</v>
      </c>
      <c r="OM34" s="119">
        <v>0</v>
      </c>
      <c r="ON34" s="119">
        <v>0</v>
      </c>
      <c r="OO34" s="119">
        <v>0</v>
      </c>
      <c r="OP34" s="119">
        <v>0</v>
      </c>
      <c r="OQ34" s="119">
        <v>0</v>
      </c>
      <c r="OR34" s="120">
        <v>0</v>
      </c>
      <c r="OS34" s="143">
        <v>0</v>
      </c>
    </row>
    <row r="35" spans="2:409" ht="21" customHeight="1" x14ac:dyDescent="0.2">
      <c r="B35" s="126" t="s">
        <v>30</v>
      </c>
      <c r="C35" s="110">
        <v>0</v>
      </c>
      <c r="D35" s="114">
        <v>0</v>
      </c>
      <c r="E35" s="174">
        <v>0</v>
      </c>
      <c r="F35" s="175">
        <v>0</v>
      </c>
      <c r="G35" s="176">
        <v>0</v>
      </c>
      <c r="H35" s="176">
        <v>0</v>
      </c>
      <c r="I35" s="176">
        <v>0</v>
      </c>
      <c r="J35" s="176">
        <v>0</v>
      </c>
      <c r="K35" s="176">
        <v>0</v>
      </c>
      <c r="L35" s="177">
        <v>0</v>
      </c>
      <c r="M35" s="116">
        <v>0</v>
      </c>
      <c r="N35" s="110">
        <v>0</v>
      </c>
      <c r="O35" s="114">
        <v>0</v>
      </c>
      <c r="P35" s="113">
        <v>0</v>
      </c>
      <c r="Q35" s="110">
        <v>0</v>
      </c>
      <c r="R35" s="114">
        <v>0</v>
      </c>
      <c r="S35" s="114">
        <v>0</v>
      </c>
      <c r="T35" s="114">
        <v>0</v>
      </c>
      <c r="U35" s="114">
        <v>0</v>
      </c>
      <c r="V35" s="114">
        <v>0</v>
      </c>
      <c r="W35" s="113">
        <v>0</v>
      </c>
      <c r="X35" s="116">
        <v>0</v>
      </c>
      <c r="Y35" s="110">
        <v>0</v>
      </c>
      <c r="Z35" s="114">
        <v>0</v>
      </c>
      <c r="AA35" s="113">
        <v>0</v>
      </c>
      <c r="AB35" s="110">
        <v>0</v>
      </c>
      <c r="AC35" s="114">
        <v>0</v>
      </c>
      <c r="AD35" s="114">
        <v>0</v>
      </c>
      <c r="AE35" s="114">
        <v>0</v>
      </c>
      <c r="AF35" s="114">
        <v>0</v>
      </c>
      <c r="AG35" s="114">
        <v>0</v>
      </c>
      <c r="AH35" s="113">
        <v>0</v>
      </c>
      <c r="AI35" s="116">
        <v>0</v>
      </c>
      <c r="AJ35" s="110">
        <v>0</v>
      </c>
      <c r="AK35" s="114">
        <v>0</v>
      </c>
      <c r="AL35" s="113">
        <v>0</v>
      </c>
      <c r="AM35" s="110">
        <v>0</v>
      </c>
      <c r="AN35" s="114">
        <v>0</v>
      </c>
      <c r="AO35" s="114">
        <v>0</v>
      </c>
      <c r="AP35" s="114">
        <v>0</v>
      </c>
      <c r="AQ35" s="114">
        <v>0</v>
      </c>
      <c r="AR35" s="114">
        <v>0</v>
      </c>
      <c r="AS35" s="113">
        <v>0</v>
      </c>
      <c r="AT35" s="116">
        <v>0</v>
      </c>
      <c r="AU35" s="110">
        <v>0</v>
      </c>
      <c r="AV35" s="114">
        <v>0</v>
      </c>
      <c r="AW35" s="113">
        <v>0</v>
      </c>
      <c r="AX35" s="110">
        <v>0</v>
      </c>
      <c r="AY35" s="114">
        <v>0</v>
      </c>
      <c r="AZ35" s="114">
        <v>0</v>
      </c>
      <c r="BA35" s="114">
        <v>0</v>
      </c>
      <c r="BB35" s="114">
        <v>0</v>
      </c>
      <c r="BC35" s="114">
        <v>0</v>
      </c>
      <c r="BD35" s="113">
        <v>0</v>
      </c>
      <c r="BE35" s="116">
        <v>0</v>
      </c>
      <c r="BF35" s="110">
        <v>0</v>
      </c>
      <c r="BG35" s="114">
        <v>0</v>
      </c>
      <c r="BH35" s="112">
        <v>0</v>
      </c>
      <c r="BI35" s="111">
        <v>0</v>
      </c>
      <c r="BJ35" s="114">
        <v>0</v>
      </c>
      <c r="BK35" s="114">
        <v>0</v>
      </c>
      <c r="BL35" s="114">
        <v>0</v>
      </c>
      <c r="BM35" s="114">
        <v>0</v>
      </c>
      <c r="BN35" s="114">
        <v>0</v>
      </c>
      <c r="BO35" s="113">
        <v>0</v>
      </c>
      <c r="BP35" s="116">
        <v>0</v>
      </c>
      <c r="BQ35" s="110">
        <v>0</v>
      </c>
      <c r="BR35" s="114">
        <v>0</v>
      </c>
      <c r="BS35" s="113">
        <v>0</v>
      </c>
      <c r="BT35" s="110">
        <v>0</v>
      </c>
      <c r="BU35" s="114">
        <v>0</v>
      </c>
      <c r="BV35" s="114">
        <v>0</v>
      </c>
      <c r="BW35" s="114">
        <v>0</v>
      </c>
      <c r="BX35" s="114">
        <v>0</v>
      </c>
      <c r="BY35" s="114">
        <v>0</v>
      </c>
      <c r="BZ35" s="113">
        <v>0</v>
      </c>
      <c r="CA35" s="116">
        <v>0</v>
      </c>
      <c r="CB35" s="110">
        <v>0</v>
      </c>
      <c r="CC35" s="114">
        <v>0</v>
      </c>
      <c r="CD35" s="113">
        <v>0</v>
      </c>
      <c r="CE35" s="110">
        <v>0</v>
      </c>
      <c r="CF35" s="114">
        <v>0</v>
      </c>
      <c r="CG35" s="114">
        <v>0</v>
      </c>
      <c r="CH35" s="114">
        <v>0</v>
      </c>
      <c r="CI35" s="114">
        <v>0</v>
      </c>
      <c r="CJ35" s="114">
        <v>0</v>
      </c>
      <c r="CK35" s="113">
        <v>0</v>
      </c>
      <c r="CL35" s="116">
        <v>0</v>
      </c>
      <c r="CM35" s="110">
        <v>0</v>
      </c>
      <c r="CN35" s="114">
        <v>0</v>
      </c>
      <c r="CO35" s="113">
        <v>0</v>
      </c>
      <c r="CP35" s="111">
        <v>0</v>
      </c>
      <c r="CQ35" s="114">
        <v>0</v>
      </c>
      <c r="CR35" s="114">
        <v>0</v>
      </c>
      <c r="CS35" s="114">
        <v>0</v>
      </c>
      <c r="CT35" s="114">
        <v>0</v>
      </c>
      <c r="CU35" s="114">
        <v>0</v>
      </c>
      <c r="CV35" s="113">
        <v>0</v>
      </c>
      <c r="CW35" s="116">
        <v>0</v>
      </c>
      <c r="CX35" s="110">
        <v>0</v>
      </c>
      <c r="CY35" s="114">
        <v>0</v>
      </c>
      <c r="CZ35" s="113">
        <v>0</v>
      </c>
      <c r="DA35" s="110">
        <v>0</v>
      </c>
      <c r="DB35" s="114">
        <v>0</v>
      </c>
      <c r="DC35" s="114">
        <v>0</v>
      </c>
      <c r="DD35" s="114">
        <v>0</v>
      </c>
      <c r="DE35" s="114">
        <v>0</v>
      </c>
      <c r="DF35" s="114">
        <v>0</v>
      </c>
      <c r="DG35" s="113">
        <v>0</v>
      </c>
      <c r="DH35" s="116">
        <v>0</v>
      </c>
      <c r="DI35" s="110">
        <v>0</v>
      </c>
      <c r="DJ35" s="114">
        <v>0</v>
      </c>
      <c r="DK35" s="112">
        <v>0</v>
      </c>
      <c r="DL35" s="111">
        <v>0</v>
      </c>
      <c r="DM35" s="114">
        <v>0</v>
      </c>
      <c r="DN35" s="114">
        <v>0</v>
      </c>
      <c r="DO35" s="114">
        <v>0</v>
      </c>
      <c r="DP35" s="114">
        <v>0</v>
      </c>
      <c r="DQ35" s="114">
        <v>0</v>
      </c>
      <c r="DR35" s="113">
        <v>0</v>
      </c>
      <c r="DS35" s="116">
        <v>0</v>
      </c>
      <c r="DT35" s="110">
        <v>0</v>
      </c>
      <c r="DU35" s="114">
        <v>0</v>
      </c>
      <c r="DV35" s="113">
        <v>0</v>
      </c>
      <c r="DW35" s="110">
        <v>0</v>
      </c>
      <c r="DX35" s="114">
        <v>0</v>
      </c>
      <c r="DY35" s="114">
        <v>0</v>
      </c>
      <c r="DZ35" s="114">
        <v>0</v>
      </c>
      <c r="EA35" s="114">
        <v>0</v>
      </c>
      <c r="EB35" s="114">
        <v>0</v>
      </c>
      <c r="EC35" s="113">
        <v>0</v>
      </c>
      <c r="ED35" s="116">
        <v>0</v>
      </c>
      <c r="EE35" s="110">
        <v>0</v>
      </c>
      <c r="EF35" s="112">
        <v>0</v>
      </c>
      <c r="EG35" s="113">
        <v>0</v>
      </c>
      <c r="EH35" s="110">
        <v>0</v>
      </c>
      <c r="EI35" s="114">
        <v>0</v>
      </c>
      <c r="EJ35" s="114">
        <v>0</v>
      </c>
      <c r="EK35" s="114">
        <v>0</v>
      </c>
      <c r="EL35" s="114">
        <v>0</v>
      </c>
      <c r="EM35" s="114">
        <v>0</v>
      </c>
      <c r="EN35" s="112">
        <v>0</v>
      </c>
      <c r="EO35" s="116">
        <v>0</v>
      </c>
      <c r="EP35" s="110">
        <v>0</v>
      </c>
      <c r="EQ35" s="114">
        <v>0</v>
      </c>
      <c r="ER35" s="112">
        <v>0</v>
      </c>
      <c r="ES35" s="111">
        <v>0</v>
      </c>
      <c r="ET35" s="114">
        <v>0</v>
      </c>
      <c r="EU35" s="114">
        <v>0</v>
      </c>
      <c r="EV35" s="114">
        <v>0</v>
      </c>
      <c r="EW35" s="114">
        <v>0</v>
      </c>
      <c r="EX35" s="114">
        <v>0</v>
      </c>
      <c r="EY35" s="113">
        <v>0</v>
      </c>
      <c r="EZ35" s="116">
        <v>0</v>
      </c>
      <c r="FA35" s="110">
        <v>0</v>
      </c>
      <c r="FB35" s="114">
        <v>0</v>
      </c>
      <c r="FC35" s="112">
        <v>0</v>
      </c>
      <c r="FD35" s="347"/>
      <c r="FE35" s="114">
        <v>0</v>
      </c>
      <c r="FF35" s="114">
        <v>0</v>
      </c>
      <c r="FG35" s="114">
        <v>0</v>
      </c>
      <c r="FH35" s="114">
        <v>0</v>
      </c>
      <c r="FI35" s="114">
        <v>0</v>
      </c>
      <c r="FJ35" s="113">
        <v>0</v>
      </c>
      <c r="FK35" s="116">
        <v>0</v>
      </c>
      <c r="FL35" s="110">
        <v>0</v>
      </c>
      <c r="FM35" s="114">
        <v>0</v>
      </c>
      <c r="FN35" s="113">
        <v>0</v>
      </c>
      <c r="FO35" s="110">
        <v>0</v>
      </c>
      <c r="FP35" s="114">
        <v>0</v>
      </c>
      <c r="FQ35" s="114">
        <v>0</v>
      </c>
      <c r="FR35" s="114">
        <v>0</v>
      </c>
      <c r="FS35" s="114">
        <v>0</v>
      </c>
      <c r="FT35" s="114">
        <v>0</v>
      </c>
      <c r="FU35" s="113">
        <v>0</v>
      </c>
      <c r="FV35" s="116">
        <v>0</v>
      </c>
      <c r="FW35" s="115">
        <v>0</v>
      </c>
      <c r="FX35" s="114">
        <v>0</v>
      </c>
      <c r="FY35" s="112">
        <v>0</v>
      </c>
      <c r="FZ35" s="111">
        <v>0</v>
      </c>
      <c r="GA35" s="114">
        <v>0</v>
      </c>
      <c r="GB35" s="114">
        <v>0</v>
      </c>
      <c r="GC35" s="114">
        <v>0</v>
      </c>
      <c r="GD35" s="114">
        <v>0</v>
      </c>
      <c r="GE35" s="114">
        <v>0</v>
      </c>
      <c r="GF35" s="113">
        <v>0</v>
      </c>
      <c r="GG35" s="318">
        <v>0</v>
      </c>
      <c r="GH35" s="115">
        <v>0</v>
      </c>
      <c r="GI35" s="114">
        <v>0</v>
      </c>
      <c r="GJ35" s="112">
        <v>0</v>
      </c>
      <c r="GK35" s="111">
        <v>0</v>
      </c>
      <c r="GL35" s="114">
        <v>0</v>
      </c>
      <c r="GM35" s="114">
        <v>0</v>
      </c>
      <c r="GN35" s="114">
        <v>0</v>
      </c>
      <c r="GO35" s="114">
        <v>0</v>
      </c>
      <c r="GP35" s="114">
        <v>0</v>
      </c>
      <c r="GQ35" s="113">
        <v>0</v>
      </c>
      <c r="GR35" s="116">
        <v>0</v>
      </c>
      <c r="GS35" s="110">
        <v>0</v>
      </c>
      <c r="GT35" s="114">
        <v>0</v>
      </c>
      <c r="GU35" s="113">
        <v>0</v>
      </c>
      <c r="GV35" s="110">
        <v>0</v>
      </c>
      <c r="GW35" s="114">
        <v>0</v>
      </c>
      <c r="GX35" s="114">
        <v>0</v>
      </c>
      <c r="GY35" s="114">
        <v>0</v>
      </c>
      <c r="GZ35" s="114">
        <v>0</v>
      </c>
      <c r="HA35" s="114">
        <v>0</v>
      </c>
      <c r="HB35" s="112">
        <v>0</v>
      </c>
      <c r="HC35" s="116">
        <v>0</v>
      </c>
      <c r="HD35" s="110">
        <v>0</v>
      </c>
      <c r="HE35" s="114">
        <v>0</v>
      </c>
      <c r="HF35" s="112">
        <v>0</v>
      </c>
      <c r="HG35" s="111">
        <v>0</v>
      </c>
      <c r="HH35" s="114">
        <v>0</v>
      </c>
      <c r="HI35" s="114">
        <v>0</v>
      </c>
      <c r="HJ35" s="114">
        <v>0</v>
      </c>
      <c r="HK35" s="114">
        <v>0</v>
      </c>
      <c r="HL35" s="114">
        <v>0</v>
      </c>
      <c r="HM35" s="113">
        <v>0</v>
      </c>
      <c r="HN35" s="109">
        <v>0</v>
      </c>
      <c r="HO35" s="328"/>
      <c r="HP35" s="329"/>
      <c r="HQ35" s="330"/>
      <c r="HR35" s="331"/>
      <c r="HS35" s="329"/>
      <c r="HT35" s="329"/>
      <c r="HU35" s="329"/>
      <c r="HV35" s="329"/>
      <c r="HW35" s="329"/>
      <c r="HX35" s="332"/>
      <c r="HY35" s="333"/>
      <c r="HZ35" s="131">
        <v>0</v>
      </c>
      <c r="IA35" s="132">
        <v>0</v>
      </c>
      <c r="IB35" s="133">
        <v>0</v>
      </c>
      <c r="IC35" s="146">
        <v>0</v>
      </c>
      <c r="ID35" s="132">
        <v>0</v>
      </c>
      <c r="IE35" s="147">
        <v>0</v>
      </c>
      <c r="IF35" s="133">
        <v>0</v>
      </c>
      <c r="IG35" s="132">
        <v>0</v>
      </c>
      <c r="IH35" s="133">
        <v>0</v>
      </c>
      <c r="II35" s="148">
        <v>0</v>
      </c>
      <c r="IJ35" s="139">
        <v>0</v>
      </c>
      <c r="IK35" s="232">
        <v>0</v>
      </c>
      <c r="IL35" s="236">
        <v>0</v>
      </c>
      <c r="IM35" s="237">
        <v>0</v>
      </c>
      <c r="IN35" s="140"/>
      <c r="IO35" s="119">
        <v>0</v>
      </c>
      <c r="IP35" s="119">
        <v>0</v>
      </c>
      <c r="IQ35" s="119">
        <v>0</v>
      </c>
      <c r="IR35" s="119">
        <v>0</v>
      </c>
      <c r="IS35" s="119">
        <v>0</v>
      </c>
      <c r="IT35" s="141">
        <v>0</v>
      </c>
      <c r="IU35" s="320">
        <v>0</v>
      </c>
      <c r="IV35" s="142">
        <v>0</v>
      </c>
      <c r="IW35" s="119">
        <v>0</v>
      </c>
      <c r="IX35" s="120">
        <v>0</v>
      </c>
      <c r="IY35" s="144"/>
      <c r="IZ35" s="119">
        <v>0</v>
      </c>
      <c r="JA35" s="119">
        <v>0</v>
      </c>
      <c r="JB35" s="119">
        <v>0</v>
      </c>
      <c r="JC35" s="119">
        <v>0</v>
      </c>
      <c r="JD35" s="119">
        <v>0</v>
      </c>
      <c r="JE35" s="120">
        <v>0</v>
      </c>
      <c r="JF35" s="121">
        <v>0</v>
      </c>
      <c r="JG35" s="142">
        <v>0</v>
      </c>
      <c r="JH35" s="119">
        <v>0</v>
      </c>
      <c r="JI35" s="141">
        <v>0</v>
      </c>
      <c r="JJ35" s="118">
        <v>0</v>
      </c>
      <c r="JK35" s="119">
        <v>0</v>
      </c>
      <c r="JL35" s="119">
        <v>0</v>
      </c>
      <c r="JM35" s="119">
        <v>0</v>
      </c>
      <c r="JN35" s="119">
        <v>0</v>
      </c>
      <c r="JO35" s="119">
        <v>0</v>
      </c>
      <c r="JP35" s="120">
        <v>0</v>
      </c>
      <c r="JQ35" s="320">
        <v>0</v>
      </c>
      <c r="JR35" s="142">
        <v>0</v>
      </c>
      <c r="JS35" s="119">
        <v>0</v>
      </c>
      <c r="JT35" s="141">
        <v>0</v>
      </c>
      <c r="JU35" s="118">
        <v>0</v>
      </c>
      <c r="JV35" s="119">
        <v>0</v>
      </c>
      <c r="JW35" s="119">
        <v>0</v>
      </c>
      <c r="JX35" s="119">
        <v>0</v>
      </c>
      <c r="JY35" s="119">
        <v>0</v>
      </c>
      <c r="JZ35" s="119">
        <v>0</v>
      </c>
      <c r="KA35" s="120">
        <v>0</v>
      </c>
      <c r="KB35" s="320">
        <v>0</v>
      </c>
      <c r="KC35" s="234">
        <v>0</v>
      </c>
      <c r="KD35" s="230">
        <v>0</v>
      </c>
      <c r="KE35" s="120">
        <v>0</v>
      </c>
      <c r="KF35" s="118">
        <v>0</v>
      </c>
      <c r="KG35" s="119">
        <v>0</v>
      </c>
      <c r="KH35" s="119">
        <v>0</v>
      </c>
      <c r="KI35" s="119">
        <v>0</v>
      </c>
      <c r="KJ35" s="119">
        <v>0</v>
      </c>
      <c r="KK35" s="119">
        <v>0</v>
      </c>
      <c r="KL35" s="120">
        <v>0</v>
      </c>
      <c r="KM35" s="143">
        <v>0</v>
      </c>
      <c r="KN35" s="232">
        <v>0</v>
      </c>
      <c r="KO35" s="236">
        <v>0</v>
      </c>
      <c r="KP35" s="237">
        <v>0</v>
      </c>
      <c r="KQ35" s="140"/>
      <c r="KR35" s="119">
        <v>0</v>
      </c>
      <c r="KS35" s="119">
        <v>0</v>
      </c>
      <c r="KT35" s="119">
        <v>0</v>
      </c>
      <c r="KU35" s="119">
        <v>0</v>
      </c>
      <c r="KV35" s="119">
        <v>0</v>
      </c>
      <c r="KW35" s="120">
        <v>0</v>
      </c>
      <c r="KX35" s="320">
        <v>0</v>
      </c>
      <c r="KY35" s="142">
        <v>0</v>
      </c>
      <c r="KZ35" s="119">
        <v>0</v>
      </c>
      <c r="LA35" s="120">
        <v>0</v>
      </c>
      <c r="LB35" s="145"/>
      <c r="LC35" s="119">
        <v>0</v>
      </c>
      <c r="LD35" s="119">
        <v>0</v>
      </c>
      <c r="LE35" s="119">
        <v>0</v>
      </c>
      <c r="LF35" s="119">
        <v>0</v>
      </c>
      <c r="LG35" s="119">
        <v>0</v>
      </c>
      <c r="LH35" s="120">
        <v>0</v>
      </c>
      <c r="LI35" s="121">
        <v>0</v>
      </c>
      <c r="LJ35" s="142">
        <v>0</v>
      </c>
      <c r="LK35" s="119">
        <v>0</v>
      </c>
      <c r="LL35" s="120">
        <v>0</v>
      </c>
      <c r="LM35" s="145"/>
      <c r="LN35" s="119">
        <v>0</v>
      </c>
      <c r="LO35" s="119">
        <v>0</v>
      </c>
      <c r="LP35" s="119">
        <v>0</v>
      </c>
      <c r="LQ35" s="119">
        <v>0</v>
      </c>
      <c r="LR35" s="119">
        <v>0</v>
      </c>
      <c r="LS35" s="120">
        <v>0</v>
      </c>
      <c r="LT35" s="320">
        <v>0</v>
      </c>
      <c r="LU35" s="142">
        <v>0</v>
      </c>
      <c r="LV35" s="119">
        <v>0</v>
      </c>
      <c r="LW35" s="120">
        <v>0</v>
      </c>
      <c r="LX35" s="145"/>
      <c r="LY35" s="119">
        <v>0</v>
      </c>
      <c r="LZ35" s="119">
        <v>0</v>
      </c>
      <c r="MA35" s="119">
        <v>0</v>
      </c>
      <c r="MB35" s="119">
        <v>0</v>
      </c>
      <c r="MC35" s="119">
        <v>0</v>
      </c>
      <c r="MD35" s="120">
        <v>0</v>
      </c>
      <c r="ME35" s="121">
        <v>0</v>
      </c>
      <c r="MF35" s="142">
        <v>0</v>
      </c>
      <c r="MG35" s="119">
        <v>0</v>
      </c>
      <c r="MH35" s="120">
        <v>0</v>
      </c>
      <c r="MI35" s="145"/>
      <c r="MJ35" s="119">
        <v>0</v>
      </c>
      <c r="MK35" s="119">
        <v>0</v>
      </c>
      <c r="ML35" s="119">
        <v>0</v>
      </c>
      <c r="MM35" s="119">
        <v>0</v>
      </c>
      <c r="MN35" s="119">
        <v>0</v>
      </c>
      <c r="MO35" s="120">
        <v>0</v>
      </c>
      <c r="MP35" s="143">
        <v>0</v>
      </c>
      <c r="MQ35" s="142">
        <v>0</v>
      </c>
      <c r="MR35" s="119">
        <v>0</v>
      </c>
      <c r="MS35" s="120">
        <v>0</v>
      </c>
      <c r="MT35" s="145"/>
      <c r="MU35" s="119">
        <v>0</v>
      </c>
      <c r="MV35" s="119">
        <v>0</v>
      </c>
      <c r="MW35" s="119">
        <v>0</v>
      </c>
      <c r="MX35" s="119">
        <v>0</v>
      </c>
      <c r="MY35" s="119">
        <v>0</v>
      </c>
      <c r="MZ35" s="120">
        <v>0</v>
      </c>
      <c r="NA35" s="143">
        <v>0</v>
      </c>
      <c r="NB35" s="142">
        <v>0</v>
      </c>
      <c r="NC35" s="119">
        <v>0</v>
      </c>
      <c r="ND35" s="120">
        <v>0</v>
      </c>
      <c r="NE35" s="145"/>
      <c r="NF35" s="119">
        <v>0</v>
      </c>
      <c r="NG35" s="119">
        <v>0</v>
      </c>
      <c r="NH35" s="119">
        <v>0</v>
      </c>
      <c r="NI35" s="119">
        <v>0</v>
      </c>
      <c r="NJ35" s="119">
        <v>0</v>
      </c>
      <c r="NK35" s="120">
        <v>0</v>
      </c>
      <c r="NL35" s="320">
        <v>0</v>
      </c>
      <c r="NM35" s="142">
        <v>0</v>
      </c>
      <c r="NN35" s="119">
        <v>0</v>
      </c>
      <c r="NO35" s="120">
        <v>0</v>
      </c>
      <c r="NP35" s="145"/>
      <c r="NQ35" s="119">
        <v>0</v>
      </c>
      <c r="NR35" s="119">
        <v>0</v>
      </c>
      <c r="NS35" s="119">
        <v>0</v>
      </c>
      <c r="NT35" s="119">
        <v>0</v>
      </c>
      <c r="NU35" s="119">
        <v>0</v>
      </c>
      <c r="NV35" s="120">
        <v>0</v>
      </c>
      <c r="NW35" s="121">
        <v>0</v>
      </c>
      <c r="NX35" s="142">
        <v>0</v>
      </c>
      <c r="NY35" s="119">
        <v>0</v>
      </c>
      <c r="NZ35" s="120">
        <v>0</v>
      </c>
      <c r="OA35" s="145"/>
      <c r="OB35" s="119">
        <v>0</v>
      </c>
      <c r="OC35" s="119">
        <v>0</v>
      </c>
      <c r="OD35" s="119">
        <v>0</v>
      </c>
      <c r="OE35" s="119">
        <v>0</v>
      </c>
      <c r="OF35" s="119">
        <v>0</v>
      </c>
      <c r="OG35" s="120">
        <v>0</v>
      </c>
      <c r="OH35" s="121">
        <v>0</v>
      </c>
      <c r="OI35" s="142">
        <v>0</v>
      </c>
      <c r="OJ35" s="119">
        <v>0</v>
      </c>
      <c r="OK35" s="141">
        <v>0</v>
      </c>
      <c r="OL35" s="118">
        <v>0</v>
      </c>
      <c r="OM35" s="119">
        <v>0</v>
      </c>
      <c r="ON35" s="119">
        <v>0</v>
      </c>
      <c r="OO35" s="119">
        <v>0</v>
      </c>
      <c r="OP35" s="119">
        <v>0</v>
      </c>
      <c r="OQ35" s="119">
        <v>0</v>
      </c>
      <c r="OR35" s="120">
        <v>0</v>
      </c>
      <c r="OS35" s="143">
        <v>0</v>
      </c>
    </row>
    <row r="36" spans="2:409" ht="21" customHeight="1" x14ac:dyDescent="0.2">
      <c r="B36" s="126" t="s">
        <v>31</v>
      </c>
      <c r="C36" s="110">
        <v>0</v>
      </c>
      <c r="D36" s="114">
        <v>0</v>
      </c>
      <c r="E36" s="113">
        <v>0</v>
      </c>
      <c r="F36" s="109">
        <v>0</v>
      </c>
      <c r="G36" s="114">
        <v>0</v>
      </c>
      <c r="H36" s="114">
        <v>0</v>
      </c>
      <c r="I36" s="114">
        <v>0</v>
      </c>
      <c r="J36" s="114">
        <v>0</v>
      </c>
      <c r="K36" s="114">
        <v>0</v>
      </c>
      <c r="L36" s="173">
        <v>0</v>
      </c>
      <c r="M36" s="116">
        <v>0</v>
      </c>
      <c r="N36" s="110">
        <v>0</v>
      </c>
      <c r="O36" s="114">
        <v>0</v>
      </c>
      <c r="P36" s="113">
        <v>0</v>
      </c>
      <c r="Q36" s="110">
        <v>0</v>
      </c>
      <c r="R36" s="114">
        <v>0</v>
      </c>
      <c r="S36" s="114">
        <v>0</v>
      </c>
      <c r="T36" s="114">
        <v>0</v>
      </c>
      <c r="U36" s="114">
        <v>0</v>
      </c>
      <c r="V36" s="114">
        <v>0</v>
      </c>
      <c r="W36" s="113">
        <v>0</v>
      </c>
      <c r="X36" s="116">
        <v>0</v>
      </c>
      <c r="Y36" s="110">
        <v>0</v>
      </c>
      <c r="Z36" s="114">
        <v>0</v>
      </c>
      <c r="AA36" s="113">
        <v>0</v>
      </c>
      <c r="AB36" s="110">
        <v>0</v>
      </c>
      <c r="AC36" s="114">
        <v>0</v>
      </c>
      <c r="AD36" s="114">
        <v>0</v>
      </c>
      <c r="AE36" s="114">
        <v>0</v>
      </c>
      <c r="AF36" s="114">
        <v>0</v>
      </c>
      <c r="AG36" s="114">
        <v>0</v>
      </c>
      <c r="AH36" s="113">
        <v>0</v>
      </c>
      <c r="AI36" s="116">
        <v>0</v>
      </c>
      <c r="AJ36" s="110">
        <v>0</v>
      </c>
      <c r="AK36" s="114">
        <v>0</v>
      </c>
      <c r="AL36" s="113">
        <v>0</v>
      </c>
      <c r="AM36" s="110">
        <v>0</v>
      </c>
      <c r="AN36" s="114">
        <v>0</v>
      </c>
      <c r="AO36" s="114">
        <v>0</v>
      </c>
      <c r="AP36" s="114">
        <v>0</v>
      </c>
      <c r="AQ36" s="114">
        <v>0</v>
      </c>
      <c r="AR36" s="114">
        <v>0</v>
      </c>
      <c r="AS36" s="113">
        <v>0</v>
      </c>
      <c r="AT36" s="116">
        <v>0</v>
      </c>
      <c r="AU36" s="110">
        <v>0</v>
      </c>
      <c r="AV36" s="114">
        <v>0</v>
      </c>
      <c r="AW36" s="113">
        <v>0</v>
      </c>
      <c r="AX36" s="110">
        <v>0</v>
      </c>
      <c r="AY36" s="114">
        <v>0</v>
      </c>
      <c r="AZ36" s="114">
        <v>0</v>
      </c>
      <c r="BA36" s="114">
        <v>0</v>
      </c>
      <c r="BB36" s="114">
        <v>0</v>
      </c>
      <c r="BC36" s="114">
        <v>0</v>
      </c>
      <c r="BD36" s="113">
        <v>0</v>
      </c>
      <c r="BE36" s="116">
        <v>0</v>
      </c>
      <c r="BF36" s="110">
        <v>0</v>
      </c>
      <c r="BG36" s="114">
        <v>0</v>
      </c>
      <c r="BH36" s="112">
        <v>0</v>
      </c>
      <c r="BI36" s="111">
        <v>0</v>
      </c>
      <c r="BJ36" s="114">
        <v>0</v>
      </c>
      <c r="BK36" s="114">
        <v>0</v>
      </c>
      <c r="BL36" s="114">
        <v>0</v>
      </c>
      <c r="BM36" s="114">
        <v>0</v>
      </c>
      <c r="BN36" s="114">
        <v>0</v>
      </c>
      <c r="BO36" s="113">
        <v>0</v>
      </c>
      <c r="BP36" s="116">
        <v>0</v>
      </c>
      <c r="BQ36" s="110">
        <v>0</v>
      </c>
      <c r="BR36" s="114">
        <v>0</v>
      </c>
      <c r="BS36" s="113">
        <v>0</v>
      </c>
      <c r="BT36" s="110">
        <v>0</v>
      </c>
      <c r="BU36" s="114">
        <v>0</v>
      </c>
      <c r="BV36" s="114">
        <v>0</v>
      </c>
      <c r="BW36" s="114">
        <v>0</v>
      </c>
      <c r="BX36" s="114">
        <v>0</v>
      </c>
      <c r="BY36" s="114">
        <v>0</v>
      </c>
      <c r="BZ36" s="113">
        <v>0</v>
      </c>
      <c r="CA36" s="116">
        <v>0</v>
      </c>
      <c r="CB36" s="110">
        <v>0</v>
      </c>
      <c r="CC36" s="114">
        <v>0</v>
      </c>
      <c r="CD36" s="113">
        <v>0</v>
      </c>
      <c r="CE36" s="110">
        <v>0</v>
      </c>
      <c r="CF36" s="114">
        <v>0</v>
      </c>
      <c r="CG36" s="114">
        <v>0</v>
      </c>
      <c r="CH36" s="114">
        <v>0</v>
      </c>
      <c r="CI36" s="114">
        <v>0</v>
      </c>
      <c r="CJ36" s="114">
        <v>0</v>
      </c>
      <c r="CK36" s="113">
        <v>0</v>
      </c>
      <c r="CL36" s="116">
        <v>0</v>
      </c>
      <c r="CM36" s="110">
        <v>0</v>
      </c>
      <c r="CN36" s="114">
        <v>0</v>
      </c>
      <c r="CO36" s="113">
        <v>0</v>
      </c>
      <c r="CP36" s="111">
        <v>0</v>
      </c>
      <c r="CQ36" s="114">
        <v>0</v>
      </c>
      <c r="CR36" s="114">
        <v>0</v>
      </c>
      <c r="CS36" s="114">
        <v>0</v>
      </c>
      <c r="CT36" s="114">
        <v>0</v>
      </c>
      <c r="CU36" s="114">
        <v>0</v>
      </c>
      <c r="CV36" s="113">
        <v>0</v>
      </c>
      <c r="CW36" s="116">
        <v>0</v>
      </c>
      <c r="CX36" s="110">
        <v>0</v>
      </c>
      <c r="CY36" s="114">
        <v>0</v>
      </c>
      <c r="CZ36" s="113">
        <v>0</v>
      </c>
      <c r="DA36" s="110">
        <v>0</v>
      </c>
      <c r="DB36" s="114">
        <v>0</v>
      </c>
      <c r="DC36" s="114">
        <v>0</v>
      </c>
      <c r="DD36" s="114">
        <v>0</v>
      </c>
      <c r="DE36" s="114">
        <v>0</v>
      </c>
      <c r="DF36" s="114">
        <v>0</v>
      </c>
      <c r="DG36" s="113">
        <v>0</v>
      </c>
      <c r="DH36" s="116">
        <v>0</v>
      </c>
      <c r="DI36" s="110">
        <v>0</v>
      </c>
      <c r="DJ36" s="114">
        <v>0</v>
      </c>
      <c r="DK36" s="112">
        <v>0</v>
      </c>
      <c r="DL36" s="111">
        <v>0</v>
      </c>
      <c r="DM36" s="114">
        <v>0</v>
      </c>
      <c r="DN36" s="114">
        <v>0</v>
      </c>
      <c r="DO36" s="114">
        <v>0</v>
      </c>
      <c r="DP36" s="114">
        <v>0</v>
      </c>
      <c r="DQ36" s="114">
        <v>0</v>
      </c>
      <c r="DR36" s="113">
        <v>0</v>
      </c>
      <c r="DS36" s="116">
        <v>0</v>
      </c>
      <c r="DT36" s="110">
        <v>0</v>
      </c>
      <c r="DU36" s="114">
        <v>0</v>
      </c>
      <c r="DV36" s="113">
        <v>0</v>
      </c>
      <c r="DW36" s="110">
        <v>0</v>
      </c>
      <c r="DX36" s="114">
        <v>0</v>
      </c>
      <c r="DY36" s="114">
        <v>0</v>
      </c>
      <c r="DZ36" s="114">
        <v>0</v>
      </c>
      <c r="EA36" s="114">
        <v>0</v>
      </c>
      <c r="EB36" s="114">
        <v>0</v>
      </c>
      <c r="EC36" s="113">
        <v>0</v>
      </c>
      <c r="ED36" s="116">
        <v>0</v>
      </c>
      <c r="EE36" s="110">
        <v>0</v>
      </c>
      <c r="EF36" s="112">
        <v>0</v>
      </c>
      <c r="EG36" s="113">
        <v>0</v>
      </c>
      <c r="EH36" s="110">
        <v>0</v>
      </c>
      <c r="EI36" s="114">
        <v>0</v>
      </c>
      <c r="EJ36" s="114">
        <v>0</v>
      </c>
      <c r="EK36" s="114">
        <v>0</v>
      </c>
      <c r="EL36" s="114">
        <v>0</v>
      </c>
      <c r="EM36" s="114">
        <v>0</v>
      </c>
      <c r="EN36" s="112">
        <v>0</v>
      </c>
      <c r="EO36" s="116">
        <v>0</v>
      </c>
      <c r="EP36" s="110">
        <v>0</v>
      </c>
      <c r="EQ36" s="114">
        <v>0</v>
      </c>
      <c r="ER36" s="112">
        <v>0</v>
      </c>
      <c r="ES36" s="111">
        <v>0</v>
      </c>
      <c r="ET36" s="114">
        <v>0</v>
      </c>
      <c r="EU36" s="114">
        <v>0</v>
      </c>
      <c r="EV36" s="114">
        <v>0</v>
      </c>
      <c r="EW36" s="114">
        <v>0</v>
      </c>
      <c r="EX36" s="114">
        <v>0</v>
      </c>
      <c r="EY36" s="113">
        <v>0</v>
      </c>
      <c r="EZ36" s="116">
        <v>0</v>
      </c>
      <c r="FA36" s="110">
        <v>0</v>
      </c>
      <c r="FB36" s="114">
        <v>0</v>
      </c>
      <c r="FC36" s="112">
        <v>0</v>
      </c>
      <c r="FD36" s="347"/>
      <c r="FE36" s="114">
        <v>0</v>
      </c>
      <c r="FF36" s="114">
        <v>0</v>
      </c>
      <c r="FG36" s="114">
        <v>0</v>
      </c>
      <c r="FH36" s="114">
        <v>0</v>
      </c>
      <c r="FI36" s="114">
        <v>0</v>
      </c>
      <c r="FJ36" s="113">
        <v>0</v>
      </c>
      <c r="FK36" s="116">
        <v>0</v>
      </c>
      <c r="FL36" s="110">
        <v>0</v>
      </c>
      <c r="FM36" s="114">
        <v>0</v>
      </c>
      <c r="FN36" s="113">
        <v>0</v>
      </c>
      <c r="FO36" s="110">
        <v>0</v>
      </c>
      <c r="FP36" s="114">
        <v>0</v>
      </c>
      <c r="FQ36" s="114">
        <v>0</v>
      </c>
      <c r="FR36" s="114">
        <v>0</v>
      </c>
      <c r="FS36" s="114">
        <v>0</v>
      </c>
      <c r="FT36" s="114">
        <v>0</v>
      </c>
      <c r="FU36" s="113">
        <v>0</v>
      </c>
      <c r="FV36" s="116">
        <v>0</v>
      </c>
      <c r="FW36" s="115">
        <v>0</v>
      </c>
      <c r="FX36" s="114">
        <v>0</v>
      </c>
      <c r="FY36" s="112">
        <v>0</v>
      </c>
      <c r="FZ36" s="111">
        <v>0</v>
      </c>
      <c r="GA36" s="114">
        <v>0</v>
      </c>
      <c r="GB36" s="114">
        <v>0</v>
      </c>
      <c r="GC36" s="114">
        <v>0</v>
      </c>
      <c r="GD36" s="114">
        <v>0</v>
      </c>
      <c r="GE36" s="114">
        <v>0</v>
      </c>
      <c r="GF36" s="113">
        <v>0</v>
      </c>
      <c r="GG36" s="318">
        <v>0</v>
      </c>
      <c r="GH36" s="115">
        <v>0</v>
      </c>
      <c r="GI36" s="114">
        <v>0</v>
      </c>
      <c r="GJ36" s="112">
        <v>0</v>
      </c>
      <c r="GK36" s="111">
        <v>0</v>
      </c>
      <c r="GL36" s="114">
        <v>0</v>
      </c>
      <c r="GM36" s="114">
        <v>0</v>
      </c>
      <c r="GN36" s="114">
        <v>0</v>
      </c>
      <c r="GO36" s="114">
        <v>0</v>
      </c>
      <c r="GP36" s="114">
        <v>0</v>
      </c>
      <c r="GQ36" s="113">
        <v>0</v>
      </c>
      <c r="GR36" s="116">
        <v>0</v>
      </c>
      <c r="GS36" s="110">
        <v>0</v>
      </c>
      <c r="GT36" s="114">
        <v>0</v>
      </c>
      <c r="GU36" s="113">
        <v>0</v>
      </c>
      <c r="GV36" s="110">
        <v>0</v>
      </c>
      <c r="GW36" s="114">
        <v>0</v>
      </c>
      <c r="GX36" s="114">
        <v>0</v>
      </c>
      <c r="GY36" s="114">
        <v>0</v>
      </c>
      <c r="GZ36" s="114">
        <v>0</v>
      </c>
      <c r="HA36" s="114">
        <v>0</v>
      </c>
      <c r="HB36" s="112">
        <v>0</v>
      </c>
      <c r="HC36" s="116">
        <v>0</v>
      </c>
      <c r="HD36" s="110">
        <v>0</v>
      </c>
      <c r="HE36" s="114">
        <v>0</v>
      </c>
      <c r="HF36" s="112">
        <v>0</v>
      </c>
      <c r="HG36" s="111">
        <v>0</v>
      </c>
      <c r="HH36" s="114">
        <v>0</v>
      </c>
      <c r="HI36" s="114">
        <v>0</v>
      </c>
      <c r="HJ36" s="114">
        <v>0</v>
      </c>
      <c r="HK36" s="114">
        <v>0</v>
      </c>
      <c r="HL36" s="114">
        <v>0</v>
      </c>
      <c r="HM36" s="113">
        <v>0</v>
      </c>
      <c r="HN36" s="109">
        <v>0</v>
      </c>
      <c r="HO36" s="328"/>
      <c r="HP36" s="329"/>
      <c r="HQ36" s="330"/>
      <c r="HR36" s="331"/>
      <c r="HS36" s="329"/>
      <c r="HT36" s="329"/>
      <c r="HU36" s="329"/>
      <c r="HV36" s="329"/>
      <c r="HW36" s="329"/>
      <c r="HX36" s="332"/>
      <c r="HY36" s="333"/>
      <c r="HZ36" s="150">
        <v>0</v>
      </c>
      <c r="IA36" s="135">
        <v>0</v>
      </c>
      <c r="IB36" s="150">
        <v>0</v>
      </c>
      <c r="IC36" s="134">
        <v>0</v>
      </c>
      <c r="ID36" s="135">
        <v>0</v>
      </c>
      <c r="IE36" s="136">
        <v>0</v>
      </c>
      <c r="IF36" s="137">
        <v>0</v>
      </c>
      <c r="IG36" s="135">
        <v>0</v>
      </c>
      <c r="IH36" s="137">
        <v>0</v>
      </c>
      <c r="II36" s="138">
        <v>0</v>
      </c>
      <c r="IJ36" s="150">
        <v>0</v>
      </c>
      <c r="IK36" s="232">
        <v>0</v>
      </c>
      <c r="IL36" s="236">
        <v>0</v>
      </c>
      <c r="IM36" s="237">
        <v>0</v>
      </c>
      <c r="IN36" s="140"/>
      <c r="IO36" s="119">
        <v>0</v>
      </c>
      <c r="IP36" s="119">
        <v>0</v>
      </c>
      <c r="IQ36" s="119">
        <v>0</v>
      </c>
      <c r="IR36" s="119">
        <v>0</v>
      </c>
      <c r="IS36" s="119">
        <v>0</v>
      </c>
      <c r="IT36" s="141">
        <v>0</v>
      </c>
      <c r="IU36" s="320">
        <v>0</v>
      </c>
      <c r="IV36" s="142">
        <v>0</v>
      </c>
      <c r="IW36" s="119">
        <v>0</v>
      </c>
      <c r="IX36" s="120">
        <v>0</v>
      </c>
      <c r="IY36" s="144"/>
      <c r="IZ36" s="119">
        <v>0</v>
      </c>
      <c r="JA36" s="119">
        <v>0</v>
      </c>
      <c r="JB36" s="119">
        <v>0</v>
      </c>
      <c r="JC36" s="119">
        <v>0</v>
      </c>
      <c r="JD36" s="119">
        <v>0</v>
      </c>
      <c r="JE36" s="120">
        <v>0</v>
      </c>
      <c r="JF36" s="121">
        <v>0</v>
      </c>
      <c r="JG36" s="142">
        <v>0</v>
      </c>
      <c r="JH36" s="119">
        <v>0</v>
      </c>
      <c r="JI36" s="141">
        <v>0</v>
      </c>
      <c r="JJ36" s="118">
        <v>0</v>
      </c>
      <c r="JK36" s="119">
        <v>0</v>
      </c>
      <c r="JL36" s="119">
        <v>0</v>
      </c>
      <c r="JM36" s="119">
        <v>0</v>
      </c>
      <c r="JN36" s="119">
        <v>0</v>
      </c>
      <c r="JO36" s="119">
        <v>0</v>
      </c>
      <c r="JP36" s="120">
        <v>0</v>
      </c>
      <c r="JQ36" s="320">
        <v>0</v>
      </c>
      <c r="JR36" s="142">
        <v>0</v>
      </c>
      <c r="JS36" s="119">
        <v>0</v>
      </c>
      <c r="JT36" s="141">
        <v>0</v>
      </c>
      <c r="JU36" s="118">
        <v>0</v>
      </c>
      <c r="JV36" s="119">
        <v>0</v>
      </c>
      <c r="JW36" s="119">
        <v>0</v>
      </c>
      <c r="JX36" s="119">
        <v>0</v>
      </c>
      <c r="JY36" s="119">
        <v>0</v>
      </c>
      <c r="JZ36" s="119">
        <v>0</v>
      </c>
      <c r="KA36" s="120">
        <v>0</v>
      </c>
      <c r="KB36" s="320">
        <v>0</v>
      </c>
      <c r="KC36" s="234">
        <v>0</v>
      </c>
      <c r="KD36" s="230">
        <v>0</v>
      </c>
      <c r="KE36" s="120">
        <v>0</v>
      </c>
      <c r="KF36" s="118">
        <v>0</v>
      </c>
      <c r="KG36" s="119">
        <v>0</v>
      </c>
      <c r="KH36" s="119">
        <v>0</v>
      </c>
      <c r="KI36" s="119">
        <v>0</v>
      </c>
      <c r="KJ36" s="119">
        <v>0</v>
      </c>
      <c r="KK36" s="119">
        <v>0</v>
      </c>
      <c r="KL36" s="120">
        <v>0</v>
      </c>
      <c r="KM36" s="143">
        <v>0</v>
      </c>
      <c r="KN36" s="232">
        <v>0</v>
      </c>
      <c r="KO36" s="236">
        <v>0</v>
      </c>
      <c r="KP36" s="237">
        <v>0</v>
      </c>
      <c r="KQ36" s="140"/>
      <c r="KR36" s="119">
        <v>0</v>
      </c>
      <c r="KS36" s="119">
        <v>0</v>
      </c>
      <c r="KT36" s="119">
        <v>0</v>
      </c>
      <c r="KU36" s="119">
        <v>0</v>
      </c>
      <c r="KV36" s="119">
        <v>0</v>
      </c>
      <c r="KW36" s="120">
        <v>0</v>
      </c>
      <c r="KX36" s="320">
        <v>0</v>
      </c>
      <c r="KY36" s="142">
        <v>0</v>
      </c>
      <c r="KZ36" s="119">
        <v>0</v>
      </c>
      <c r="LA36" s="120">
        <v>0</v>
      </c>
      <c r="LB36" s="145"/>
      <c r="LC36" s="119">
        <v>0</v>
      </c>
      <c r="LD36" s="119">
        <v>0</v>
      </c>
      <c r="LE36" s="119">
        <v>0</v>
      </c>
      <c r="LF36" s="119">
        <v>0</v>
      </c>
      <c r="LG36" s="119">
        <v>0</v>
      </c>
      <c r="LH36" s="120">
        <v>0</v>
      </c>
      <c r="LI36" s="121">
        <v>0</v>
      </c>
      <c r="LJ36" s="142">
        <v>0</v>
      </c>
      <c r="LK36" s="119">
        <v>0</v>
      </c>
      <c r="LL36" s="120">
        <v>0</v>
      </c>
      <c r="LM36" s="145"/>
      <c r="LN36" s="119">
        <v>0</v>
      </c>
      <c r="LO36" s="119">
        <v>0</v>
      </c>
      <c r="LP36" s="119">
        <v>0</v>
      </c>
      <c r="LQ36" s="119">
        <v>0</v>
      </c>
      <c r="LR36" s="119">
        <v>0</v>
      </c>
      <c r="LS36" s="120">
        <v>0</v>
      </c>
      <c r="LT36" s="320">
        <v>0</v>
      </c>
      <c r="LU36" s="142">
        <v>0</v>
      </c>
      <c r="LV36" s="119">
        <v>0</v>
      </c>
      <c r="LW36" s="120">
        <v>0</v>
      </c>
      <c r="LX36" s="145"/>
      <c r="LY36" s="119">
        <v>0</v>
      </c>
      <c r="LZ36" s="119">
        <v>0</v>
      </c>
      <c r="MA36" s="119">
        <v>0</v>
      </c>
      <c r="MB36" s="119">
        <v>0</v>
      </c>
      <c r="MC36" s="119">
        <v>0</v>
      </c>
      <c r="MD36" s="120">
        <v>0</v>
      </c>
      <c r="ME36" s="121">
        <v>0</v>
      </c>
      <c r="MF36" s="142">
        <v>0</v>
      </c>
      <c r="MG36" s="119">
        <v>0</v>
      </c>
      <c r="MH36" s="120">
        <v>0</v>
      </c>
      <c r="MI36" s="145"/>
      <c r="MJ36" s="119">
        <v>0</v>
      </c>
      <c r="MK36" s="119">
        <v>0</v>
      </c>
      <c r="ML36" s="119">
        <v>0</v>
      </c>
      <c r="MM36" s="119">
        <v>0</v>
      </c>
      <c r="MN36" s="119">
        <v>0</v>
      </c>
      <c r="MO36" s="120">
        <v>0</v>
      </c>
      <c r="MP36" s="143">
        <v>0</v>
      </c>
      <c r="MQ36" s="142">
        <v>0</v>
      </c>
      <c r="MR36" s="119">
        <v>0</v>
      </c>
      <c r="MS36" s="120">
        <v>0</v>
      </c>
      <c r="MT36" s="145"/>
      <c r="MU36" s="119">
        <v>0</v>
      </c>
      <c r="MV36" s="119">
        <v>0</v>
      </c>
      <c r="MW36" s="119">
        <v>0</v>
      </c>
      <c r="MX36" s="119">
        <v>0</v>
      </c>
      <c r="MY36" s="119">
        <v>0</v>
      </c>
      <c r="MZ36" s="120">
        <v>0</v>
      </c>
      <c r="NA36" s="143">
        <v>0</v>
      </c>
      <c r="NB36" s="142">
        <v>0</v>
      </c>
      <c r="NC36" s="119">
        <v>0</v>
      </c>
      <c r="ND36" s="120">
        <v>0</v>
      </c>
      <c r="NE36" s="145"/>
      <c r="NF36" s="119">
        <v>0</v>
      </c>
      <c r="NG36" s="119">
        <v>0</v>
      </c>
      <c r="NH36" s="119">
        <v>0</v>
      </c>
      <c r="NI36" s="119">
        <v>0</v>
      </c>
      <c r="NJ36" s="119">
        <v>0</v>
      </c>
      <c r="NK36" s="120">
        <v>0</v>
      </c>
      <c r="NL36" s="320">
        <v>0</v>
      </c>
      <c r="NM36" s="142">
        <v>0</v>
      </c>
      <c r="NN36" s="119">
        <v>0</v>
      </c>
      <c r="NO36" s="120">
        <v>0</v>
      </c>
      <c r="NP36" s="145"/>
      <c r="NQ36" s="119">
        <v>0</v>
      </c>
      <c r="NR36" s="119">
        <v>0</v>
      </c>
      <c r="NS36" s="119">
        <v>0</v>
      </c>
      <c r="NT36" s="119">
        <v>0</v>
      </c>
      <c r="NU36" s="119">
        <v>0</v>
      </c>
      <c r="NV36" s="120">
        <v>0</v>
      </c>
      <c r="NW36" s="121">
        <v>0</v>
      </c>
      <c r="NX36" s="142">
        <v>0</v>
      </c>
      <c r="NY36" s="119">
        <v>0</v>
      </c>
      <c r="NZ36" s="120">
        <v>0</v>
      </c>
      <c r="OA36" s="145"/>
      <c r="OB36" s="119">
        <v>0</v>
      </c>
      <c r="OC36" s="119">
        <v>0</v>
      </c>
      <c r="OD36" s="119">
        <v>0</v>
      </c>
      <c r="OE36" s="119">
        <v>0</v>
      </c>
      <c r="OF36" s="119">
        <v>0</v>
      </c>
      <c r="OG36" s="120">
        <v>0</v>
      </c>
      <c r="OH36" s="121">
        <v>0</v>
      </c>
      <c r="OI36" s="142">
        <v>0</v>
      </c>
      <c r="OJ36" s="119">
        <v>0</v>
      </c>
      <c r="OK36" s="141">
        <v>0</v>
      </c>
      <c r="OL36" s="118">
        <v>0</v>
      </c>
      <c r="OM36" s="119">
        <v>0</v>
      </c>
      <c r="ON36" s="119">
        <v>0</v>
      </c>
      <c r="OO36" s="119">
        <v>0</v>
      </c>
      <c r="OP36" s="119">
        <v>0</v>
      </c>
      <c r="OQ36" s="119">
        <v>0</v>
      </c>
      <c r="OR36" s="120">
        <v>0</v>
      </c>
      <c r="OS36" s="143">
        <v>0</v>
      </c>
    </row>
    <row r="37" spans="2:409" ht="21" customHeight="1" x14ac:dyDescent="0.2">
      <c r="B37" s="126" t="s">
        <v>32</v>
      </c>
      <c r="C37" s="110">
        <v>0</v>
      </c>
      <c r="D37" s="114">
        <v>33110</v>
      </c>
      <c r="E37" s="174">
        <v>33110</v>
      </c>
      <c r="F37" s="175">
        <v>0</v>
      </c>
      <c r="G37" s="176">
        <v>38500</v>
      </c>
      <c r="H37" s="176">
        <v>0</v>
      </c>
      <c r="I37" s="176">
        <v>0</v>
      </c>
      <c r="J37" s="176">
        <v>0</v>
      </c>
      <c r="K37" s="176">
        <v>0</v>
      </c>
      <c r="L37" s="177">
        <v>38500</v>
      </c>
      <c r="M37" s="116">
        <v>71610</v>
      </c>
      <c r="N37" s="110">
        <v>0</v>
      </c>
      <c r="O37" s="114">
        <v>0</v>
      </c>
      <c r="P37" s="113">
        <v>0</v>
      </c>
      <c r="Q37" s="110">
        <v>0</v>
      </c>
      <c r="R37" s="114">
        <v>0</v>
      </c>
      <c r="S37" s="114">
        <v>0</v>
      </c>
      <c r="T37" s="114">
        <v>0</v>
      </c>
      <c r="U37" s="114">
        <v>0</v>
      </c>
      <c r="V37" s="114">
        <v>0</v>
      </c>
      <c r="W37" s="113">
        <v>0</v>
      </c>
      <c r="X37" s="116">
        <v>0</v>
      </c>
      <c r="Y37" s="110">
        <v>0</v>
      </c>
      <c r="Z37" s="114">
        <v>0</v>
      </c>
      <c r="AA37" s="113">
        <v>0</v>
      </c>
      <c r="AB37" s="110">
        <v>0</v>
      </c>
      <c r="AC37" s="114">
        <v>0</v>
      </c>
      <c r="AD37" s="114">
        <v>0</v>
      </c>
      <c r="AE37" s="114">
        <v>0</v>
      </c>
      <c r="AF37" s="114">
        <v>0</v>
      </c>
      <c r="AG37" s="114">
        <v>0</v>
      </c>
      <c r="AH37" s="113">
        <v>0</v>
      </c>
      <c r="AI37" s="116">
        <v>0</v>
      </c>
      <c r="AJ37" s="110">
        <v>0</v>
      </c>
      <c r="AK37" s="114">
        <v>0</v>
      </c>
      <c r="AL37" s="113">
        <v>0</v>
      </c>
      <c r="AM37" s="110">
        <v>0</v>
      </c>
      <c r="AN37" s="114">
        <v>0</v>
      </c>
      <c r="AO37" s="114">
        <v>0</v>
      </c>
      <c r="AP37" s="114">
        <v>0</v>
      </c>
      <c r="AQ37" s="114">
        <v>0</v>
      </c>
      <c r="AR37" s="114">
        <v>0</v>
      </c>
      <c r="AS37" s="113">
        <v>0</v>
      </c>
      <c r="AT37" s="116">
        <v>0</v>
      </c>
      <c r="AU37" s="110">
        <v>0</v>
      </c>
      <c r="AV37" s="114">
        <v>0</v>
      </c>
      <c r="AW37" s="113">
        <v>0</v>
      </c>
      <c r="AX37" s="110">
        <v>0</v>
      </c>
      <c r="AY37" s="114">
        <v>0</v>
      </c>
      <c r="AZ37" s="114">
        <v>0</v>
      </c>
      <c r="BA37" s="114">
        <v>0</v>
      </c>
      <c r="BB37" s="114">
        <v>0</v>
      </c>
      <c r="BC37" s="114">
        <v>0</v>
      </c>
      <c r="BD37" s="113">
        <v>0</v>
      </c>
      <c r="BE37" s="116">
        <v>0</v>
      </c>
      <c r="BF37" s="110">
        <v>0</v>
      </c>
      <c r="BG37" s="114">
        <v>0</v>
      </c>
      <c r="BH37" s="112">
        <v>0</v>
      </c>
      <c r="BI37" s="111">
        <v>0</v>
      </c>
      <c r="BJ37" s="114">
        <v>0</v>
      </c>
      <c r="BK37" s="114">
        <v>0</v>
      </c>
      <c r="BL37" s="114">
        <v>0</v>
      </c>
      <c r="BM37" s="114">
        <v>0</v>
      </c>
      <c r="BN37" s="114">
        <v>0</v>
      </c>
      <c r="BO37" s="113">
        <v>0</v>
      </c>
      <c r="BP37" s="116">
        <v>0</v>
      </c>
      <c r="BQ37" s="110">
        <v>0</v>
      </c>
      <c r="BR37" s="114">
        <v>0</v>
      </c>
      <c r="BS37" s="113">
        <v>0</v>
      </c>
      <c r="BT37" s="110">
        <v>0</v>
      </c>
      <c r="BU37" s="114">
        <v>0</v>
      </c>
      <c r="BV37" s="114">
        <v>0</v>
      </c>
      <c r="BW37" s="114">
        <v>0</v>
      </c>
      <c r="BX37" s="114">
        <v>0</v>
      </c>
      <c r="BY37" s="114">
        <v>0</v>
      </c>
      <c r="BZ37" s="113">
        <v>0</v>
      </c>
      <c r="CA37" s="116">
        <v>0</v>
      </c>
      <c r="CB37" s="110">
        <v>0</v>
      </c>
      <c r="CC37" s="114">
        <v>0</v>
      </c>
      <c r="CD37" s="113">
        <v>0</v>
      </c>
      <c r="CE37" s="110">
        <v>0</v>
      </c>
      <c r="CF37" s="114">
        <v>0</v>
      </c>
      <c r="CG37" s="114">
        <v>0</v>
      </c>
      <c r="CH37" s="114">
        <v>0</v>
      </c>
      <c r="CI37" s="114">
        <v>0</v>
      </c>
      <c r="CJ37" s="114">
        <v>0</v>
      </c>
      <c r="CK37" s="113">
        <v>0</v>
      </c>
      <c r="CL37" s="116">
        <v>0</v>
      </c>
      <c r="CM37" s="110">
        <v>0</v>
      </c>
      <c r="CN37" s="114">
        <v>0</v>
      </c>
      <c r="CO37" s="113">
        <v>0</v>
      </c>
      <c r="CP37" s="111">
        <v>0</v>
      </c>
      <c r="CQ37" s="114">
        <v>0</v>
      </c>
      <c r="CR37" s="114">
        <v>0</v>
      </c>
      <c r="CS37" s="114">
        <v>0</v>
      </c>
      <c r="CT37" s="114">
        <v>0</v>
      </c>
      <c r="CU37" s="114">
        <v>0</v>
      </c>
      <c r="CV37" s="113">
        <v>0</v>
      </c>
      <c r="CW37" s="116">
        <v>0</v>
      </c>
      <c r="CX37" s="110">
        <v>0</v>
      </c>
      <c r="CY37" s="114">
        <v>0</v>
      </c>
      <c r="CZ37" s="113">
        <v>0</v>
      </c>
      <c r="DA37" s="110">
        <v>0</v>
      </c>
      <c r="DB37" s="114">
        <v>0</v>
      </c>
      <c r="DC37" s="114">
        <v>0</v>
      </c>
      <c r="DD37" s="114">
        <v>0</v>
      </c>
      <c r="DE37" s="114">
        <v>0</v>
      </c>
      <c r="DF37" s="114">
        <v>0</v>
      </c>
      <c r="DG37" s="113">
        <v>0</v>
      </c>
      <c r="DH37" s="116">
        <v>0</v>
      </c>
      <c r="DI37" s="110">
        <v>0</v>
      </c>
      <c r="DJ37" s="114">
        <v>0</v>
      </c>
      <c r="DK37" s="112">
        <v>0</v>
      </c>
      <c r="DL37" s="111">
        <v>0</v>
      </c>
      <c r="DM37" s="114">
        <v>0</v>
      </c>
      <c r="DN37" s="114">
        <v>0</v>
      </c>
      <c r="DO37" s="114">
        <v>0</v>
      </c>
      <c r="DP37" s="114">
        <v>0</v>
      </c>
      <c r="DQ37" s="114">
        <v>0</v>
      </c>
      <c r="DR37" s="113">
        <v>0</v>
      </c>
      <c r="DS37" s="116">
        <v>0</v>
      </c>
      <c r="DT37" s="110">
        <v>0</v>
      </c>
      <c r="DU37" s="114">
        <v>0</v>
      </c>
      <c r="DV37" s="113">
        <v>0</v>
      </c>
      <c r="DW37" s="110">
        <v>0</v>
      </c>
      <c r="DX37" s="114">
        <v>0</v>
      </c>
      <c r="DY37" s="114">
        <v>0</v>
      </c>
      <c r="DZ37" s="114">
        <v>0</v>
      </c>
      <c r="EA37" s="114">
        <v>0</v>
      </c>
      <c r="EB37" s="114">
        <v>0</v>
      </c>
      <c r="EC37" s="113">
        <v>0</v>
      </c>
      <c r="ED37" s="116">
        <v>0</v>
      </c>
      <c r="EE37" s="110">
        <v>0</v>
      </c>
      <c r="EF37" s="112">
        <v>0</v>
      </c>
      <c r="EG37" s="113">
        <v>0</v>
      </c>
      <c r="EH37" s="110">
        <v>0</v>
      </c>
      <c r="EI37" s="114">
        <v>0</v>
      </c>
      <c r="EJ37" s="114">
        <v>0</v>
      </c>
      <c r="EK37" s="114">
        <v>0</v>
      </c>
      <c r="EL37" s="114">
        <v>0</v>
      </c>
      <c r="EM37" s="114">
        <v>0</v>
      </c>
      <c r="EN37" s="112">
        <v>0</v>
      </c>
      <c r="EO37" s="116">
        <v>0</v>
      </c>
      <c r="EP37" s="110">
        <v>0</v>
      </c>
      <c r="EQ37" s="114">
        <v>0</v>
      </c>
      <c r="ER37" s="112">
        <v>0</v>
      </c>
      <c r="ES37" s="111">
        <v>0</v>
      </c>
      <c r="ET37" s="114">
        <v>0</v>
      </c>
      <c r="EU37" s="114">
        <v>0</v>
      </c>
      <c r="EV37" s="114">
        <v>0</v>
      </c>
      <c r="EW37" s="114">
        <v>0</v>
      </c>
      <c r="EX37" s="114">
        <v>0</v>
      </c>
      <c r="EY37" s="113">
        <v>0</v>
      </c>
      <c r="EZ37" s="116">
        <v>0</v>
      </c>
      <c r="FA37" s="110">
        <v>0</v>
      </c>
      <c r="FB37" s="114">
        <v>0</v>
      </c>
      <c r="FC37" s="112">
        <v>0</v>
      </c>
      <c r="FD37" s="347"/>
      <c r="FE37" s="114">
        <v>0</v>
      </c>
      <c r="FF37" s="114">
        <v>0</v>
      </c>
      <c r="FG37" s="114">
        <v>0</v>
      </c>
      <c r="FH37" s="114">
        <v>0</v>
      </c>
      <c r="FI37" s="114">
        <v>0</v>
      </c>
      <c r="FJ37" s="113">
        <v>0</v>
      </c>
      <c r="FK37" s="116">
        <v>0</v>
      </c>
      <c r="FL37" s="110">
        <v>0</v>
      </c>
      <c r="FM37" s="114">
        <v>33110</v>
      </c>
      <c r="FN37" s="113">
        <v>33110</v>
      </c>
      <c r="FO37" s="110">
        <v>0</v>
      </c>
      <c r="FP37" s="114">
        <v>38500</v>
      </c>
      <c r="FQ37" s="114">
        <v>0</v>
      </c>
      <c r="FR37" s="114">
        <v>0</v>
      </c>
      <c r="FS37" s="114">
        <v>0</v>
      </c>
      <c r="FT37" s="114">
        <v>0</v>
      </c>
      <c r="FU37" s="113">
        <v>38500</v>
      </c>
      <c r="FV37" s="116">
        <v>71610</v>
      </c>
      <c r="FW37" s="115">
        <v>0</v>
      </c>
      <c r="FX37" s="114">
        <v>0</v>
      </c>
      <c r="FY37" s="112">
        <v>0</v>
      </c>
      <c r="FZ37" s="111">
        <v>0</v>
      </c>
      <c r="GA37" s="114">
        <v>0</v>
      </c>
      <c r="GB37" s="114">
        <v>0</v>
      </c>
      <c r="GC37" s="114">
        <v>0</v>
      </c>
      <c r="GD37" s="114">
        <v>0</v>
      </c>
      <c r="GE37" s="114">
        <v>0</v>
      </c>
      <c r="GF37" s="113">
        <v>0</v>
      </c>
      <c r="GG37" s="318">
        <v>0</v>
      </c>
      <c r="GH37" s="115">
        <v>0</v>
      </c>
      <c r="GI37" s="114">
        <v>0</v>
      </c>
      <c r="GJ37" s="112">
        <v>0</v>
      </c>
      <c r="GK37" s="111">
        <v>0</v>
      </c>
      <c r="GL37" s="114">
        <v>0</v>
      </c>
      <c r="GM37" s="114">
        <v>0</v>
      </c>
      <c r="GN37" s="114">
        <v>0</v>
      </c>
      <c r="GO37" s="114">
        <v>0</v>
      </c>
      <c r="GP37" s="114">
        <v>0</v>
      </c>
      <c r="GQ37" s="113">
        <v>0</v>
      </c>
      <c r="GR37" s="116">
        <v>0</v>
      </c>
      <c r="GS37" s="110">
        <v>0</v>
      </c>
      <c r="GT37" s="114">
        <v>33110</v>
      </c>
      <c r="GU37" s="113">
        <v>33110</v>
      </c>
      <c r="GV37" s="110">
        <v>0</v>
      </c>
      <c r="GW37" s="114">
        <v>38500</v>
      </c>
      <c r="GX37" s="114">
        <v>0</v>
      </c>
      <c r="GY37" s="114">
        <v>0</v>
      </c>
      <c r="GZ37" s="114">
        <v>0</v>
      </c>
      <c r="HA37" s="114">
        <v>0</v>
      </c>
      <c r="HB37" s="112">
        <v>38500</v>
      </c>
      <c r="HC37" s="116">
        <v>71610</v>
      </c>
      <c r="HD37" s="110">
        <v>0</v>
      </c>
      <c r="HE37" s="114">
        <v>0</v>
      </c>
      <c r="HF37" s="112">
        <v>0</v>
      </c>
      <c r="HG37" s="111">
        <v>0</v>
      </c>
      <c r="HH37" s="114">
        <v>0</v>
      </c>
      <c r="HI37" s="114">
        <v>0</v>
      </c>
      <c r="HJ37" s="114">
        <v>0</v>
      </c>
      <c r="HK37" s="114">
        <v>0</v>
      </c>
      <c r="HL37" s="114">
        <v>0</v>
      </c>
      <c r="HM37" s="113">
        <v>0</v>
      </c>
      <c r="HN37" s="109">
        <v>0</v>
      </c>
      <c r="HO37" s="328"/>
      <c r="HP37" s="329"/>
      <c r="HQ37" s="330"/>
      <c r="HR37" s="331"/>
      <c r="HS37" s="329"/>
      <c r="HT37" s="329"/>
      <c r="HU37" s="329"/>
      <c r="HV37" s="329"/>
      <c r="HW37" s="329"/>
      <c r="HX37" s="332"/>
      <c r="HY37" s="333"/>
      <c r="HZ37" s="131">
        <v>0</v>
      </c>
      <c r="IA37" s="132">
        <v>0</v>
      </c>
      <c r="IB37" s="133">
        <v>0</v>
      </c>
      <c r="IC37" s="146">
        <v>0</v>
      </c>
      <c r="ID37" s="132">
        <v>0</v>
      </c>
      <c r="IE37" s="147">
        <v>0</v>
      </c>
      <c r="IF37" s="133">
        <v>0</v>
      </c>
      <c r="IG37" s="132">
        <v>0</v>
      </c>
      <c r="IH37" s="133">
        <v>0</v>
      </c>
      <c r="II37" s="148">
        <v>0</v>
      </c>
      <c r="IJ37" s="139">
        <v>0</v>
      </c>
      <c r="IK37" s="232">
        <v>0</v>
      </c>
      <c r="IL37" s="236">
        <v>0</v>
      </c>
      <c r="IM37" s="237">
        <v>0</v>
      </c>
      <c r="IN37" s="140"/>
      <c r="IO37" s="119">
        <v>0</v>
      </c>
      <c r="IP37" s="119">
        <v>0</v>
      </c>
      <c r="IQ37" s="119">
        <v>0</v>
      </c>
      <c r="IR37" s="119">
        <v>0</v>
      </c>
      <c r="IS37" s="119">
        <v>0</v>
      </c>
      <c r="IT37" s="141">
        <v>0</v>
      </c>
      <c r="IU37" s="320">
        <v>0</v>
      </c>
      <c r="IV37" s="142">
        <v>0</v>
      </c>
      <c r="IW37" s="119">
        <v>0</v>
      </c>
      <c r="IX37" s="120">
        <v>0</v>
      </c>
      <c r="IY37" s="144"/>
      <c r="IZ37" s="119">
        <v>0</v>
      </c>
      <c r="JA37" s="119">
        <v>0</v>
      </c>
      <c r="JB37" s="119">
        <v>0</v>
      </c>
      <c r="JC37" s="119">
        <v>0</v>
      </c>
      <c r="JD37" s="119">
        <v>0</v>
      </c>
      <c r="JE37" s="120">
        <v>0</v>
      </c>
      <c r="JF37" s="121">
        <v>0</v>
      </c>
      <c r="JG37" s="142">
        <v>0</v>
      </c>
      <c r="JH37" s="119">
        <v>0</v>
      </c>
      <c r="JI37" s="141">
        <v>0</v>
      </c>
      <c r="JJ37" s="118">
        <v>0</v>
      </c>
      <c r="JK37" s="119">
        <v>0</v>
      </c>
      <c r="JL37" s="119">
        <v>0</v>
      </c>
      <c r="JM37" s="119">
        <v>0</v>
      </c>
      <c r="JN37" s="119">
        <v>0</v>
      </c>
      <c r="JO37" s="119">
        <v>0</v>
      </c>
      <c r="JP37" s="120">
        <v>0</v>
      </c>
      <c r="JQ37" s="320">
        <v>0</v>
      </c>
      <c r="JR37" s="142">
        <v>0</v>
      </c>
      <c r="JS37" s="119">
        <v>0</v>
      </c>
      <c r="JT37" s="141">
        <v>0</v>
      </c>
      <c r="JU37" s="118">
        <v>0</v>
      </c>
      <c r="JV37" s="119">
        <v>0</v>
      </c>
      <c r="JW37" s="119">
        <v>0</v>
      </c>
      <c r="JX37" s="119">
        <v>0</v>
      </c>
      <c r="JY37" s="119">
        <v>0</v>
      </c>
      <c r="JZ37" s="119">
        <v>0</v>
      </c>
      <c r="KA37" s="120">
        <v>0</v>
      </c>
      <c r="KB37" s="320">
        <v>0</v>
      </c>
      <c r="KC37" s="234">
        <v>0</v>
      </c>
      <c r="KD37" s="230">
        <v>0</v>
      </c>
      <c r="KE37" s="120">
        <v>0</v>
      </c>
      <c r="KF37" s="118">
        <v>0</v>
      </c>
      <c r="KG37" s="119">
        <v>0</v>
      </c>
      <c r="KH37" s="119">
        <v>0</v>
      </c>
      <c r="KI37" s="119">
        <v>0</v>
      </c>
      <c r="KJ37" s="119">
        <v>0</v>
      </c>
      <c r="KK37" s="119">
        <v>0</v>
      </c>
      <c r="KL37" s="120">
        <v>0</v>
      </c>
      <c r="KM37" s="143">
        <v>0</v>
      </c>
      <c r="KN37" s="232">
        <v>0</v>
      </c>
      <c r="KO37" s="236">
        <v>0</v>
      </c>
      <c r="KP37" s="237">
        <v>0</v>
      </c>
      <c r="KQ37" s="140"/>
      <c r="KR37" s="119">
        <v>0</v>
      </c>
      <c r="KS37" s="119">
        <v>0</v>
      </c>
      <c r="KT37" s="119">
        <v>0</v>
      </c>
      <c r="KU37" s="119">
        <v>0</v>
      </c>
      <c r="KV37" s="119">
        <v>0</v>
      </c>
      <c r="KW37" s="120">
        <v>0</v>
      </c>
      <c r="KX37" s="320">
        <v>0</v>
      </c>
      <c r="KY37" s="142">
        <v>0</v>
      </c>
      <c r="KZ37" s="119">
        <v>0</v>
      </c>
      <c r="LA37" s="120">
        <v>0</v>
      </c>
      <c r="LB37" s="145"/>
      <c r="LC37" s="119">
        <v>0</v>
      </c>
      <c r="LD37" s="119">
        <v>0</v>
      </c>
      <c r="LE37" s="119">
        <v>0</v>
      </c>
      <c r="LF37" s="119">
        <v>0</v>
      </c>
      <c r="LG37" s="119">
        <v>0</v>
      </c>
      <c r="LH37" s="120">
        <v>0</v>
      </c>
      <c r="LI37" s="121">
        <v>0</v>
      </c>
      <c r="LJ37" s="142">
        <v>0</v>
      </c>
      <c r="LK37" s="119">
        <v>0</v>
      </c>
      <c r="LL37" s="120">
        <v>0</v>
      </c>
      <c r="LM37" s="145"/>
      <c r="LN37" s="119">
        <v>0</v>
      </c>
      <c r="LO37" s="119">
        <v>0</v>
      </c>
      <c r="LP37" s="119">
        <v>0</v>
      </c>
      <c r="LQ37" s="119">
        <v>0</v>
      </c>
      <c r="LR37" s="119">
        <v>0</v>
      </c>
      <c r="LS37" s="120">
        <v>0</v>
      </c>
      <c r="LT37" s="320">
        <v>0</v>
      </c>
      <c r="LU37" s="142">
        <v>0</v>
      </c>
      <c r="LV37" s="119">
        <v>0</v>
      </c>
      <c r="LW37" s="120">
        <v>0</v>
      </c>
      <c r="LX37" s="145"/>
      <c r="LY37" s="119">
        <v>0</v>
      </c>
      <c r="LZ37" s="119">
        <v>0</v>
      </c>
      <c r="MA37" s="119">
        <v>0</v>
      </c>
      <c r="MB37" s="119">
        <v>0</v>
      </c>
      <c r="MC37" s="119">
        <v>0</v>
      </c>
      <c r="MD37" s="120">
        <v>0</v>
      </c>
      <c r="ME37" s="121">
        <v>0</v>
      </c>
      <c r="MF37" s="142">
        <v>0</v>
      </c>
      <c r="MG37" s="119">
        <v>0</v>
      </c>
      <c r="MH37" s="120">
        <v>0</v>
      </c>
      <c r="MI37" s="145"/>
      <c r="MJ37" s="119">
        <v>0</v>
      </c>
      <c r="MK37" s="119">
        <v>0</v>
      </c>
      <c r="ML37" s="119">
        <v>0</v>
      </c>
      <c r="MM37" s="119">
        <v>0</v>
      </c>
      <c r="MN37" s="119">
        <v>0</v>
      </c>
      <c r="MO37" s="120">
        <v>0</v>
      </c>
      <c r="MP37" s="143">
        <v>0</v>
      </c>
      <c r="MQ37" s="142">
        <v>0</v>
      </c>
      <c r="MR37" s="119">
        <v>0</v>
      </c>
      <c r="MS37" s="120">
        <v>0</v>
      </c>
      <c r="MT37" s="145"/>
      <c r="MU37" s="119">
        <v>0</v>
      </c>
      <c r="MV37" s="119">
        <v>0</v>
      </c>
      <c r="MW37" s="119">
        <v>0</v>
      </c>
      <c r="MX37" s="119">
        <v>0</v>
      </c>
      <c r="MY37" s="119">
        <v>0</v>
      </c>
      <c r="MZ37" s="120">
        <v>0</v>
      </c>
      <c r="NA37" s="143">
        <v>0</v>
      </c>
      <c r="NB37" s="142">
        <v>0</v>
      </c>
      <c r="NC37" s="119">
        <v>0</v>
      </c>
      <c r="ND37" s="120">
        <v>0</v>
      </c>
      <c r="NE37" s="145"/>
      <c r="NF37" s="119">
        <v>0</v>
      </c>
      <c r="NG37" s="119">
        <v>0</v>
      </c>
      <c r="NH37" s="119">
        <v>0</v>
      </c>
      <c r="NI37" s="119">
        <v>0</v>
      </c>
      <c r="NJ37" s="119">
        <v>0</v>
      </c>
      <c r="NK37" s="120">
        <v>0</v>
      </c>
      <c r="NL37" s="320">
        <v>0</v>
      </c>
      <c r="NM37" s="142">
        <v>0</v>
      </c>
      <c r="NN37" s="119">
        <v>0</v>
      </c>
      <c r="NO37" s="120">
        <v>0</v>
      </c>
      <c r="NP37" s="145"/>
      <c r="NQ37" s="119">
        <v>0</v>
      </c>
      <c r="NR37" s="119">
        <v>0</v>
      </c>
      <c r="NS37" s="119">
        <v>0</v>
      </c>
      <c r="NT37" s="119">
        <v>0</v>
      </c>
      <c r="NU37" s="119">
        <v>0</v>
      </c>
      <c r="NV37" s="120">
        <v>0</v>
      </c>
      <c r="NW37" s="121">
        <v>0</v>
      </c>
      <c r="NX37" s="142">
        <v>0</v>
      </c>
      <c r="NY37" s="119">
        <v>0</v>
      </c>
      <c r="NZ37" s="120">
        <v>0</v>
      </c>
      <c r="OA37" s="145"/>
      <c r="OB37" s="119">
        <v>0</v>
      </c>
      <c r="OC37" s="119">
        <v>0</v>
      </c>
      <c r="OD37" s="119">
        <v>0</v>
      </c>
      <c r="OE37" s="119">
        <v>0</v>
      </c>
      <c r="OF37" s="119">
        <v>0</v>
      </c>
      <c r="OG37" s="120">
        <v>0</v>
      </c>
      <c r="OH37" s="121">
        <v>0</v>
      </c>
      <c r="OI37" s="142">
        <v>0</v>
      </c>
      <c r="OJ37" s="119">
        <v>33110</v>
      </c>
      <c r="OK37" s="141">
        <v>33110</v>
      </c>
      <c r="OL37" s="118">
        <v>0</v>
      </c>
      <c r="OM37" s="119">
        <v>38500</v>
      </c>
      <c r="ON37" s="119">
        <v>0</v>
      </c>
      <c r="OO37" s="119">
        <v>0</v>
      </c>
      <c r="OP37" s="119">
        <v>0</v>
      </c>
      <c r="OQ37" s="119">
        <v>0</v>
      </c>
      <c r="OR37" s="120">
        <v>38500</v>
      </c>
      <c r="OS37" s="143">
        <v>71610</v>
      </c>
    </row>
    <row r="38" spans="2:409" ht="21" customHeight="1" x14ac:dyDescent="0.2">
      <c r="B38" s="126" t="s">
        <v>33</v>
      </c>
      <c r="C38" s="110">
        <v>0</v>
      </c>
      <c r="D38" s="114">
        <v>0</v>
      </c>
      <c r="E38" s="113">
        <v>0</v>
      </c>
      <c r="F38" s="109">
        <v>0</v>
      </c>
      <c r="G38" s="114">
        <v>0</v>
      </c>
      <c r="H38" s="114">
        <v>0</v>
      </c>
      <c r="I38" s="114">
        <v>0</v>
      </c>
      <c r="J38" s="114">
        <v>0</v>
      </c>
      <c r="K38" s="114">
        <v>0</v>
      </c>
      <c r="L38" s="173">
        <v>0</v>
      </c>
      <c r="M38" s="116">
        <v>0</v>
      </c>
      <c r="N38" s="110">
        <v>0</v>
      </c>
      <c r="O38" s="114">
        <v>0</v>
      </c>
      <c r="P38" s="113">
        <v>0</v>
      </c>
      <c r="Q38" s="110">
        <v>0</v>
      </c>
      <c r="R38" s="114">
        <v>0</v>
      </c>
      <c r="S38" s="114">
        <v>0</v>
      </c>
      <c r="T38" s="114">
        <v>0</v>
      </c>
      <c r="U38" s="114">
        <v>0</v>
      </c>
      <c r="V38" s="114">
        <v>0</v>
      </c>
      <c r="W38" s="113">
        <v>0</v>
      </c>
      <c r="X38" s="116">
        <v>0</v>
      </c>
      <c r="Y38" s="110">
        <v>0</v>
      </c>
      <c r="Z38" s="114">
        <v>0</v>
      </c>
      <c r="AA38" s="113">
        <v>0</v>
      </c>
      <c r="AB38" s="110">
        <v>0</v>
      </c>
      <c r="AC38" s="114">
        <v>0</v>
      </c>
      <c r="AD38" s="114">
        <v>0</v>
      </c>
      <c r="AE38" s="114">
        <v>0</v>
      </c>
      <c r="AF38" s="114">
        <v>0</v>
      </c>
      <c r="AG38" s="114">
        <v>0</v>
      </c>
      <c r="AH38" s="113">
        <v>0</v>
      </c>
      <c r="AI38" s="116">
        <v>0</v>
      </c>
      <c r="AJ38" s="110">
        <v>0</v>
      </c>
      <c r="AK38" s="114">
        <v>0</v>
      </c>
      <c r="AL38" s="113">
        <v>0</v>
      </c>
      <c r="AM38" s="110">
        <v>0</v>
      </c>
      <c r="AN38" s="114">
        <v>0</v>
      </c>
      <c r="AO38" s="114">
        <v>0</v>
      </c>
      <c r="AP38" s="114">
        <v>0</v>
      </c>
      <c r="AQ38" s="114">
        <v>0</v>
      </c>
      <c r="AR38" s="114">
        <v>0</v>
      </c>
      <c r="AS38" s="113">
        <v>0</v>
      </c>
      <c r="AT38" s="116">
        <v>0</v>
      </c>
      <c r="AU38" s="110">
        <v>0</v>
      </c>
      <c r="AV38" s="114">
        <v>0</v>
      </c>
      <c r="AW38" s="113">
        <v>0</v>
      </c>
      <c r="AX38" s="110">
        <v>0</v>
      </c>
      <c r="AY38" s="114">
        <v>0</v>
      </c>
      <c r="AZ38" s="114">
        <v>0</v>
      </c>
      <c r="BA38" s="114">
        <v>0</v>
      </c>
      <c r="BB38" s="114">
        <v>0</v>
      </c>
      <c r="BC38" s="114">
        <v>0</v>
      </c>
      <c r="BD38" s="113">
        <v>0</v>
      </c>
      <c r="BE38" s="116">
        <v>0</v>
      </c>
      <c r="BF38" s="110">
        <v>0</v>
      </c>
      <c r="BG38" s="114">
        <v>0</v>
      </c>
      <c r="BH38" s="112">
        <v>0</v>
      </c>
      <c r="BI38" s="111">
        <v>0</v>
      </c>
      <c r="BJ38" s="114">
        <v>0</v>
      </c>
      <c r="BK38" s="114">
        <v>0</v>
      </c>
      <c r="BL38" s="114">
        <v>0</v>
      </c>
      <c r="BM38" s="114">
        <v>0</v>
      </c>
      <c r="BN38" s="114">
        <v>0</v>
      </c>
      <c r="BO38" s="113">
        <v>0</v>
      </c>
      <c r="BP38" s="116">
        <v>0</v>
      </c>
      <c r="BQ38" s="110">
        <v>0</v>
      </c>
      <c r="BR38" s="114">
        <v>0</v>
      </c>
      <c r="BS38" s="113">
        <v>0</v>
      </c>
      <c r="BT38" s="110">
        <v>0</v>
      </c>
      <c r="BU38" s="114">
        <v>0</v>
      </c>
      <c r="BV38" s="114">
        <v>0</v>
      </c>
      <c r="BW38" s="114">
        <v>0</v>
      </c>
      <c r="BX38" s="114">
        <v>0</v>
      </c>
      <c r="BY38" s="114">
        <v>0</v>
      </c>
      <c r="BZ38" s="113">
        <v>0</v>
      </c>
      <c r="CA38" s="116">
        <v>0</v>
      </c>
      <c r="CB38" s="110">
        <v>0</v>
      </c>
      <c r="CC38" s="114">
        <v>0</v>
      </c>
      <c r="CD38" s="113">
        <v>0</v>
      </c>
      <c r="CE38" s="110">
        <v>0</v>
      </c>
      <c r="CF38" s="114">
        <v>0</v>
      </c>
      <c r="CG38" s="114">
        <v>0</v>
      </c>
      <c r="CH38" s="114">
        <v>0</v>
      </c>
      <c r="CI38" s="114">
        <v>0</v>
      </c>
      <c r="CJ38" s="114">
        <v>0</v>
      </c>
      <c r="CK38" s="113">
        <v>0</v>
      </c>
      <c r="CL38" s="116">
        <v>0</v>
      </c>
      <c r="CM38" s="110">
        <v>0</v>
      </c>
      <c r="CN38" s="114">
        <v>0</v>
      </c>
      <c r="CO38" s="113">
        <v>0</v>
      </c>
      <c r="CP38" s="111">
        <v>0</v>
      </c>
      <c r="CQ38" s="114">
        <v>0</v>
      </c>
      <c r="CR38" s="114">
        <v>0</v>
      </c>
      <c r="CS38" s="114">
        <v>0</v>
      </c>
      <c r="CT38" s="114">
        <v>0</v>
      </c>
      <c r="CU38" s="114">
        <v>0</v>
      </c>
      <c r="CV38" s="113">
        <v>0</v>
      </c>
      <c r="CW38" s="116">
        <v>0</v>
      </c>
      <c r="CX38" s="110">
        <v>0</v>
      </c>
      <c r="CY38" s="114">
        <v>0</v>
      </c>
      <c r="CZ38" s="113">
        <v>0</v>
      </c>
      <c r="DA38" s="110">
        <v>0</v>
      </c>
      <c r="DB38" s="114">
        <v>0</v>
      </c>
      <c r="DC38" s="114">
        <v>0</v>
      </c>
      <c r="DD38" s="114">
        <v>0</v>
      </c>
      <c r="DE38" s="114">
        <v>0</v>
      </c>
      <c r="DF38" s="114">
        <v>0</v>
      </c>
      <c r="DG38" s="113">
        <v>0</v>
      </c>
      <c r="DH38" s="116">
        <v>0</v>
      </c>
      <c r="DI38" s="110">
        <v>0</v>
      </c>
      <c r="DJ38" s="114">
        <v>0</v>
      </c>
      <c r="DK38" s="112">
        <v>0</v>
      </c>
      <c r="DL38" s="111">
        <v>0</v>
      </c>
      <c r="DM38" s="114">
        <v>0</v>
      </c>
      <c r="DN38" s="114">
        <v>0</v>
      </c>
      <c r="DO38" s="114">
        <v>0</v>
      </c>
      <c r="DP38" s="114">
        <v>0</v>
      </c>
      <c r="DQ38" s="114">
        <v>0</v>
      </c>
      <c r="DR38" s="113">
        <v>0</v>
      </c>
      <c r="DS38" s="116">
        <v>0</v>
      </c>
      <c r="DT38" s="110">
        <v>0</v>
      </c>
      <c r="DU38" s="114">
        <v>0</v>
      </c>
      <c r="DV38" s="113">
        <v>0</v>
      </c>
      <c r="DW38" s="110">
        <v>0</v>
      </c>
      <c r="DX38" s="114">
        <v>0</v>
      </c>
      <c r="DY38" s="114">
        <v>0</v>
      </c>
      <c r="DZ38" s="114">
        <v>0</v>
      </c>
      <c r="EA38" s="114">
        <v>0</v>
      </c>
      <c r="EB38" s="114">
        <v>0</v>
      </c>
      <c r="EC38" s="113">
        <v>0</v>
      </c>
      <c r="ED38" s="116">
        <v>0</v>
      </c>
      <c r="EE38" s="110">
        <v>0</v>
      </c>
      <c r="EF38" s="112">
        <v>0</v>
      </c>
      <c r="EG38" s="113">
        <v>0</v>
      </c>
      <c r="EH38" s="110">
        <v>0</v>
      </c>
      <c r="EI38" s="114">
        <v>0</v>
      </c>
      <c r="EJ38" s="114">
        <v>0</v>
      </c>
      <c r="EK38" s="114">
        <v>0</v>
      </c>
      <c r="EL38" s="114">
        <v>0</v>
      </c>
      <c r="EM38" s="114">
        <v>0</v>
      </c>
      <c r="EN38" s="112">
        <v>0</v>
      </c>
      <c r="EO38" s="116">
        <v>0</v>
      </c>
      <c r="EP38" s="110">
        <v>0</v>
      </c>
      <c r="EQ38" s="114">
        <v>0</v>
      </c>
      <c r="ER38" s="112">
        <v>0</v>
      </c>
      <c r="ES38" s="111">
        <v>0</v>
      </c>
      <c r="ET38" s="114">
        <v>0</v>
      </c>
      <c r="EU38" s="114">
        <v>0</v>
      </c>
      <c r="EV38" s="114">
        <v>0</v>
      </c>
      <c r="EW38" s="114">
        <v>0</v>
      </c>
      <c r="EX38" s="114">
        <v>0</v>
      </c>
      <c r="EY38" s="113">
        <v>0</v>
      </c>
      <c r="EZ38" s="116">
        <v>0</v>
      </c>
      <c r="FA38" s="110">
        <v>0</v>
      </c>
      <c r="FB38" s="114">
        <v>0</v>
      </c>
      <c r="FC38" s="112">
        <v>0</v>
      </c>
      <c r="FD38" s="347"/>
      <c r="FE38" s="114">
        <v>0</v>
      </c>
      <c r="FF38" s="114">
        <v>0</v>
      </c>
      <c r="FG38" s="114">
        <v>0</v>
      </c>
      <c r="FH38" s="114">
        <v>0</v>
      </c>
      <c r="FI38" s="114">
        <v>0</v>
      </c>
      <c r="FJ38" s="113">
        <v>0</v>
      </c>
      <c r="FK38" s="116">
        <v>0</v>
      </c>
      <c r="FL38" s="110">
        <v>0</v>
      </c>
      <c r="FM38" s="114">
        <v>0</v>
      </c>
      <c r="FN38" s="113">
        <v>0</v>
      </c>
      <c r="FO38" s="110">
        <v>0</v>
      </c>
      <c r="FP38" s="114">
        <v>0</v>
      </c>
      <c r="FQ38" s="114">
        <v>0</v>
      </c>
      <c r="FR38" s="114">
        <v>0</v>
      </c>
      <c r="FS38" s="114">
        <v>0</v>
      </c>
      <c r="FT38" s="114">
        <v>0</v>
      </c>
      <c r="FU38" s="113">
        <v>0</v>
      </c>
      <c r="FV38" s="116">
        <v>0</v>
      </c>
      <c r="FW38" s="115">
        <v>0</v>
      </c>
      <c r="FX38" s="114">
        <v>0</v>
      </c>
      <c r="FY38" s="112">
        <v>0</v>
      </c>
      <c r="FZ38" s="111">
        <v>0</v>
      </c>
      <c r="GA38" s="114">
        <v>0</v>
      </c>
      <c r="GB38" s="114">
        <v>0</v>
      </c>
      <c r="GC38" s="114">
        <v>0</v>
      </c>
      <c r="GD38" s="114">
        <v>0</v>
      </c>
      <c r="GE38" s="114">
        <v>0</v>
      </c>
      <c r="GF38" s="113">
        <v>0</v>
      </c>
      <c r="GG38" s="318">
        <v>0</v>
      </c>
      <c r="GH38" s="115">
        <v>0</v>
      </c>
      <c r="GI38" s="114">
        <v>0</v>
      </c>
      <c r="GJ38" s="112">
        <v>0</v>
      </c>
      <c r="GK38" s="111">
        <v>0</v>
      </c>
      <c r="GL38" s="114">
        <v>0</v>
      </c>
      <c r="GM38" s="114">
        <v>0</v>
      </c>
      <c r="GN38" s="114">
        <v>0</v>
      </c>
      <c r="GO38" s="114">
        <v>0</v>
      </c>
      <c r="GP38" s="114">
        <v>0</v>
      </c>
      <c r="GQ38" s="113">
        <v>0</v>
      </c>
      <c r="GR38" s="116">
        <v>0</v>
      </c>
      <c r="GS38" s="110">
        <v>0</v>
      </c>
      <c r="GT38" s="114">
        <v>0</v>
      </c>
      <c r="GU38" s="113">
        <v>0</v>
      </c>
      <c r="GV38" s="110">
        <v>0</v>
      </c>
      <c r="GW38" s="114">
        <v>0</v>
      </c>
      <c r="GX38" s="114">
        <v>0</v>
      </c>
      <c r="GY38" s="114">
        <v>0</v>
      </c>
      <c r="GZ38" s="114">
        <v>0</v>
      </c>
      <c r="HA38" s="114">
        <v>0</v>
      </c>
      <c r="HB38" s="112">
        <v>0</v>
      </c>
      <c r="HC38" s="116">
        <v>0</v>
      </c>
      <c r="HD38" s="110">
        <v>0</v>
      </c>
      <c r="HE38" s="114">
        <v>0</v>
      </c>
      <c r="HF38" s="112">
        <v>0</v>
      </c>
      <c r="HG38" s="111">
        <v>0</v>
      </c>
      <c r="HH38" s="114">
        <v>0</v>
      </c>
      <c r="HI38" s="114">
        <v>0</v>
      </c>
      <c r="HJ38" s="114">
        <v>0</v>
      </c>
      <c r="HK38" s="114">
        <v>0</v>
      </c>
      <c r="HL38" s="114">
        <v>0</v>
      </c>
      <c r="HM38" s="113">
        <v>0</v>
      </c>
      <c r="HN38" s="109">
        <v>0</v>
      </c>
      <c r="HO38" s="328"/>
      <c r="HP38" s="329"/>
      <c r="HQ38" s="330"/>
      <c r="HR38" s="331"/>
      <c r="HS38" s="329"/>
      <c r="HT38" s="329"/>
      <c r="HU38" s="329"/>
      <c r="HV38" s="329"/>
      <c r="HW38" s="329"/>
      <c r="HX38" s="332"/>
      <c r="HY38" s="333"/>
      <c r="HZ38" s="150">
        <v>0</v>
      </c>
      <c r="IA38" s="135">
        <v>0</v>
      </c>
      <c r="IB38" s="150">
        <v>0</v>
      </c>
      <c r="IC38" s="146">
        <v>0</v>
      </c>
      <c r="ID38" s="132">
        <v>0</v>
      </c>
      <c r="IE38" s="147">
        <v>0</v>
      </c>
      <c r="IF38" s="133">
        <v>0</v>
      </c>
      <c r="IG38" s="132">
        <v>0</v>
      </c>
      <c r="IH38" s="133">
        <v>0</v>
      </c>
      <c r="II38" s="148">
        <v>0</v>
      </c>
      <c r="IJ38" s="150">
        <v>0</v>
      </c>
      <c r="IK38" s="232">
        <v>0</v>
      </c>
      <c r="IL38" s="236">
        <v>0</v>
      </c>
      <c r="IM38" s="237">
        <v>0</v>
      </c>
      <c r="IN38" s="140"/>
      <c r="IO38" s="119">
        <v>0</v>
      </c>
      <c r="IP38" s="119">
        <v>0</v>
      </c>
      <c r="IQ38" s="119">
        <v>0</v>
      </c>
      <c r="IR38" s="119">
        <v>0</v>
      </c>
      <c r="IS38" s="119">
        <v>0</v>
      </c>
      <c r="IT38" s="141">
        <v>0</v>
      </c>
      <c r="IU38" s="320">
        <v>0</v>
      </c>
      <c r="IV38" s="142">
        <v>0</v>
      </c>
      <c r="IW38" s="119">
        <v>0</v>
      </c>
      <c r="IX38" s="120">
        <v>0</v>
      </c>
      <c r="IY38" s="144"/>
      <c r="IZ38" s="119">
        <v>0</v>
      </c>
      <c r="JA38" s="119">
        <v>0</v>
      </c>
      <c r="JB38" s="119">
        <v>0</v>
      </c>
      <c r="JC38" s="119">
        <v>0</v>
      </c>
      <c r="JD38" s="119">
        <v>0</v>
      </c>
      <c r="JE38" s="120">
        <v>0</v>
      </c>
      <c r="JF38" s="121">
        <v>0</v>
      </c>
      <c r="JG38" s="142">
        <v>0</v>
      </c>
      <c r="JH38" s="119">
        <v>0</v>
      </c>
      <c r="JI38" s="141">
        <v>0</v>
      </c>
      <c r="JJ38" s="118">
        <v>0</v>
      </c>
      <c r="JK38" s="119">
        <v>0</v>
      </c>
      <c r="JL38" s="119">
        <v>0</v>
      </c>
      <c r="JM38" s="119">
        <v>0</v>
      </c>
      <c r="JN38" s="119">
        <v>0</v>
      </c>
      <c r="JO38" s="119">
        <v>0</v>
      </c>
      <c r="JP38" s="120">
        <v>0</v>
      </c>
      <c r="JQ38" s="320">
        <v>0</v>
      </c>
      <c r="JR38" s="142">
        <v>0</v>
      </c>
      <c r="JS38" s="119">
        <v>0</v>
      </c>
      <c r="JT38" s="141">
        <v>0</v>
      </c>
      <c r="JU38" s="118">
        <v>0</v>
      </c>
      <c r="JV38" s="119">
        <v>0</v>
      </c>
      <c r="JW38" s="119">
        <v>0</v>
      </c>
      <c r="JX38" s="119">
        <v>0</v>
      </c>
      <c r="JY38" s="119">
        <v>0</v>
      </c>
      <c r="JZ38" s="119">
        <v>0</v>
      </c>
      <c r="KA38" s="120">
        <v>0</v>
      </c>
      <c r="KB38" s="320">
        <v>0</v>
      </c>
      <c r="KC38" s="234">
        <v>0</v>
      </c>
      <c r="KD38" s="230">
        <v>0</v>
      </c>
      <c r="KE38" s="120">
        <v>0</v>
      </c>
      <c r="KF38" s="118">
        <v>0</v>
      </c>
      <c r="KG38" s="119">
        <v>0</v>
      </c>
      <c r="KH38" s="119">
        <v>0</v>
      </c>
      <c r="KI38" s="119">
        <v>0</v>
      </c>
      <c r="KJ38" s="119">
        <v>0</v>
      </c>
      <c r="KK38" s="119">
        <v>0</v>
      </c>
      <c r="KL38" s="120">
        <v>0</v>
      </c>
      <c r="KM38" s="143">
        <v>0</v>
      </c>
      <c r="KN38" s="232">
        <v>0</v>
      </c>
      <c r="KO38" s="236">
        <v>0</v>
      </c>
      <c r="KP38" s="237">
        <v>0</v>
      </c>
      <c r="KQ38" s="140"/>
      <c r="KR38" s="119">
        <v>0</v>
      </c>
      <c r="KS38" s="119">
        <v>0</v>
      </c>
      <c r="KT38" s="119">
        <v>0</v>
      </c>
      <c r="KU38" s="119">
        <v>0</v>
      </c>
      <c r="KV38" s="119">
        <v>0</v>
      </c>
      <c r="KW38" s="120">
        <v>0</v>
      </c>
      <c r="KX38" s="320">
        <v>0</v>
      </c>
      <c r="KY38" s="142">
        <v>0</v>
      </c>
      <c r="KZ38" s="119">
        <v>0</v>
      </c>
      <c r="LA38" s="120">
        <v>0</v>
      </c>
      <c r="LB38" s="145"/>
      <c r="LC38" s="119">
        <v>0</v>
      </c>
      <c r="LD38" s="119">
        <v>0</v>
      </c>
      <c r="LE38" s="119">
        <v>0</v>
      </c>
      <c r="LF38" s="119">
        <v>0</v>
      </c>
      <c r="LG38" s="119">
        <v>0</v>
      </c>
      <c r="LH38" s="120">
        <v>0</v>
      </c>
      <c r="LI38" s="121">
        <v>0</v>
      </c>
      <c r="LJ38" s="142">
        <v>0</v>
      </c>
      <c r="LK38" s="119">
        <v>0</v>
      </c>
      <c r="LL38" s="120">
        <v>0</v>
      </c>
      <c r="LM38" s="145"/>
      <c r="LN38" s="119">
        <v>0</v>
      </c>
      <c r="LO38" s="119">
        <v>0</v>
      </c>
      <c r="LP38" s="119">
        <v>0</v>
      </c>
      <c r="LQ38" s="119">
        <v>0</v>
      </c>
      <c r="LR38" s="119">
        <v>0</v>
      </c>
      <c r="LS38" s="120">
        <v>0</v>
      </c>
      <c r="LT38" s="320">
        <v>0</v>
      </c>
      <c r="LU38" s="142">
        <v>0</v>
      </c>
      <c r="LV38" s="119">
        <v>0</v>
      </c>
      <c r="LW38" s="120">
        <v>0</v>
      </c>
      <c r="LX38" s="145"/>
      <c r="LY38" s="119">
        <v>0</v>
      </c>
      <c r="LZ38" s="119">
        <v>0</v>
      </c>
      <c r="MA38" s="119">
        <v>0</v>
      </c>
      <c r="MB38" s="119">
        <v>0</v>
      </c>
      <c r="MC38" s="119">
        <v>0</v>
      </c>
      <c r="MD38" s="120">
        <v>0</v>
      </c>
      <c r="ME38" s="121">
        <v>0</v>
      </c>
      <c r="MF38" s="142">
        <v>0</v>
      </c>
      <c r="MG38" s="119">
        <v>0</v>
      </c>
      <c r="MH38" s="120">
        <v>0</v>
      </c>
      <c r="MI38" s="145"/>
      <c r="MJ38" s="119">
        <v>0</v>
      </c>
      <c r="MK38" s="119">
        <v>0</v>
      </c>
      <c r="ML38" s="119">
        <v>0</v>
      </c>
      <c r="MM38" s="119">
        <v>0</v>
      </c>
      <c r="MN38" s="119">
        <v>0</v>
      </c>
      <c r="MO38" s="120">
        <v>0</v>
      </c>
      <c r="MP38" s="143">
        <v>0</v>
      </c>
      <c r="MQ38" s="142">
        <v>0</v>
      </c>
      <c r="MR38" s="119">
        <v>0</v>
      </c>
      <c r="MS38" s="120">
        <v>0</v>
      </c>
      <c r="MT38" s="145"/>
      <c r="MU38" s="119">
        <v>0</v>
      </c>
      <c r="MV38" s="119">
        <v>0</v>
      </c>
      <c r="MW38" s="119">
        <v>0</v>
      </c>
      <c r="MX38" s="119">
        <v>0</v>
      </c>
      <c r="MY38" s="119">
        <v>0</v>
      </c>
      <c r="MZ38" s="120">
        <v>0</v>
      </c>
      <c r="NA38" s="143">
        <v>0</v>
      </c>
      <c r="NB38" s="142">
        <v>0</v>
      </c>
      <c r="NC38" s="119">
        <v>0</v>
      </c>
      <c r="ND38" s="120">
        <v>0</v>
      </c>
      <c r="NE38" s="145"/>
      <c r="NF38" s="119">
        <v>0</v>
      </c>
      <c r="NG38" s="119">
        <v>0</v>
      </c>
      <c r="NH38" s="119">
        <v>0</v>
      </c>
      <c r="NI38" s="119">
        <v>0</v>
      </c>
      <c r="NJ38" s="119">
        <v>0</v>
      </c>
      <c r="NK38" s="120">
        <v>0</v>
      </c>
      <c r="NL38" s="320">
        <v>0</v>
      </c>
      <c r="NM38" s="142">
        <v>0</v>
      </c>
      <c r="NN38" s="119">
        <v>0</v>
      </c>
      <c r="NO38" s="120">
        <v>0</v>
      </c>
      <c r="NP38" s="145"/>
      <c r="NQ38" s="119">
        <v>0</v>
      </c>
      <c r="NR38" s="119">
        <v>0</v>
      </c>
      <c r="NS38" s="119">
        <v>0</v>
      </c>
      <c r="NT38" s="119">
        <v>0</v>
      </c>
      <c r="NU38" s="119">
        <v>0</v>
      </c>
      <c r="NV38" s="120">
        <v>0</v>
      </c>
      <c r="NW38" s="121">
        <v>0</v>
      </c>
      <c r="NX38" s="142">
        <v>0</v>
      </c>
      <c r="NY38" s="119">
        <v>0</v>
      </c>
      <c r="NZ38" s="120">
        <v>0</v>
      </c>
      <c r="OA38" s="145"/>
      <c r="OB38" s="119">
        <v>0</v>
      </c>
      <c r="OC38" s="119">
        <v>0</v>
      </c>
      <c r="OD38" s="119">
        <v>0</v>
      </c>
      <c r="OE38" s="119">
        <v>0</v>
      </c>
      <c r="OF38" s="119">
        <v>0</v>
      </c>
      <c r="OG38" s="120">
        <v>0</v>
      </c>
      <c r="OH38" s="121">
        <v>0</v>
      </c>
      <c r="OI38" s="142">
        <v>0</v>
      </c>
      <c r="OJ38" s="119">
        <v>0</v>
      </c>
      <c r="OK38" s="141">
        <v>0</v>
      </c>
      <c r="OL38" s="118">
        <v>0</v>
      </c>
      <c r="OM38" s="119">
        <v>0</v>
      </c>
      <c r="ON38" s="119">
        <v>0</v>
      </c>
      <c r="OO38" s="119">
        <v>0</v>
      </c>
      <c r="OP38" s="119">
        <v>0</v>
      </c>
      <c r="OQ38" s="119">
        <v>0</v>
      </c>
      <c r="OR38" s="120">
        <v>0</v>
      </c>
      <c r="OS38" s="143">
        <v>0</v>
      </c>
    </row>
    <row r="39" spans="2:409" ht="21" customHeight="1" x14ac:dyDescent="0.2">
      <c r="B39" s="126" t="s">
        <v>34</v>
      </c>
      <c r="C39" s="110">
        <v>0</v>
      </c>
      <c r="D39" s="114">
        <v>0</v>
      </c>
      <c r="E39" s="174">
        <v>0</v>
      </c>
      <c r="F39" s="175">
        <v>0</v>
      </c>
      <c r="G39" s="176">
        <v>0</v>
      </c>
      <c r="H39" s="176">
        <v>0</v>
      </c>
      <c r="I39" s="176">
        <v>0</v>
      </c>
      <c r="J39" s="176">
        <v>0</v>
      </c>
      <c r="K39" s="176">
        <v>0</v>
      </c>
      <c r="L39" s="177">
        <v>0</v>
      </c>
      <c r="M39" s="116">
        <v>0</v>
      </c>
      <c r="N39" s="110">
        <v>0</v>
      </c>
      <c r="O39" s="114">
        <v>0</v>
      </c>
      <c r="P39" s="113">
        <v>0</v>
      </c>
      <c r="Q39" s="110">
        <v>0</v>
      </c>
      <c r="R39" s="114">
        <v>0</v>
      </c>
      <c r="S39" s="114">
        <v>0</v>
      </c>
      <c r="T39" s="114">
        <v>0</v>
      </c>
      <c r="U39" s="114">
        <v>0</v>
      </c>
      <c r="V39" s="114">
        <v>0</v>
      </c>
      <c r="W39" s="113">
        <v>0</v>
      </c>
      <c r="X39" s="116">
        <v>0</v>
      </c>
      <c r="Y39" s="110">
        <v>0</v>
      </c>
      <c r="Z39" s="114">
        <v>0</v>
      </c>
      <c r="AA39" s="113">
        <v>0</v>
      </c>
      <c r="AB39" s="110">
        <v>0</v>
      </c>
      <c r="AC39" s="114">
        <v>0</v>
      </c>
      <c r="AD39" s="114">
        <v>0</v>
      </c>
      <c r="AE39" s="114">
        <v>0</v>
      </c>
      <c r="AF39" s="114">
        <v>0</v>
      </c>
      <c r="AG39" s="114">
        <v>0</v>
      </c>
      <c r="AH39" s="113">
        <v>0</v>
      </c>
      <c r="AI39" s="116">
        <v>0</v>
      </c>
      <c r="AJ39" s="110">
        <v>0</v>
      </c>
      <c r="AK39" s="114">
        <v>0</v>
      </c>
      <c r="AL39" s="113">
        <v>0</v>
      </c>
      <c r="AM39" s="110">
        <v>0</v>
      </c>
      <c r="AN39" s="114">
        <v>0</v>
      </c>
      <c r="AO39" s="114">
        <v>0</v>
      </c>
      <c r="AP39" s="114">
        <v>0</v>
      </c>
      <c r="AQ39" s="114">
        <v>0</v>
      </c>
      <c r="AR39" s="114">
        <v>0</v>
      </c>
      <c r="AS39" s="113">
        <v>0</v>
      </c>
      <c r="AT39" s="116">
        <v>0</v>
      </c>
      <c r="AU39" s="110">
        <v>0</v>
      </c>
      <c r="AV39" s="114">
        <v>0</v>
      </c>
      <c r="AW39" s="113">
        <v>0</v>
      </c>
      <c r="AX39" s="110">
        <v>0</v>
      </c>
      <c r="AY39" s="114">
        <v>0</v>
      </c>
      <c r="AZ39" s="114">
        <v>0</v>
      </c>
      <c r="BA39" s="114">
        <v>0</v>
      </c>
      <c r="BB39" s="114">
        <v>0</v>
      </c>
      <c r="BC39" s="114">
        <v>0</v>
      </c>
      <c r="BD39" s="113">
        <v>0</v>
      </c>
      <c r="BE39" s="116">
        <v>0</v>
      </c>
      <c r="BF39" s="110">
        <v>0</v>
      </c>
      <c r="BG39" s="114">
        <v>0</v>
      </c>
      <c r="BH39" s="112">
        <v>0</v>
      </c>
      <c r="BI39" s="111">
        <v>0</v>
      </c>
      <c r="BJ39" s="114">
        <v>0</v>
      </c>
      <c r="BK39" s="114">
        <v>0</v>
      </c>
      <c r="BL39" s="114">
        <v>0</v>
      </c>
      <c r="BM39" s="114">
        <v>0</v>
      </c>
      <c r="BN39" s="114">
        <v>0</v>
      </c>
      <c r="BO39" s="113">
        <v>0</v>
      </c>
      <c r="BP39" s="116">
        <v>0</v>
      </c>
      <c r="BQ39" s="110">
        <v>0</v>
      </c>
      <c r="BR39" s="114">
        <v>0</v>
      </c>
      <c r="BS39" s="113">
        <v>0</v>
      </c>
      <c r="BT39" s="110">
        <v>0</v>
      </c>
      <c r="BU39" s="114">
        <v>0</v>
      </c>
      <c r="BV39" s="114">
        <v>0</v>
      </c>
      <c r="BW39" s="114">
        <v>0</v>
      </c>
      <c r="BX39" s="114">
        <v>0</v>
      </c>
      <c r="BY39" s="114">
        <v>0</v>
      </c>
      <c r="BZ39" s="113">
        <v>0</v>
      </c>
      <c r="CA39" s="116">
        <v>0</v>
      </c>
      <c r="CB39" s="110">
        <v>0</v>
      </c>
      <c r="CC39" s="114">
        <v>0</v>
      </c>
      <c r="CD39" s="113">
        <v>0</v>
      </c>
      <c r="CE39" s="110">
        <v>0</v>
      </c>
      <c r="CF39" s="114">
        <v>0</v>
      </c>
      <c r="CG39" s="114">
        <v>0</v>
      </c>
      <c r="CH39" s="114">
        <v>0</v>
      </c>
      <c r="CI39" s="114">
        <v>0</v>
      </c>
      <c r="CJ39" s="114">
        <v>0</v>
      </c>
      <c r="CK39" s="113">
        <v>0</v>
      </c>
      <c r="CL39" s="116">
        <v>0</v>
      </c>
      <c r="CM39" s="110">
        <v>0</v>
      </c>
      <c r="CN39" s="114">
        <v>0</v>
      </c>
      <c r="CO39" s="113">
        <v>0</v>
      </c>
      <c r="CP39" s="111">
        <v>0</v>
      </c>
      <c r="CQ39" s="114">
        <v>0</v>
      </c>
      <c r="CR39" s="114">
        <v>0</v>
      </c>
      <c r="CS39" s="114">
        <v>0</v>
      </c>
      <c r="CT39" s="114">
        <v>0</v>
      </c>
      <c r="CU39" s="114">
        <v>0</v>
      </c>
      <c r="CV39" s="113">
        <v>0</v>
      </c>
      <c r="CW39" s="116">
        <v>0</v>
      </c>
      <c r="CX39" s="110">
        <v>0</v>
      </c>
      <c r="CY39" s="114">
        <v>0</v>
      </c>
      <c r="CZ39" s="113">
        <v>0</v>
      </c>
      <c r="DA39" s="110">
        <v>0</v>
      </c>
      <c r="DB39" s="114">
        <v>0</v>
      </c>
      <c r="DC39" s="114">
        <v>0</v>
      </c>
      <c r="DD39" s="114">
        <v>0</v>
      </c>
      <c r="DE39" s="114">
        <v>0</v>
      </c>
      <c r="DF39" s="114">
        <v>0</v>
      </c>
      <c r="DG39" s="113">
        <v>0</v>
      </c>
      <c r="DH39" s="116">
        <v>0</v>
      </c>
      <c r="DI39" s="110">
        <v>0</v>
      </c>
      <c r="DJ39" s="114">
        <v>0</v>
      </c>
      <c r="DK39" s="112">
        <v>0</v>
      </c>
      <c r="DL39" s="111">
        <v>0</v>
      </c>
      <c r="DM39" s="114">
        <v>0</v>
      </c>
      <c r="DN39" s="114">
        <v>0</v>
      </c>
      <c r="DO39" s="114">
        <v>0</v>
      </c>
      <c r="DP39" s="114">
        <v>0</v>
      </c>
      <c r="DQ39" s="114">
        <v>0</v>
      </c>
      <c r="DR39" s="113">
        <v>0</v>
      </c>
      <c r="DS39" s="116">
        <v>0</v>
      </c>
      <c r="DT39" s="110">
        <v>0</v>
      </c>
      <c r="DU39" s="114">
        <v>0</v>
      </c>
      <c r="DV39" s="113">
        <v>0</v>
      </c>
      <c r="DW39" s="110">
        <v>0</v>
      </c>
      <c r="DX39" s="114">
        <v>0</v>
      </c>
      <c r="DY39" s="114">
        <v>0</v>
      </c>
      <c r="DZ39" s="114">
        <v>0</v>
      </c>
      <c r="EA39" s="114">
        <v>0</v>
      </c>
      <c r="EB39" s="114">
        <v>0</v>
      </c>
      <c r="EC39" s="113">
        <v>0</v>
      </c>
      <c r="ED39" s="116">
        <v>0</v>
      </c>
      <c r="EE39" s="110">
        <v>0</v>
      </c>
      <c r="EF39" s="112">
        <v>0</v>
      </c>
      <c r="EG39" s="113">
        <v>0</v>
      </c>
      <c r="EH39" s="110">
        <v>0</v>
      </c>
      <c r="EI39" s="114">
        <v>0</v>
      </c>
      <c r="EJ39" s="114">
        <v>0</v>
      </c>
      <c r="EK39" s="114">
        <v>0</v>
      </c>
      <c r="EL39" s="114">
        <v>0</v>
      </c>
      <c r="EM39" s="114">
        <v>0</v>
      </c>
      <c r="EN39" s="112">
        <v>0</v>
      </c>
      <c r="EO39" s="116">
        <v>0</v>
      </c>
      <c r="EP39" s="110">
        <v>0</v>
      </c>
      <c r="EQ39" s="114">
        <v>0</v>
      </c>
      <c r="ER39" s="112">
        <v>0</v>
      </c>
      <c r="ES39" s="111">
        <v>0</v>
      </c>
      <c r="ET39" s="114">
        <v>0</v>
      </c>
      <c r="EU39" s="114">
        <v>0</v>
      </c>
      <c r="EV39" s="114">
        <v>0</v>
      </c>
      <c r="EW39" s="114">
        <v>0</v>
      </c>
      <c r="EX39" s="114">
        <v>0</v>
      </c>
      <c r="EY39" s="113">
        <v>0</v>
      </c>
      <c r="EZ39" s="116">
        <v>0</v>
      </c>
      <c r="FA39" s="110">
        <v>0</v>
      </c>
      <c r="FB39" s="114">
        <v>0</v>
      </c>
      <c r="FC39" s="112">
        <v>0</v>
      </c>
      <c r="FD39" s="347"/>
      <c r="FE39" s="114">
        <v>0</v>
      </c>
      <c r="FF39" s="114">
        <v>0</v>
      </c>
      <c r="FG39" s="114">
        <v>0</v>
      </c>
      <c r="FH39" s="114">
        <v>0</v>
      </c>
      <c r="FI39" s="114">
        <v>0</v>
      </c>
      <c r="FJ39" s="113">
        <v>0</v>
      </c>
      <c r="FK39" s="116">
        <v>0</v>
      </c>
      <c r="FL39" s="110">
        <v>0</v>
      </c>
      <c r="FM39" s="114">
        <v>0</v>
      </c>
      <c r="FN39" s="113">
        <v>0</v>
      </c>
      <c r="FO39" s="110">
        <v>0</v>
      </c>
      <c r="FP39" s="114">
        <v>0</v>
      </c>
      <c r="FQ39" s="114">
        <v>0</v>
      </c>
      <c r="FR39" s="114">
        <v>0</v>
      </c>
      <c r="FS39" s="114">
        <v>0</v>
      </c>
      <c r="FT39" s="114">
        <v>0</v>
      </c>
      <c r="FU39" s="113">
        <v>0</v>
      </c>
      <c r="FV39" s="116">
        <v>0</v>
      </c>
      <c r="FW39" s="115">
        <v>0</v>
      </c>
      <c r="FX39" s="114">
        <v>0</v>
      </c>
      <c r="FY39" s="112">
        <v>0</v>
      </c>
      <c r="FZ39" s="111">
        <v>0</v>
      </c>
      <c r="GA39" s="114">
        <v>0</v>
      </c>
      <c r="GB39" s="114">
        <v>0</v>
      </c>
      <c r="GC39" s="114">
        <v>0</v>
      </c>
      <c r="GD39" s="114">
        <v>0</v>
      </c>
      <c r="GE39" s="114">
        <v>0</v>
      </c>
      <c r="GF39" s="113">
        <v>0</v>
      </c>
      <c r="GG39" s="318">
        <v>0</v>
      </c>
      <c r="GH39" s="115">
        <v>0</v>
      </c>
      <c r="GI39" s="114">
        <v>0</v>
      </c>
      <c r="GJ39" s="112">
        <v>0</v>
      </c>
      <c r="GK39" s="111">
        <v>0</v>
      </c>
      <c r="GL39" s="114">
        <v>0</v>
      </c>
      <c r="GM39" s="114">
        <v>0</v>
      </c>
      <c r="GN39" s="114">
        <v>0</v>
      </c>
      <c r="GO39" s="114">
        <v>0</v>
      </c>
      <c r="GP39" s="114">
        <v>0</v>
      </c>
      <c r="GQ39" s="113">
        <v>0</v>
      </c>
      <c r="GR39" s="116">
        <v>0</v>
      </c>
      <c r="GS39" s="110">
        <v>0</v>
      </c>
      <c r="GT39" s="114">
        <v>0</v>
      </c>
      <c r="GU39" s="113">
        <v>0</v>
      </c>
      <c r="GV39" s="110">
        <v>0</v>
      </c>
      <c r="GW39" s="114">
        <v>0</v>
      </c>
      <c r="GX39" s="114">
        <v>0</v>
      </c>
      <c r="GY39" s="114">
        <v>0</v>
      </c>
      <c r="GZ39" s="114">
        <v>0</v>
      </c>
      <c r="HA39" s="114">
        <v>0</v>
      </c>
      <c r="HB39" s="112">
        <v>0</v>
      </c>
      <c r="HC39" s="116">
        <v>0</v>
      </c>
      <c r="HD39" s="110">
        <v>0</v>
      </c>
      <c r="HE39" s="114">
        <v>0</v>
      </c>
      <c r="HF39" s="112">
        <v>0</v>
      </c>
      <c r="HG39" s="111">
        <v>0</v>
      </c>
      <c r="HH39" s="114">
        <v>0</v>
      </c>
      <c r="HI39" s="114">
        <v>0</v>
      </c>
      <c r="HJ39" s="114">
        <v>0</v>
      </c>
      <c r="HK39" s="114">
        <v>0</v>
      </c>
      <c r="HL39" s="114">
        <v>0</v>
      </c>
      <c r="HM39" s="113">
        <v>0</v>
      </c>
      <c r="HN39" s="109">
        <v>0</v>
      </c>
      <c r="HO39" s="328"/>
      <c r="HP39" s="329"/>
      <c r="HQ39" s="330"/>
      <c r="HR39" s="331"/>
      <c r="HS39" s="329"/>
      <c r="HT39" s="329"/>
      <c r="HU39" s="329"/>
      <c r="HV39" s="329"/>
      <c r="HW39" s="329"/>
      <c r="HX39" s="332"/>
      <c r="HY39" s="333"/>
      <c r="HZ39" s="131">
        <v>0</v>
      </c>
      <c r="IA39" s="132">
        <v>0</v>
      </c>
      <c r="IB39" s="133">
        <v>0</v>
      </c>
      <c r="IC39" s="146">
        <v>0</v>
      </c>
      <c r="ID39" s="132">
        <v>0</v>
      </c>
      <c r="IE39" s="147">
        <v>0</v>
      </c>
      <c r="IF39" s="133">
        <v>0</v>
      </c>
      <c r="IG39" s="132">
        <v>0</v>
      </c>
      <c r="IH39" s="133">
        <v>0</v>
      </c>
      <c r="II39" s="148">
        <v>0</v>
      </c>
      <c r="IJ39" s="139">
        <v>0</v>
      </c>
      <c r="IK39" s="232">
        <v>0</v>
      </c>
      <c r="IL39" s="236">
        <v>0</v>
      </c>
      <c r="IM39" s="237">
        <v>0</v>
      </c>
      <c r="IN39" s="140"/>
      <c r="IO39" s="119">
        <v>0</v>
      </c>
      <c r="IP39" s="119">
        <v>0</v>
      </c>
      <c r="IQ39" s="119">
        <v>0</v>
      </c>
      <c r="IR39" s="119">
        <v>0</v>
      </c>
      <c r="IS39" s="119">
        <v>0</v>
      </c>
      <c r="IT39" s="141">
        <v>0</v>
      </c>
      <c r="IU39" s="320">
        <v>0</v>
      </c>
      <c r="IV39" s="142">
        <v>0</v>
      </c>
      <c r="IW39" s="119">
        <v>0</v>
      </c>
      <c r="IX39" s="120">
        <v>0</v>
      </c>
      <c r="IY39" s="144"/>
      <c r="IZ39" s="119">
        <v>0</v>
      </c>
      <c r="JA39" s="119">
        <v>0</v>
      </c>
      <c r="JB39" s="119">
        <v>0</v>
      </c>
      <c r="JC39" s="119">
        <v>0</v>
      </c>
      <c r="JD39" s="119">
        <v>0</v>
      </c>
      <c r="JE39" s="120">
        <v>0</v>
      </c>
      <c r="JF39" s="121">
        <v>0</v>
      </c>
      <c r="JG39" s="142">
        <v>0</v>
      </c>
      <c r="JH39" s="119">
        <v>0</v>
      </c>
      <c r="JI39" s="141">
        <v>0</v>
      </c>
      <c r="JJ39" s="118">
        <v>0</v>
      </c>
      <c r="JK39" s="119">
        <v>0</v>
      </c>
      <c r="JL39" s="119">
        <v>0</v>
      </c>
      <c r="JM39" s="119">
        <v>0</v>
      </c>
      <c r="JN39" s="119">
        <v>0</v>
      </c>
      <c r="JO39" s="119">
        <v>0</v>
      </c>
      <c r="JP39" s="120">
        <v>0</v>
      </c>
      <c r="JQ39" s="320">
        <v>0</v>
      </c>
      <c r="JR39" s="142">
        <v>0</v>
      </c>
      <c r="JS39" s="119">
        <v>0</v>
      </c>
      <c r="JT39" s="141">
        <v>0</v>
      </c>
      <c r="JU39" s="118">
        <v>0</v>
      </c>
      <c r="JV39" s="119">
        <v>0</v>
      </c>
      <c r="JW39" s="119">
        <v>0</v>
      </c>
      <c r="JX39" s="119">
        <v>0</v>
      </c>
      <c r="JY39" s="119">
        <v>0</v>
      </c>
      <c r="JZ39" s="119">
        <v>0</v>
      </c>
      <c r="KA39" s="120">
        <v>0</v>
      </c>
      <c r="KB39" s="320">
        <v>0</v>
      </c>
      <c r="KC39" s="234">
        <v>0</v>
      </c>
      <c r="KD39" s="230">
        <v>0</v>
      </c>
      <c r="KE39" s="120">
        <v>0</v>
      </c>
      <c r="KF39" s="118">
        <v>0</v>
      </c>
      <c r="KG39" s="119">
        <v>0</v>
      </c>
      <c r="KH39" s="119">
        <v>0</v>
      </c>
      <c r="KI39" s="119">
        <v>0</v>
      </c>
      <c r="KJ39" s="119">
        <v>0</v>
      </c>
      <c r="KK39" s="119">
        <v>0</v>
      </c>
      <c r="KL39" s="120">
        <v>0</v>
      </c>
      <c r="KM39" s="143">
        <v>0</v>
      </c>
      <c r="KN39" s="232">
        <v>0</v>
      </c>
      <c r="KO39" s="236">
        <v>0</v>
      </c>
      <c r="KP39" s="237">
        <v>0</v>
      </c>
      <c r="KQ39" s="140"/>
      <c r="KR39" s="119">
        <v>0</v>
      </c>
      <c r="KS39" s="119">
        <v>0</v>
      </c>
      <c r="KT39" s="119">
        <v>0</v>
      </c>
      <c r="KU39" s="119">
        <v>0</v>
      </c>
      <c r="KV39" s="119">
        <v>0</v>
      </c>
      <c r="KW39" s="120">
        <v>0</v>
      </c>
      <c r="KX39" s="320">
        <v>0</v>
      </c>
      <c r="KY39" s="142">
        <v>0</v>
      </c>
      <c r="KZ39" s="119">
        <v>0</v>
      </c>
      <c r="LA39" s="120">
        <v>0</v>
      </c>
      <c r="LB39" s="145"/>
      <c r="LC39" s="119">
        <v>0</v>
      </c>
      <c r="LD39" s="119">
        <v>0</v>
      </c>
      <c r="LE39" s="119">
        <v>0</v>
      </c>
      <c r="LF39" s="119">
        <v>0</v>
      </c>
      <c r="LG39" s="119">
        <v>0</v>
      </c>
      <c r="LH39" s="120">
        <v>0</v>
      </c>
      <c r="LI39" s="121">
        <v>0</v>
      </c>
      <c r="LJ39" s="142">
        <v>0</v>
      </c>
      <c r="LK39" s="119">
        <v>0</v>
      </c>
      <c r="LL39" s="120">
        <v>0</v>
      </c>
      <c r="LM39" s="145"/>
      <c r="LN39" s="119">
        <v>0</v>
      </c>
      <c r="LO39" s="119">
        <v>0</v>
      </c>
      <c r="LP39" s="119">
        <v>0</v>
      </c>
      <c r="LQ39" s="119">
        <v>0</v>
      </c>
      <c r="LR39" s="119">
        <v>0</v>
      </c>
      <c r="LS39" s="120">
        <v>0</v>
      </c>
      <c r="LT39" s="320">
        <v>0</v>
      </c>
      <c r="LU39" s="142">
        <v>0</v>
      </c>
      <c r="LV39" s="119">
        <v>0</v>
      </c>
      <c r="LW39" s="120">
        <v>0</v>
      </c>
      <c r="LX39" s="145"/>
      <c r="LY39" s="119">
        <v>0</v>
      </c>
      <c r="LZ39" s="119">
        <v>0</v>
      </c>
      <c r="MA39" s="119">
        <v>0</v>
      </c>
      <c r="MB39" s="119">
        <v>0</v>
      </c>
      <c r="MC39" s="119">
        <v>0</v>
      </c>
      <c r="MD39" s="120">
        <v>0</v>
      </c>
      <c r="ME39" s="121">
        <v>0</v>
      </c>
      <c r="MF39" s="142">
        <v>0</v>
      </c>
      <c r="MG39" s="119">
        <v>0</v>
      </c>
      <c r="MH39" s="120">
        <v>0</v>
      </c>
      <c r="MI39" s="145"/>
      <c r="MJ39" s="119">
        <v>0</v>
      </c>
      <c r="MK39" s="119">
        <v>0</v>
      </c>
      <c r="ML39" s="119">
        <v>0</v>
      </c>
      <c r="MM39" s="119">
        <v>0</v>
      </c>
      <c r="MN39" s="119">
        <v>0</v>
      </c>
      <c r="MO39" s="120">
        <v>0</v>
      </c>
      <c r="MP39" s="143">
        <v>0</v>
      </c>
      <c r="MQ39" s="142">
        <v>0</v>
      </c>
      <c r="MR39" s="119">
        <v>0</v>
      </c>
      <c r="MS39" s="120">
        <v>0</v>
      </c>
      <c r="MT39" s="145"/>
      <c r="MU39" s="119">
        <v>0</v>
      </c>
      <c r="MV39" s="119">
        <v>0</v>
      </c>
      <c r="MW39" s="119">
        <v>0</v>
      </c>
      <c r="MX39" s="119">
        <v>0</v>
      </c>
      <c r="MY39" s="119">
        <v>0</v>
      </c>
      <c r="MZ39" s="120">
        <v>0</v>
      </c>
      <c r="NA39" s="143">
        <v>0</v>
      </c>
      <c r="NB39" s="142">
        <v>0</v>
      </c>
      <c r="NC39" s="119">
        <v>0</v>
      </c>
      <c r="ND39" s="120">
        <v>0</v>
      </c>
      <c r="NE39" s="145"/>
      <c r="NF39" s="119">
        <v>0</v>
      </c>
      <c r="NG39" s="119">
        <v>0</v>
      </c>
      <c r="NH39" s="119">
        <v>0</v>
      </c>
      <c r="NI39" s="119">
        <v>0</v>
      </c>
      <c r="NJ39" s="119">
        <v>0</v>
      </c>
      <c r="NK39" s="120">
        <v>0</v>
      </c>
      <c r="NL39" s="320">
        <v>0</v>
      </c>
      <c r="NM39" s="142">
        <v>0</v>
      </c>
      <c r="NN39" s="119">
        <v>0</v>
      </c>
      <c r="NO39" s="120">
        <v>0</v>
      </c>
      <c r="NP39" s="145"/>
      <c r="NQ39" s="119">
        <v>0</v>
      </c>
      <c r="NR39" s="119">
        <v>0</v>
      </c>
      <c r="NS39" s="119">
        <v>0</v>
      </c>
      <c r="NT39" s="119">
        <v>0</v>
      </c>
      <c r="NU39" s="119">
        <v>0</v>
      </c>
      <c r="NV39" s="120">
        <v>0</v>
      </c>
      <c r="NW39" s="121">
        <v>0</v>
      </c>
      <c r="NX39" s="142">
        <v>0</v>
      </c>
      <c r="NY39" s="119">
        <v>0</v>
      </c>
      <c r="NZ39" s="120">
        <v>0</v>
      </c>
      <c r="OA39" s="145"/>
      <c r="OB39" s="119">
        <v>0</v>
      </c>
      <c r="OC39" s="119">
        <v>0</v>
      </c>
      <c r="OD39" s="119">
        <v>0</v>
      </c>
      <c r="OE39" s="119">
        <v>0</v>
      </c>
      <c r="OF39" s="119">
        <v>0</v>
      </c>
      <c r="OG39" s="120">
        <v>0</v>
      </c>
      <c r="OH39" s="121">
        <v>0</v>
      </c>
      <c r="OI39" s="142">
        <v>0</v>
      </c>
      <c r="OJ39" s="119">
        <v>0</v>
      </c>
      <c r="OK39" s="141">
        <v>0</v>
      </c>
      <c r="OL39" s="118">
        <v>0</v>
      </c>
      <c r="OM39" s="119">
        <v>0</v>
      </c>
      <c r="ON39" s="119">
        <v>0</v>
      </c>
      <c r="OO39" s="119">
        <v>0</v>
      </c>
      <c r="OP39" s="119">
        <v>0</v>
      </c>
      <c r="OQ39" s="119">
        <v>0</v>
      </c>
      <c r="OR39" s="120">
        <v>0</v>
      </c>
      <c r="OS39" s="143">
        <v>0</v>
      </c>
    </row>
    <row r="40" spans="2:409" ht="21" customHeight="1" x14ac:dyDescent="0.2">
      <c r="B40" s="126" t="s">
        <v>35</v>
      </c>
      <c r="C40" s="110">
        <v>0</v>
      </c>
      <c r="D40" s="114">
        <v>0</v>
      </c>
      <c r="E40" s="113">
        <v>0</v>
      </c>
      <c r="F40" s="109">
        <v>0</v>
      </c>
      <c r="G40" s="114">
        <v>0</v>
      </c>
      <c r="H40" s="114">
        <v>21560</v>
      </c>
      <c r="I40" s="114">
        <v>0</v>
      </c>
      <c r="J40" s="114">
        <v>0</v>
      </c>
      <c r="K40" s="114">
        <v>0</v>
      </c>
      <c r="L40" s="173">
        <v>21560</v>
      </c>
      <c r="M40" s="116">
        <v>21560</v>
      </c>
      <c r="N40" s="110">
        <v>0</v>
      </c>
      <c r="O40" s="114">
        <v>0</v>
      </c>
      <c r="P40" s="113">
        <v>0</v>
      </c>
      <c r="Q40" s="110">
        <v>0</v>
      </c>
      <c r="R40" s="114">
        <v>0</v>
      </c>
      <c r="S40" s="114">
        <v>0</v>
      </c>
      <c r="T40" s="114">
        <v>0</v>
      </c>
      <c r="U40" s="114">
        <v>0</v>
      </c>
      <c r="V40" s="114">
        <v>0</v>
      </c>
      <c r="W40" s="113">
        <v>0</v>
      </c>
      <c r="X40" s="116">
        <v>0</v>
      </c>
      <c r="Y40" s="110">
        <v>0</v>
      </c>
      <c r="Z40" s="114">
        <v>0</v>
      </c>
      <c r="AA40" s="113">
        <v>0</v>
      </c>
      <c r="AB40" s="110">
        <v>0</v>
      </c>
      <c r="AC40" s="114">
        <v>0</v>
      </c>
      <c r="AD40" s="114">
        <v>0</v>
      </c>
      <c r="AE40" s="114">
        <v>0</v>
      </c>
      <c r="AF40" s="114">
        <v>0</v>
      </c>
      <c r="AG40" s="114">
        <v>0</v>
      </c>
      <c r="AH40" s="113">
        <v>0</v>
      </c>
      <c r="AI40" s="116">
        <v>0</v>
      </c>
      <c r="AJ40" s="110">
        <v>0</v>
      </c>
      <c r="AK40" s="114">
        <v>0</v>
      </c>
      <c r="AL40" s="113">
        <v>0</v>
      </c>
      <c r="AM40" s="110">
        <v>0</v>
      </c>
      <c r="AN40" s="114">
        <v>0</v>
      </c>
      <c r="AO40" s="114">
        <v>0</v>
      </c>
      <c r="AP40" s="114">
        <v>0</v>
      </c>
      <c r="AQ40" s="114">
        <v>0</v>
      </c>
      <c r="AR40" s="114">
        <v>0</v>
      </c>
      <c r="AS40" s="113">
        <v>0</v>
      </c>
      <c r="AT40" s="116">
        <v>0</v>
      </c>
      <c r="AU40" s="110">
        <v>0</v>
      </c>
      <c r="AV40" s="114">
        <v>0</v>
      </c>
      <c r="AW40" s="113">
        <v>0</v>
      </c>
      <c r="AX40" s="110">
        <v>0</v>
      </c>
      <c r="AY40" s="114">
        <v>0</v>
      </c>
      <c r="AZ40" s="114">
        <v>0</v>
      </c>
      <c r="BA40" s="114">
        <v>0</v>
      </c>
      <c r="BB40" s="114">
        <v>0</v>
      </c>
      <c r="BC40" s="114">
        <v>0</v>
      </c>
      <c r="BD40" s="113">
        <v>0</v>
      </c>
      <c r="BE40" s="116">
        <v>0</v>
      </c>
      <c r="BF40" s="110">
        <v>0</v>
      </c>
      <c r="BG40" s="114">
        <v>0</v>
      </c>
      <c r="BH40" s="112">
        <v>0</v>
      </c>
      <c r="BI40" s="111">
        <v>0</v>
      </c>
      <c r="BJ40" s="114">
        <v>0</v>
      </c>
      <c r="BK40" s="114">
        <v>0</v>
      </c>
      <c r="BL40" s="114">
        <v>0</v>
      </c>
      <c r="BM40" s="114">
        <v>0</v>
      </c>
      <c r="BN40" s="114">
        <v>0</v>
      </c>
      <c r="BO40" s="113">
        <v>0</v>
      </c>
      <c r="BP40" s="116">
        <v>0</v>
      </c>
      <c r="BQ40" s="110">
        <v>0</v>
      </c>
      <c r="BR40" s="114">
        <v>0</v>
      </c>
      <c r="BS40" s="113">
        <v>0</v>
      </c>
      <c r="BT40" s="110">
        <v>0</v>
      </c>
      <c r="BU40" s="114">
        <v>0</v>
      </c>
      <c r="BV40" s="114">
        <v>0</v>
      </c>
      <c r="BW40" s="114">
        <v>0</v>
      </c>
      <c r="BX40" s="114">
        <v>0</v>
      </c>
      <c r="BY40" s="114">
        <v>0</v>
      </c>
      <c r="BZ40" s="113">
        <v>0</v>
      </c>
      <c r="CA40" s="116">
        <v>0</v>
      </c>
      <c r="CB40" s="110">
        <v>0</v>
      </c>
      <c r="CC40" s="114">
        <v>0</v>
      </c>
      <c r="CD40" s="113">
        <v>0</v>
      </c>
      <c r="CE40" s="110">
        <v>0</v>
      </c>
      <c r="CF40" s="114">
        <v>0</v>
      </c>
      <c r="CG40" s="114">
        <v>0</v>
      </c>
      <c r="CH40" s="114">
        <v>0</v>
      </c>
      <c r="CI40" s="114">
        <v>0</v>
      </c>
      <c r="CJ40" s="114">
        <v>0</v>
      </c>
      <c r="CK40" s="113">
        <v>0</v>
      </c>
      <c r="CL40" s="116">
        <v>0</v>
      </c>
      <c r="CM40" s="110">
        <v>0</v>
      </c>
      <c r="CN40" s="114">
        <v>0</v>
      </c>
      <c r="CO40" s="113">
        <v>0</v>
      </c>
      <c r="CP40" s="111">
        <v>0</v>
      </c>
      <c r="CQ40" s="114">
        <v>0</v>
      </c>
      <c r="CR40" s="114">
        <v>0</v>
      </c>
      <c r="CS40" s="114">
        <v>0</v>
      </c>
      <c r="CT40" s="114">
        <v>0</v>
      </c>
      <c r="CU40" s="114">
        <v>0</v>
      </c>
      <c r="CV40" s="113">
        <v>0</v>
      </c>
      <c r="CW40" s="116">
        <v>0</v>
      </c>
      <c r="CX40" s="110">
        <v>0</v>
      </c>
      <c r="CY40" s="114">
        <v>0</v>
      </c>
      <c r="CZ40" s="113">
        <v>0</v>
      </c>
      <c r="DA40" s="110">
        <v>0</v>
      </c>
      <c r="DB40" s="114">
        <v>0</v>
      </c>
      <c r="DC40" s="114">
        <v>0</v>
      </c>
      <c r="DD40" s="114">
        <v>0</v>
      </c>
      <c r="DE40" s="114">
        <v>0</v>
      </c>
      <c r="DF40" s="114">
        <v>0</v>
      </c>
      <c r="DG40" s="113">
        <v>0</v>
      </c>
      <c r="DH40" s="116">
        <v>0</v>
      </c>
      <c r="DI40" s="110">
        <v>0</v>
      </c>
      <c r="DJ40" s="114">
        <v>0</v>
      </c>
      <c r="DK40" s="112">
        <v>0</v>
      </c>
      <c r="DL40" s="111">
        <v>0</v>
      </c>
      <c r="DM40" s="114">
        <v>0</v>
      </c>
      <c r="DN40" s="114">
        <v>0</v>
      </c>
      <c r="DO40" s="114">
        <v>0</v>
      </c>
      <c r="DP40" s="114">
        <v>0</v>
      </c>
      <c r="DQ40" s="114">
        <v>0</v>
      </c>
      <c r="DR40" s="113">
        <v>0</v>
      </c>
      <c r="DS40" s="116">
        <v>0</v>
      </c>
      <c r="DT40" s="110">
        <v>0</v>
      </c>
      <c r="DU40" s="114">
        <v>0</v>
      </c>
      <c r="DV40" s="113">
        <v>0</v>
      </c>
      <c r="DW40" s="110">
        <v>0</v>
      </c>
      <c r="DX40" s="114">
        <v>0</v>
      </c>
      <c r="DY40" s="114">
        <v>0</v>
      </c>
      <c r="DZ40" s="114">
        <v>0</v>
      </c>
      <c r="EA40" s="114">
        <v>0</v>
      </c>
      <c r="EB40" s="114">
        <v>0</v>
      </c>
      <c r="EC40" s="113">
        <v>0</v>
      </c>
      <c r="ED40" s="116">
        <v>0</v>
      </c>
      <c r="EE40" s="110">
        <v>0</v>
      </c>
      <c r="EF40" s="112">
        <v>0</v>
      </c>
      <c r="EG40" s="113">
        <v>0</v>
      </c>
      <c r="EH40" s="110">
        <v>0</v>
      </c>
      <c r="EI40" s="114">
        <v>0</v>
      </c>
      <c r="EJ40" s="114">
        <v>0</v>
      </c>
      <c r="EK40" s="114">
        <v>0</v>
      </c>
      <c r="EL40" s="114">
        <v>0</v>
      </c>
      <c r="EM40" s="114">
        <v>0</v>
      </c>
      <c r="EN40" s="112">
        <v>0</v>
      </c>
      <c r="EO40" s="116">
        <v>0</v>
      </c>
      <c r="EP40" s="110">
        <v>0</v>
      </c>
      <c r="EQ40" s="114">
        <v>0</v>
      </c>
      <c r="ER40" s="112">
        <v>0</v>
      </c>
      <c r="ES40" s="111">
        <v>0</v>
      </c>
      <c r="ET40" s="114">
        <v>0</v>
      </c>
      <c r="EU40" s="114">
        <v>0</v>
      </c>
      <c r="EV40" s="114">
        <v>0</v>
      </c>
      <c r="EW40" s="114">
        <v>0</v>
      </c>
      <c r="EX40" s="114">
        <v>0</v>
      </c>
      <c r="EY40" s="113">
        <v>0</v>
      </c>
      <c r="EZ40" s="116">
        <v>0</v>
      </c>
      <c r="FA40" s="110">
        <v>0</v>
      </c>
      <c r="FB40" s="114">
        <v>0</v>
      </c>
      <c r="FC40" s="112">
        <v>0</v>
      </c>
      <c r="FD40" s="347"/>
      <c r="FE40" s="114">
        <v>0</v>
      </c>
      <c r="FF40" s="114">
        <v>0</v>
      </c>
      <c r="FG40" s="114">
        <v>0</v>
      </c>
      <c r="FH40" s="114">
        <v>0</v>
      </c>
      <c r="FI40" s="114">
        <v>0</v>
      </c>
      <c r="FJ40" s="113">
        <v>0</v>
      </c>
      <c r="FK40" s="116">
        <v>0</v>
      </c>
      <c r="FL40" s="110">
        <v>0</v>
      </c>
      <c r="FM40" s="114">
        <v>0</v>
      </c>
      <c r="FN40" s="113">
        <v>0</v>
      </c>
      <c r="FO40" s="110">
        <v>0</v>
      </c>
      <c r="FP40" s="114">
        <v>0</v>
      </c>
      <c r="FQ40" s="114">
        <v>21560</v>
      </c>
      <c r="FR40" s="114">
        <v>0</v>
      </c>
      <c r="FS40" s="114">
        <v>0</v>
      </c>
      <c r="FT40" s="114">
        <v>0</v>
      </c>
      <c r="FU40" s="113">
        <v>21560</v>
      </c>
      <c r="FV40" s="116">
        <v>21560</v>
      </c>
      <c r="FW40" s="115">
        <v>0</v>
      </c>
      <c r="FX40" s="114">
        <v>0</v>
      </c>
      <c r="FY40" s="112">
        <v>0</v>
      </c>
      <c r="FZ40" s="111">
        <v>0</v>
      </c>
      <c r="GA40" s="114">
        <v>0</v>
      </c>
      <c r="GB40" s="114">
        <v>0</v>
      </c>
      <c r="GC40" s="114">
        <v>0</v>
      </c>
      <c r="GD40" s="114">
        <v>0</v>
      </c>
      <c r="GE40" s="114">
        <v>0</v>
      </c>
      <c r="GF40" s="113">
        <v>0</v>
      </c>
      <c r="GG40" s="318">
        <v>0</v>
      </c>
      <c r="GH40" s="115">
        <v>0</v>
      </c>
      <c r="GI40" s="114">
        <v>0</v>
      </c>
      <c r="GJ40" s="112">
        <v>0</v>
      </c>
      <c r="GK40" s="111">
        <v>0</v>
      </c>
      <c r="GL40" s="114">
        <v>0</v>
      </c>
      <c r="GM40" s="114">
        <v>0</v>
      </c>
      <c r="GN40" s="114">
        <v>0</v>
      </c>
      <c r="GO40" s="114">
        <v>0</v>
      </c>
      <c r="GP40" s="114">
        <v>0</v>
      </c>
      <c r="GQ40" s="113">
        <v>0</v>
      </c>
      <c r="GR40" s="116">
        <v>0</v>
      </c>
      <c r="GS40" s="110">
        <v>0</v>
      </c>
      <c r="GT40" s="114">
        <v>0</v>
      </c>
      <c r="GU40" s="113">
        <v>0</v>
      </c>
      <c r="GV40" s="110">
        <v>0</v>
      </c>
      <c r="GW40" s="114">
        <v>0</v>
      </c>
      <c r="GX40" s="114">
        <v>21560</v>
      </c>
      <c r="GY40" s="114">
        <v>0</v>
      </c>
      <c r="GZ40" s="114">
        <v>0</v>
      </c>
      <c r="HA40" s="114">
        <v>0</v>
      </c>
      <c r="HB40" s="112">
        <v>21560</v>
      </c>
      <c r="HC40" s="116">
        <v>21560</v>
      </c>
      <c r="HD40" s="110">
        <v>0</v>
      </c>
      <c r="HE40" s="114">
        <v>0</v>
      </c>
      <c r="HF40" s="112">
        <v>0</v>
      </c>
      <c r="HG40" s="111">
        <v>0</v>
      </c>
      <c r="HH40" s="114">
        <v>0</v>
      </c>
      <c r="HI40" s="114">
        <v>0</v>
      </c>
      <c r="HJ40" s="114">
        <v>0</v>
      </c>
      <c r="HK40" s="114">
        <v>0</v>
      </c>
      <c r="HL40" s="114">
        <v>0</v>
      </c>
      <c r="HM40" s="113">
        <v>0</v>
      </c>
      <c r="HN40" s="109">
        <v>0</v>
      </c>
      <c r="HO40" s="328"/>
      <c r="HP40" s="329"/>
      <c r="HQ40" s="330"/>
      <c r="HR40" s="331"/>
      <c r="HS40" s="329"/>
      <c r="HT40" s="329"/>
      <c r="HU40" s="329"/>
      <c r="HV40" s="329"/>
      <c r="HW40" s="329"/>
      <c r="HX40" s="332"/>
      <c r="HY40" s="333"/>
      <c r="HZ40" s="150">
        <v>0</v>
      </c>
      <c r="IA40" s="135">
        <v>0</v>
      </c>
      <c r="IB40" s="150">
        <v>0</v>
      </c>
      <c r="IC40" s="146">
        <v>0</v>
      </c>
      <c r="ID40" s="132">
        <v>0</v>
      </c>
      <c r="IE40" s="147">
        <v>0</v>
      </c>
      <c r="IF40" s="133">
        <v>0</v>
      </c>
      <c r="IG40" s="132">
        <v>0</v>
      </c>
      <c r="IH40" s="133">
        <v>0</v>
      </c>
      <c r="II40" s="148">
        <v>0</v>
      </c>
      <c r="IJ40" s="150">
        <v>0</v>
      </c>
      <c r="IK40" s="232">
        <v>0</v>
      </c>
      <c r="IL40" s="236">
        <v>0</v>
      </c>
      <c r="IM40" s="237">
        <v>0</v>
      </c>
      <c r="IN40" s="140"/>
      <c r="IO40" s="119">
        <v>0</v>
      </c>
      <c r="IP40" s="119">
        <v>0</v>
      </c>
      <c r="IQ40" s="119">
        <v>0</v>
      </c>
      <c r="IR40" s="119">
        <v>0</v>
      </c>
      <c r="IS40" s="119">
        <v>0</v>
      </c>
      <c r="IT40" s="141">
        <v>0</v>
      </c>
      <c r="IU40" s="320">
        <v>0</v>
      </c>
      <c r="IV40" s="142">
        <v>0</v>
      </c>
      <c r="IW40" s="119">
        <v>0</v>
      </c>
      <c r="IX40" s="120">
        <v>0</v>
      </c>
      <c r="IY40" s="144"/>
      <c r="IZ40" s="119">
        <v>0</v>
      </c>
      <c r="JA40" s="119">
        <v>0</v>
      </c>
      <c r="JB40" s="119">
        <v>0</v>
      </c>
      <c r="JC40" s="119">
        <v>0</v>
      </c>
      <c r="JD40" s="119">
        <v>0</v>
      </c>
      <c r="JE40" s="120">
        <v>0</v>
      </c>
      <c r="JF40" s="121">
        <v>0</v>
      </c>
      <c r="JG40" s="142">
        <v>0</v>
      </c>
      <c r="JH40" s="119">
        <v>0</v>
      </c>
      <c r="JI40" s="141">
        <v>0</v>
      </c>
      <c r="JJ40" s="118">
        <v>0</v>
      </c>
      <c r="JK40" s="119">
        <v>0</v>
      </c>
      <c r="JL40" s="119">
        <v>0</v>
      </c>
      <c r="JM40" s="119">
        <v>0</v>
      </c>
      <c r="JN40" s="119">
        <v>0</v>
      </c>
      <c r="JO40" s="119">
        <v>0</v>
      </c>
      <c r="JP40" s="120">
        <v>0</v>
      </c>
      <c r="JQ40" s="320">
        <v>0</v>
      </c>
      <c r="JR40" s="142">
        <v>0</v>
      </c>
      <c r="JS40" s="119">
        <v>0</v>
      </c>
      <c r="JT40" s="141">
        <v>0</v>
      </c>
      <c r="JU40" s="118">
        <v>0</v>
      </c>
      <c r="JV40" s="119">
        <v>0</v>
      </c>
      <c r="JW40" s="119">
        <v>0</v>
      </c>
      <c r="JX40" s="119">
        <v>0</v>
      </c>
      <c r="JY40" s="119">
        <v>0</v>
      </c>
      <c r="JZ40" s="119">
        <v>0</v>
      </c>
      <c r="KA40" s="120">
        <v>0</v>
      </c>
      <c r="KB40" s="320">
        <v>0</v>
      </c>
      <c r="KC40" s="234">
        <v>0</v>
      </c>
      <c r="KD40" s="230">
        <v>0</v>
      </c>
      <c r="KE40" s="120">
        <v>0</v>
      </c>
      <c r="KF40" s="118">
        <v>0</v>
      </c>
      <c r="KG40" s="119">
        <v>0</v>
      </c>
      <c r="KH40" s="119">
        <v>0</v>
      </c>
      <c r="KI40" s="119">
        <v>0</v>
      </c>
      <c r="KJ40" s="119">
        <v>0</v>
      </c>
      <c r="KK40" s="119">
        <v>0</v>
      </c>
      <c r="KL40" s="120">
        <v>0</v>
      </c>
      <c r="KM40" s="143">
        <v>0</v>
      </c>
      <c r="KN40" s="232">
        <v>0</v>
      </c>
      <c r="KO40" s="236">
        <v>0</v>
      </c>
      <c r="KP40" s="237">
        <v>0</v>
      </c>
      <c r="KQ40" s="140"/>
      <c r="KR40" s="119">
        <v>0</v>
      </c>
      <c r="KS40" s="119">
        <v>0</v>
      </c>
      <c r="KT40" s="119">
        <v>0</v>
      </c>
      <c r="KU40" s="119">
        <v>0</v>
      </c>
      <c r="KV40" s="119">
        <v>0</v>
      </c>
      <c r="KW40" s="120">
        <v>0</v>
      </c>
      <c r="KX40" s="320">
        <v>0</v>
      </c>
      <c r="KY40" s="142">
        <v>0</v>
      </c>
      <c r="KZ40" s="119">
        <v>0</v>
      </c>
      <c r="LA40" s="120">
        <v>0</v>
      </c>
      <c r="LB40" s="145"/>
      <c r="LC40" s="119">
        <v>0</v>
      </c>
      <c r="LD40" s="119">
        <v>0</v>
      </c>
      <c r="LE40" s="119">
        <v>0</v>
      </c>
      <c r="LF40" s="119">
        <v>0</v>
      </c>
      <c r="LG40" s="119">
        <v>0</v>
      </c>
      <c r="LH40" s="120">
        <v>0</v>
      </c>
      <c r="LI40" s="121">
        <v>0</v>
      </c>
      <c r="LJ40" s="142">
        <v>0</v>
      </c>
      <c r="LK40" s="119">
        <v>0</v>
      </c>
      <c r="LL40" s="120">
        <v>0</v>
      </c>
      <c r="LM40" s="145"/>
      <c r="LN40" s="119">
        <v>0</v>
      </c>
      <c r="LO40" s="119">
        <v>0</v>
      </c>
      <c r="LP40" s="119">
        <v>0</v>
      </c>
      <c r="LQ40" s="119">
        <v>0</v>
      </c>
      <c r="LR40" s="119">
        <v>0</v>
      </c>
      <c r="LS40" s="120">
        <v>0</v>
      </c>
      <c r="LT40" s="320">
        <v>0</v>
      </c>
      <c r="LU40" s="142">
        <v>0</v>
      </c>
      <c r="LV40" s="119">
        <v>0</v>
      </c>
      <c r="LW40" s="120">
        <v>0</v>
      </c>
      <c r="LX40" s="145"/>
      <c r="LY40" s="119">
        <v>0</v>
      </c>
      <c r="LZ40" s="119">
        <v>0</v>
      </c>
      <c r="MA40" s="119">
        <v>0</v>
      </c>
      <c r="MB40" s="119">
        <v>0</v>
      </c>
      <c r="MC40" s="119">
        <v>0</v>
      </c>
      <c r="MD40" s="120">
        <v>0</v>
      </c>
      <c r="ME40" s="121">
        <v>0</v>
      </c>
      <c r="MF40" s="142">
        <v>0</v>
      </c>
      <c r="MG40" s="119">
        <v>0</v>
      </c>
      <c r="MH40" s="120">
        <v>0</v>
      </c>
      <c r="MI40" s="145"/>
      <c r="MJ40" s="119">
        <v>0</v>
      </c>
      <c r="MK40" s="119">
        <v>0</v>
      </c>
      <c r="ML40" s="119">
        <v>0</v>
      </c>
      <c r="MM40" s="119">
        <v>0</v>
      </c>
      <c r="MN40" s="119">
        <v>0</v>
      </c>
      <c r="MO40" s="120">
        <v>0</v>
      </c>
      <c r="MP40" s="143">
        <v>0</v>
      </c>
      <c r="MQ40" s="142">
        <v>0</v>
      </c>
      <c r="MR40" s="119">
        <v>0</v>
      </c>
      <c r="MS40" s="120">
        <v>0</v>
      </c>
      <c r="MT40" s="145"/>
      <c r="MU40" s="119">
        <v>0</v>
      </c>
      <c r="MV40" s="119">
        <v>0</v>
      </c>
      <c r="MW40" s="119">
        <v>0</v>
      </c>
      <c r="MX40" s="119">
        <v>0</v>
      </c>
      <c r="MY40" s="119">
        <v>0</v>
      </c>
      <c r="MZ40" s="120">
        <v>0</v>
      </c>
      <c r="NA40" s="143">
        <v>0</v>
      </c>
      <c r="NB40" s="142">
        <v>0</v>
      </c>
      <c r="NC40" s="119">
        <v>0</v>
      </c>
      <c r="ND40" s="120">
        <v>0</v>
      </c>
      <c r="NE40" s="145"/>
      <c r="NF40" s="119">
        <v>0</v>
      </c>
      <c r="NG40" s="119">
        <v>0</v>
      </c>
      <c r="NH40" s="119">
        <v>0</v>
      </c>
      <c r="NI40" s="119">
        <v>0</v>
      </c>
      <c r="NJ40" s="119">
        <v>0</v>
      </c>
      <c r="NK40" s="120">
        <v>0</v>
      </c>
      <c r="NL40" s="320">
        <v>0</v>
      </c>
      <c r="NM40" s="142">
        <v>0</v>
      </c>
      <c r="NN40" s="119">
        <v>0</v>
      </c>
      <c r="NO40" s="120">
        <v>0</v>
      </c>
      <c r="NP40" s="145"/>
      <c r="NQ40" s="119">
        <v>0</v>
      </c>
      <c r="NR40" s="119">
        <v>0</v>
      </c>
      <c r="NS40" s="119">
        <v>0</v>
      </c>
      <c r="NT40" s="119">
        <v>0</v>
      </c>
      <c r="NU40" s="119">
        <v>0</v>
      </c>
      <c r="NV40" s="120">
        <v>0</v>
      </c>
      <c r="NW40" s="121">
        <v>0</v>
      </c>
      <c r="NX40" s="142">
        <v>0</v>
      </c>
      <c r="NY40" s="119">
        <v>0</v>
      </c>
      <c r="NZ40" s="120">
        <v>0</v>
      </c>
      <c r="OA40" s="145"/>
      <c r="OB40" s="119">
        <v>0</v>
      </c>
      <c r="OC40" s="119">
        <v>0</v>
      </c>
      <c r="OD40" s="119">
        <v>0</v>
      </c>
      <c r="OE40" s="119">
        <v>0</v>
      </c>
      <c r="OF40" s="119">
        <v>0</v>
      </c>
      <c r="OG40" s="120">
        <v>0</v>
      </c>
      <c r="OH40" s="121">
        <v>0</v>
      </c>
      <c r="OI40" s="142">
        <v>0</v>
      </c>
      <c r="OJ40" s="119">
        <v>0</v>
      </c>
      <c r="OK40" s="141">
        <v>0</v>
      </c>
      <c r="OL40" s="118">
        <v>0</v>
      </c>
      <c r="OM40" s="119">
        <v>0</v>
      </c>
      <c r="ON40" s="119">
        <v>21560</v>
      </c>
      <c r="OO40" s="119">
        <v>0</v>
      </c>
      <c r="OP40" s="119">
        <v>0</v>
      </c>
      <c r="OQ40" s="119">
        <v>0</v>
      </c>
      <c r="OR40" s="120">
        <v>21560</v>
      </c>
      <c r="OS40" s="143">
        <v>21560</v>
      </c>
    </row>
    <row r="41" spans="2:409" ht="21" customHeight="1" x14ac:dyDescent="0.2">
      <c r="B41" s="126" t="s">
        <v>36</v>
      </c>
      <c r="C41" s="110">
        <v>0</v>
      </c>
      <c r="D41" s="114">
        <v>0</v>
      </c>
      <c r="E41" s="113">
        <v>0</v>
      </c>
      <c r="F41" s="109">
        <v>0</v>
      </c>
      <c r="G41" s="114">
        <v>0</v>
      </c>
      <c r="H41" s="114">
        <v>0</v>
      </c>
      <c r="I41" s="114">
        <v>0</v>
      </c>
      <c r="J41" s="114">
        <v>0</v>
      </c>
      <c r="K41" s="114">
        <v>0</v>
      </c>
      <c r="L41" s="173">
        <v>0</v>
      </c>
      <c r="M41" s="116">
        <v>0</v>
      </c>
      <c r="N41" s="110">
        <v>0</v>
      </c>
      <c r="O41" s="114">
        <v>0</v>
      </c>
      <c r="P41" s="113">
        <v>0</v>
      </c>
      <c r="Q41" s="110">
        <v>0</v>
      </c>
      <c r="R41" s="114">
        <v>0</v>
      </c>
      <c r="S41" s="114">
        <v>0</v>
      </c>
      <c r="T41" s="114">
        <v>0</v>
      </c>
      <c r="U41" s="114">
        <v>0</v>
      </c>
      <c r="V41" s="114">
        <v>0</v>
      </c>
      <c r="W41" s="113">
        <v>0</v>
      </c>
      <c r="X41" s="116">
        <v>0</v>
      </c>
      <c r="Y41" s="110">
        <v>0</v>
      </c>
      <c r="Z41" s="114">
        <v>0</v>
      </c>
      <c r="AA41" s="113">
        <v>0</v>
      </c>
      <c r="AB41" s="110">
        <v>0</v>
      </c>
      <c r="AC41" s="114">
        <v>0</v>
      </c>
      <c r="AD41" s="114">
        <v>0</v>
      </c>
      <c r="AE41" s="114">
        <v>0</v>
      </c>
      <c r="AF41" s="114">
        <v>0</v>
      </c>
      <c r="AG41" s="114">
        <v>0</v>
      </c>
      <c r="AH41" s="113">
        <v>0</v>
      </c>
      <c r="AI41" s="116">
        <v>0</v>
      </c>
      <c r="AJ41" s="110">
        <v>0</v>
      </c>
      <c r="AK41" s="114">
        <v>0</v>
      </c>
      <c r="AL41" s="113">
        <v>0</v>
      </c>
      <c r="AM41" s="110">
        <v>0</v>
      </c>
      <c r="AN41" s="114">
        <v>0</v>
      </c>
      <c r="AO41" s="114">
        <v>0</v>
      </c>
      <c r="AP41" s="114">
        <v>0</v>
      </c>
      <c r="AQ41" s="114">
        <v>0</v>
      </c>
      <c r="AR41" s="114">
        <v>0</v>
      </c>
      <c r="AS41" s="113">
        <v>0</v>
      </c>
      <c r="AT41" s="116">
        <v>0</v>
      </c>
      <c r="AU41" s="110">
        <v>0</v>
      </c>
      <c r="AV41" s="114">
        <v>0</v>
      </c>
      <c r="AW41" s="113">
        <v>0</v>
      </c>
      <c r="AX41" s="110">
        <v>0</v>
      </c>
      <c r="AY41" s="114">
        <v>0</v>
      </c>
      <c r="AZ41" s="114">
        <v>0</v>
      </c>
      <c r="BA41" s="114">
        <v>0</v>
      </c>
      <c r="BB41" s="114">
        <v>0</v>
      </c>
      <c r="BC41" s="114">
        <v>0</v>
      </c>
      <c r="BD41" s="113">
        <v>0</v>
      </c>
      <c r="BE41" s="116">
        <v>0</v>
      </c>
      <c r="BF41" s="110">
        <v>0</v>
      </c>
      <c r="BG41" s="114">
        <v>0</v>
      </c>
      <c r="BH41" s="112">
        <v>0</v>
      </c>
      <c r="BI41" s="111">
        <v>0</v>
      </c>
      <c r="BJ41" s="114">
        <v>0</v>
      </c>
      <c r="BK41" s="114">
        <v>0</v>
      </c>
      <c r="BL41" s="114">
        <v>0</v>
      </c>
      <c r="BM41" s="114">
        <v>0</v>
      </c>
      <c r="BN41" s="114">
        <v>0</v>
      </c>
      <c r="BO41" s="113">
        <v>0</v>
      </c>
      <c r="BP41" s="116">
        <v>0</v>
      </c>
      <c r="BQ41" s="110">
        <v>0</v>
      </c>
      <c r="BR41" s="114">
        <v>0</v>
      </c>
      <c r="BS41" s="113">
        <v>0</v>
      </c>
      <c r="BT41" s="110">
        <v>0</v>
      </c>
      <c r="BU41" s="114">
        <v>0</v>
      </c>
      <c r="BV41" s="114">
        <v>0</v>
      </c>
      <c r="BW41" s="114">
        <v>0</v>
      </c>
      <c r="BX41" s="114">
        <v>0</v>
      </c>
      <c r="BY41" s="114">
        <v>0</v>
      </c>
      <c r="BZ41" s="113">
        <v>0</v>
      </c>
      <c r="CA41" s="116">
        <v>0</v>
      </c>
      <c r="CB41" s="110">
        <v>0</v>
      </c>
      <c r="CC41" s="114">
        <v>0</v>
      </c>
      <c r="CD41" s="113">
        <v>0</v>
      </c>
      <c r="CE41" s="110">
        <v>0</v>
      </c>
      <c r="CF41" s="114">
        <v>0</v>
      </c>
      <c r="CG41" s="114">
        <v>0</v>
      </c>
      <c r="CH41" s="114">
        <v>0</v>
      </c>
      <c r="CI41" s="114">
        <v>0</v>
      </c>
      <c r="CJ41" s="114">
        <v>0</v>
      </c>
      <c r="CK41" s="113">
        <v>0</v>
      </c>
      <c r="CL41" s="116">
        <v>0</v>
      </c>
      <c r="CM41" s="110">
        <v>0</v>
      </c>
      <c r="CN41" s="114">
        <v>0</v>
      </c>
      <c r="CO41" s="113">
        <v>0</v>
      </c>
      <c r="CP41" s="111">
        <v>0</v>
      </c>
      <c r="CQ41" s="114">
        <v>0</v>
      </c>
      <c r="CR41" s="114">
        <v>0</v>
      </c>
      <c r="CS41" s="114">
        <v>0</v>
      </c>
      <c r="CT41" s="114">
        <v>0</v>
      </c>
      <c r="CU41" s="114">
        <v>0</v>
      </c>
      <c r="CV41" s="113">
        <v>0</v>
      </c>
      <c r="CW41" s="116">
        <v>0</v>
      </c>
      <c r="CX41" s="110">
        <v>0</v>
      </c>
      <c r="CY41" s="114">
        <v>0</v>
      </c>
      <c r="CZ41" s="113">
        <v>0</v>
      </c>
      <c r="DA41" s="110">
        <v>0</v>
      </c>
      <c r="DB41" s="114">
        <v>0</v>
      </c>
      <c r="DC41" s="114">
        <v>0</v>
      </c>
      <c r="DD41" s="114">
        <v>0</v>
      </c>
      <c r="DE41" s="114">
        <v>0</v>
      </c>
      <c r="DF41" s="114">
        <v>0</v>
      </c>
      <c r="DG41" s="113">
        <v>0</v>
      </c>
      <c r="DH41" s="116">
        <v>0</v>
      </c>
      <c r="DI41" s="110">
        <v>0</v>
      </c>
      <c r="DJ41" s="114">
        <v>0</v>
      </c>
      <c r="DK41" s="112">
        <v>0</v>
      </c>
      <c r="DL41" s="111">
        <v>0</v>
      </c>
      <c r="DM41" s="114">
        <v>0</v>
      </c>
      <c r="DN41" s="114">
        <v>0</v>
      </c>
      <c r="DO41" s="114">
        <v>0</v>
      </c>
      <c r="DP41" s="114">
        <v>0</v>
      </c>
      <c r="DQ41" s="114">
        <v>0</v>
      </c>
      <c r="DR41" s="113">
        <v>0</v>
      </c>
      <c r="DS41" s="116">
        <v>0</v>
      </c>
      <c r="DT41" s="110">
        <v>0</v>
      </c>
      <c r="DU41" s="114">
        <v>0</v>
      </c>
      <c r="DV41" s="113">
        <v>0</v>
      </c>
      <c r="DW41" s="110">
        <v>0</v>
      </c>
      <c r="DX41" s="114">
        <v>0</v>
      </c>
      <c r="DY41" s="114">
        <v>0</v>
      </c>
      <c r="DZ41" s="114">
        <v>0</v>
      </c>
      <c r="EA41" s="114">
        <v>0</v>
      </c>
      <c r="EB41" s="114">
        <v>0</v>
      </c>
      <c r="EC41" s="113">
        <v>0</v>
      </c>
      <c r="ED41" s="116">
        <v>0</v>
      </c>
      <c r="EE41" s="110">
        <v>0</v>
      </c>
      <c r="EF41" s="112">
        <v>0</v>
      </c>
      <c r="EG41" s="113">
        <v>0</v>
      </c>
      <c r="EH41" s="110">
        <v>0</v>
      </c>
      <c r="EI41" s="114">
        <v>0</v>
      </c>
      <c r="EJ41" s="114">
        <v>0</v>
      </c>
      <c r="EK41" s="114">
        <v>0</v>
      </c>
      <c r="EL41" s="114">
        <v>0</v>
      </c>
      <c r="EM41" s="114">
        <v>0</v>
      </c>
      <c r="EN41" s="112">
        <v>0</v>
      </c>
      <c r="EO41" s="116">
        <v>0</v>
      </c>
      <c r="EP41" s="110">
        <v>0</v>
      </c>
      <c r="EQ41" s="114">
        <v>0</v>
      </c>
      <c r="ER41" s="112">
        <v>0</v>
      </c>
      <c r="ES41" s="111">
        <v>0</v>
      </c>
      <c r="ET41" s="114">
        <v>0</v>
      </c>
      <c r="EU41" s="114">
        <v>0</v>
      </c>
      <c r="EV41" s="114">
        <v>0</v>
      </c>
      <c r="EW41" s="114">
        <v>0</v>
      </c>
      <c r="EX41" s="114">
        <v>0</v>
      </c>
      <c r="EY41" s="113">
        <v>0</v>
      </c>
      <c r="EZ41" s="116">
        <v>0</v>
      </c>
      <c r="FA41" s="110">
        <v>0</v>
      </c>
      <c r="FB41" s="114">
        <v>0</v>
      </c>
      <c r="FC41" s="112">
        <v>0</v>
      </c>
      <c r="FD41" s="347"/>
      <c r="FE41" s="114">
        <v>0</v>
      </c>
      <c r="FF41" s="114">
        <v>0</v>
      </c>
      <c r="FG41" s="114">
        <v>0</v>
      </c>
      <c r="FH41" s="114">
        <v>0</v>
      </c>
      <c r="FI41" s="114">
        <v>0</v>
      </c>
      <c r="FJ41" s="113">
        <v>0</v>
      </c>
      <c r="FK41" s="116">
        <v>0</v>
      </c>
      <c r="FL41" s="110">
        <v>0</v>
      </c>
      <c r="FM41" s="114">
        <v>0</v>
      </c>
      <c r="FN41" s="113">
        <v>0</v>
      </c>
      <c r="FO41" s="110">
        <v>0</v>
      </c>
      <c r="FP41" s="114">
        <v>0</v>
      </c>
      <c r="FQ41" s="114">
        <v>0</v>
      </c>
      <c r="FR41" s="114">
        <v>0</v>
      </c>
      <c r="FS41" s="114">
        <v>0</v>
      </c>
      <c r="FT41" s="114">
        <v>0</v>
      </c>
      <c r="FU41" s="113">
        <v>0</v>
      </c>
      <c r="FV41" s="116">
        <v>0</v>
      </c>
      <c r="FW41" s="115">
        <v>0</v>
      </c>
      <c r="FX41" s="114">
        <v>0</v>
      </c>
      <c r="FY41" s="112">
        <v>0</v>
      </c>
      <c r="FZ41" s="111">
        <v>0</v>
      </c>
      <c r="GA41" s="114">
        <v>0</v>
      </c>
      <c r="GB41" s="114">
        <v>0</v>
      </c>
      <c r="GC41" s="114">
        <v>0</v>
      </c>
      <c r="GD41" s="114">
        <v>0</v>
      </c>
      <c r="GE41" s="114">
        <v>0</v>
      </c>
      <c r="GF41" s="113">
        <v>0</v>
      </c>
      <c r="GG41" s="318">
        <v>0</v>
      </c>
      <c r="GH41" s="115">
        <v>0</v>
      </c>
      <c r="GI41" s="114">
        <v>0</v>
      </c>
      <c r="GJ41" s="112">
        <v>0</v>
      </c>
      <c r="GK41" s="111">
        <v>0</v>
      </c>
      <c r="GL41" s="114">
        <v>0</v>
      </c>
      <c r="GM41" s="114">
        <v>0</v>
      </c>
      <c r="GN41" s="114">
        <v>0</v>
      </c>
      <c r="GO41" s="114">
        <v>0</v>
      </c>
      <c r="GP41" s="114">
        <v>0</v>
      </c>
      <c r="GQ41" s="113">
        <v>0</v>
      </c>
      <c r="GR41" s="116">
        <v>0</v>
      </c>
      <c r="GS41" s="110">
        <v>0</v>
      </c>
      <c r="GT41" s="114">
        <v>0</v>
      </c>
      <c r="GU41" s="113">
        <v>0</v>
      </c>
      <c r="GV41" s="110">
        <v>0</v>
      </c>
      <c r="GW41" s="114">
        <v>0</v>
      </c>
      <c r="GX41" s="114">
        <v>0</v>
      </c>
      <c r="GY41" s="114">
        <v>0</v>
      </c>
      <c r="GZ41" s="114">
        <v>0</v>
      </c>
      <c r="HA41" s="114">
        <v>0</v>
      </c>
      <c r="HB41" s="112">
        <v>0</v>
      </c>
      <c r="HC41" s="116">
        <v>0</v>
      </c>
      <c r="HD41" s="110">
        <v>0</v>
      </c>
      <c r="HE41" s="114">
        <v>0</v>
      </c>
      <c r="HF41" s="112">
        <v>0</v>
      </c>
      <c r="HG41" s="111">
        <v>0</v>
      </c>
      <c r="HH41" s="114">
        <v>0</v>
      </c>
      <c r="HI41" s="114">
        <v>0</v>
      </c>
      <c r="HJ41" s="114">
        <v>0</v>
      </c>
      <c r="HK41" s="114">
        <v>0</v>
      </c>
      <c r="HL41" s="114">
        <v>0</v>
      </c>
      <c r="HM41" s="113">
        <v>0</v>
      </c>
      <c r="HN41" s="109">
        <v>0</v>
      </c>
      <c r="HO41" s="328"/>
      <c r="HP41" s="329"/>
      <c r="HQ41" s="330"/>
      <c r="HR41" s="331"/>
      <c r="HS41" s="329"/>
      <c r="HT41" s="329"/>
      <c r="HU41" s="329"/>
      <c r="HV41" s="329"/>
      <c r="HW41" s="329"/>
      <c r="HX41" s="332"/>
      <c r="HY41" s="333"/>
      <c r="HZ41" s="131">
        <v>0</v>
      </c>
      <c r="IA41" s="132">
        <v>0</v>
      </c>
      <c r="IB41" s="133">
        <v>0</v>
      </c>
      <c r="IC41" s="146">
        <v>0</v>
      </c>
      <c r="ID41" s="132">
        <v>0</v>
      </c>
      <c r="IE41" s="147">
        <v>0</v>
      </c>
      <c r="IF41" s="133">
        <v>0</v>
      </c>
      <c r="IG41" s="132">
        <v>0</v>
      </c>
      <c r="IH41" s="133">
        <v>0</v>
      </c>
      <c r="II41" s="148">
        <v>0</v>
      </c>
      <c r="IJ41" s="139">
        <v>0</v>
      </c>
      <c r="IK41" s="232">
        <v>0</v>
      </c>
      <c r="IL41" s="236">
        <v>0</v>
      </c>
      <c r="IM41" s="237">
        <v>0</v>
      </c>
      <c r="IN41" s="140"/>
      <c r="IO41" s="119">
        <v>0</v>
      </c>
      <c r="IP41" s="119">
        <v>0</v>
      </c>
      <c r="IQ41" s="119">
        <v>0</v>
      </c>
      <c r="IR41" s="119">
        <v>0</v>
      </c>
      <c r="IS41" s="119">
        <v>0</v>
      </c>
      <c r="IT41" s="141">
        <v>0</v>
      </c>
      <c r="IU41" s="320">
        <v>0</v>
      </c>
      <c r="IV41" s="142">
        <v>0</v>
      </c>
      <c r="IW41" s="119">
        <v>0</v>
      </c>
      <c r="IX41" s="120">
        <v>0</v>
      </c>
      <c r="IY41" s="144"/>
      <c r="IZ41" s="119">
        <v>0</v>
      </c>
      <c r="JA41" s="119">
        <v>0</v>
      </c>
      <c r="JB41" s="119">
        <v>0</v>
      </c>
      <c r="JC41" s="119">
        <v>0</v>
      </c>
      <c r="JD41" s="119">
        <v>0</v>
      </c>
      <c r="JE41" s="120">
        <v>0</v>
      </c>
      <c r="JF41" s="121">
        <v>0</v>
      </c>
      <c r="JG41" s="142">
        <v>0</v>
      </c>
      <c r="JH41" s="119">
        <v>0</v>
      </c>
      <c r="JI41" s="141">
        <v>0</v>
      </c>
      <c r="JJ41" s="118">
        <v>0</v>
      </c>
      <c r="JK41" s="119">
        <v>0</v>
      </c>
      <c r="JL41" s="119">
        <v>0</v>
      </c>
      <c r="JM41" s="119">
        <v>0</v>
      </c>
      <c r="JN41" s="119">
        <v>0</v>
      </c>
      <c r="JO41" s="119">
        <v>0</v>
      </c>
      <c r="JP41" s="120">
        <v>0</v>
      </c>
      <c r="JQ41" s="320">
        <v>0</v>
      </c>
      <c r="JR41" s="142">
        <v>0</v>
      </c>
      <c r="JS41" s="119">
        <v>0</v>
      </c>
      <c r="JT41" s="141">
        <v>0</v>
      </c>
      <c r="JU41" s="118">
        <v>0</v>
      </c>
      <c r="JV41" s="119">
        <v>0</v>
      </c>
      <c r="JW41" s="119">
        <v>0</v>
      </c>
      <c r="JX41" s="119">
        <v>0</v>
      </c>
      <c r="JY41" s="119">
        <v>0</v>
      </c>
      <c r="JZ41" s="119">
        <v>0</v>
      </c>
      <c r="KA41" s="120">
        <v>0</v>
      </c>
      <c r="KB41" s="320">
        <v>0</v>
      </c>
      <c r="KC41" s="234">
        <v>0</v>
      </c>
      <c r="KD41" s="230">
        <v>0</v>
      </c>
      <c r="KE41" s="120">
        <v>0</v>
      </c>
      <c r="KF41" s="118">
        <v>0</v>
      </c>
      <c r="KG41" s="119">
        <v>0</v>
      </c>
      <c r="KH41" s="119">
        <v>0</v>
      </c>
      <c r="KI41" s="119">
        <v>0</v>
      </c>
      <c r="KJ41" s="119">
        <v>0</v>
      </c>
      <c r="KK41" s="119">
        <v>0</v>
      </c>
      <c r="KL41" s="120">
        <v>0</v>
      </c>
      <c r="KM41" s="143">
        <v>0</v>
      </c>
      <c r="KN41" s="232">
        <v>0</v>
      </c>
      <c r="KO41" s="236">
        <v>0</v>
      </c>
      <c r="KP41" s="237">
        <v>0</v>
      </c>
      <c r="KQ41" s="140"/>
      <c r="KR41" s="119">
        <v>0</v>
      </c>
      <c r="KS41" s="119">
        <v>0</v>
      </c>
      <c r="KT41" s="119">
        <v>0</v>
      </c>
      <c r="KU41" s="119">
        <v>0</v>
      </c>
      <c r="KV41" s="119">
        <v>0</v>
      </c>
      <c r="KW41" s="120">
        <v>0</v>
      </c>
      <c r="KX41" s="320">
        <v>0</v>
      </c>
      <c r="KY41" s="142">
        <v>0</v>
      </c>
      <c r="KZ41" s="119">
        <v>0</v>
      </c>
      <c r="LA41" s="120">
        <v>0</v>
      </c>
      <c r="LB41" s="145"/>
      <c r="LC41" s="119">
        <v>0</v>
      </c>
      <c r="LD41" s="119">
        <v>0</v>
      </c>
      <c r="LE41" s="119">
        <v>0</v>
      </c>
      <c r="LF41" s="119">
        <v>0</v>
      </c>
      <c r="LG41" s="119">
        <v>0</v>
      </c>
      <c r="LH41" s="120">
        <v>0</v>
      </c>
      <c r="LI41" s="121">
        <v>0</v>
      </c>
      <c r="LJ41" s="142">
        <v>0</v>
      </c>
      <c r="LK41" s="119">
        <v>0</v>
      </c>
      <c r="LL41" s="120">
        <v>0</v>
      </c>
      <c r="LM41" s="145"/>
      <c r="LN41" s="119">
        <v>0</v>
      </c>
      <c r="LO41" s="119">
        <v>0</v>
      </c>
      <c r="LP41" s="119">
        <v>0</v>
      </c>
      <c r="LQ41" s="119">
        <v>0</v>
      </c>
      <c r="LR41" s="119">
        <v>0</v>
      </c>
      <c r="LS41" s="120">
        <v>0</v>
      </c>
      <c r="LT41" s="320">
        <v>0</v>
      </c>
      <c r="LU41" s="142">
        <v>0</v>
      </c>
      <c r="LV41" s="119">
        <v>0</v>
      </c>
      <c r="LW41" s="120">
        <v>0</v>
      </c>
      <c r="LX41" s="145"/>
      <c r="LY41" s="119">
        <v>0</v>
      </c>
      <c r="LZ41" s="119">
        <v>0</v>
      </c>
      <c r="MA41" s="119">
        <v>0</v>
      </c>
      <c r="MB41" s="119">
        <v>0</v>
      </c>
      <c r="MC41" s="119">
        <v>0</v>
      </c>
      <c r="MD41" s="120">
        <v>0</v>
      </c>
      <c r="ME41" s="121">
        <v>0</v>
      </c>
      <c r="MF41" s="142">
        <v>0</v>
      </c>
      <c r="MG41" s="119">
        <v>0</v>
      </c>
      <c r="MH41" s="120">
        <v>0</v>
      </c>
      <c r="MI41" s="145"/>
      <c r="MJ41" s="119">
        <v>0</v>
      </c>
      <c r="MK41" s="119">
        <v>0</v>
      </c>
      <c r="ML41" s="119">
        <v>0</v>
      </c>
      <c r="MM41" s="119">
        <v>0</v>
      </c>
      <c r="MN41" s="119">
        <v>0</v>
      </c>
      <c r="MO41" s="120">
        <v>0</v>
      </c>
      <c r="MP41" s="143">
        <v>0</v>
      </c>
      <c r="MQ41" s="142">
        <v>0</v>
      </c>
      <c r="MR41" s="119">
        <v>0</v>
      </c>
      <c r="MS41" s="120">
        <v>0</v>
      </c>
      <c r="MT41" s="145"/>
      <c r="MU41" s="119">
        <v>0</v>
      </c>
      <c r="MV41" s="119">
        <v>0</v>
      </c>
      <c r="MW41" s="119">
        <v>0</v>
      </c>
      <c r="MX41" s="119">
        <v>0</v>
      </c>
      <c r="MY41" s="119">
        <v>0</v>
      </c>
      <c r="MZ41" s="120">
        <v>0</v>
      </c>
      <c r="NA41" s="143">
        <v>0</v>
      </c>
      <c r="NB41" s="142">
        <v>0</v>
      </c>
      <c r="NC41" s="119">
        <v>0</v>
      </c>
      <c r="ND41" s="120">
        <v>0</v>
      </c>
      <c r="NE41" s="145"/>
      <c r="NF41" s="119">
        <v>0</v>
      </c>
      <c r="NG41" s="119">
        <v>0</v>
      </c>
      <c r="NH41" s="119">
        <v>0</v>
      </c>
      <c r="NI41" s="119">
        <v>0</v>
      </c>
      <c r="NJ41" s="119">
        <v>0</v>
      </c>
      <c r="NK41" s="120">
        <v>0</v>
      </c>
      <c r="NL41" s="320">
        <v>0</v>
      </c>
      <c r="NM41" s="142">
        <v>0</v>
      </c>
      <c r="NN41" s="119">
        <v>0</v>
      </c>
      <c r="NO41" s="120">
        <v>0</v>
      </c>
      <c r="NP41" s="145"/>
      <c r="NQ41" s="119">
        <v>0</v>
      </c>
      <c r="NR41" s="119">
        <v>0</v>
      </c>
      <c r="NS41" s="119">
        <v>0</v>
      </c>
      <c r="NT41" s="119">
        <v>0</v>
      </c>
      <c r="NU41" s="119">
        <v>0</v>
      </c>
      <c r="NV41" s="120">
        <v>0</v>
      </c>
      <c r="NW41" s="121">
        <v>0</v>
      </c>
      <c r="NX41" s="142">
        <v>0</v>
      </c>
      <c r="NY41" s="119">
        <v>0</v>
      </c>
      <c r="NZ41" s="120">
        <v>0</v>
      </c>
      <c r="OA41" s="145"/>
      <c r="OB41" s="119">
        <v>0</v>
      </c>
      <c r="OC41" s="119">
        <v>0</v>
      </c>
      <c r="OD41" s="119">
        <v>0</v>
      </c>
      <c r="OE41" s="119">
        <v>0</v>
      </c>
      <c r="OF41" s="119">
        <v>0</v>
      </c>
      <c r="OG41" s="120">
        <v>0</v>
      </c>
      <c r="OH41" s="121">
        <v>0</v>
      </c>
      <c r="OI41" s="142">
        <v>0</v>
      </c>
      <c r="OJ41" s="119">
        <v>0</v>
      </c>
      <c r="OK41" s="141">
        <v>0</v>
      </c>
      <c r="OL41" s="118">
        <v>0</v>
      </c>
      <c r="OM41" s="119">
        <v>0</v>
      </c>
      <c r="ON41" s="119">
        <v>0</v>
      </c>
      <c r="OO41" s="119">
        <v>0</v>
      </c>
      <c r="OP41" s="119">
        <v>0</v>
      </c>
      <c r="OQ41" s="119">
        <v>0</v>
      </c>
      <c r="OR41" s="120">
        <v>0</v>
      </c>
      <c r="OS41" s="143">
        <v>0</v>
      </c>
    </row>
    <row r="42" spans="2:409" ht="21" customHeight="1" thickBot="1" x14ac:dyDescent="0.25">
      <c r="B42" s="127" t="s">
        <v>37</v>
      </c>
      <c r="C42" s="117">
        <v>0</v>
      </c>
      <c r="D42" s="178">
        <v>0</v>
      </c>
      <c r="E42" s="179">
        <v>0</v>
      </c>
      <c r="F42" s="180">
        <v>0</v>
      </c>
      <c r="G42" s="178">
        <v>0</v>
      </c>
      <c r="H42" s="178">
        <v>0</v>
      </c>
      <c r="I42" s="178">
        <v>0</v>
      </c>
      <c r="J42" s="178">
        <v>0</v>
      </c>
      <c r="K42" s="178">
        <v>0</v>
      </c>
      <c r="L42" s="180">
        <v>0</v>
      </c>
      <c r="M42" s="181">
        <v>0</v>
      </c>
      <c r="N42" s="117">
        <v>0</v>
      </c>
      <c r="O42" s="178">
        <v>0</v>
      </c>
      <c r="P42" s="179">
        <v>0</v>
      </c>
      <c r="Q42" s="117">
        <v>0</v>
      </c>
      <c r="R42" s="178">
        <v>0</v>
      </c>
      <c r="S42" s="178">
        <v>0</v>
      </c>
      <c r="T42" s="178">
        <v>0</v>
      </c>
      <c r="U42" s="178">
        <v>0</v>
      </c>
      <c r="V42" s="178">
        <v>0</v>
      </c>
      <c r="W42" s="179">
        <v>0</v>
      </c>
      <c r="X42" s="181">
        <v>0</v>
      </c>
      <c r="Y42" s="117">
        <v>0</v>
      </c>
      <c r="Z42" s="178">
        <v>0</v>
      </c>
      <c r="AA42" s="179">
        <v>0</v>
      </c>
      <c r="AB42" s="117">
        <v>0</v>
      </c>
      <c r="AC42" s="178">
        <v>0</v>
      </c>
      <c r="AD42" s="178">
        <v>0</v>
      </c>
      <c r="AE42" s="178">
        <v>0</v>
      </c>
      <c r="AF42" s="178">
        <v>0</v>
      </c>
      <c r="AG42" s="178">
        <v>0</v>
      </c>
      <c r="AH42" s="179">
        <v>0</v>
      </c>
      <c r="AI42" s="181">
        <v>0</v>
      </c>
      <c r="AJ42" s="117">
        <v>0</v>
      </c>
      <c r="AK42" s="178">
        <v>0</v>
      </c>
      <c r="AL42" s="179">
        <v>0</v>
      </c>
      <c r="AM42" s="117">
        <v>0</v>
      </c>
      <c r="AN42" s="178">
        <v>0</v>
      </c>
      <c r="AO42" s="178">
        <v>0</v>
      </c>
      <c r="AP42" s="178">
        <v>0</v>
      </c>
      <c r="AQ42" s="178">
        <v>0</v>
      </c>
      <c r="AR42" s="178">
        <v>0</v>
      </c>
      <c r="AS42" s="179">
        <v>0</v>
      </c>
      <c r="AT42" s="181">
        <v>0</v>
      </c>
      <c r="AU42" s="117">
        <v>0</v>
      </c>
      <c r="AV42" s="178">
        <v>0</v>
      </c>
      <c r="AW42" s="179">
        <v>0</v>
      </c>
      <c r="AX42" s="117">
        <v>0</v>
      </c>
      <c r="AY42" s="178">
        <v>0</v>
      </c>
      <c r="AZ42" s="178">
        <v>0</v>
      </c>
      <c r="BA42" s="178">
        <v>0</v>
      </c>
      <c r="BB42" s="178">
        <v>0</v>
      </c>
      <c r="BC42" s="178">
        <v>0</v>
      </c>
      <c r="BD42" s="179">
        <v>0</v>
      </c>
      <c r="BE42" s="181">
        <v>0</v>
      </c>
      <c r="BF42" s="117">
        <v>0</v>
      </c>
      <c r="BG42" s="178">
        <v>0</v>
      </c>
      <c r="BH42" s="183">
        <v>0</v>
      </c>
      <c r="BI42" s="182">
        <v>0</v>
      </c>
      <c r="BJ42" s="178">
        <v>0</v>
      </c>
      <c r="BK42" s="178">
        <v>0</v>
      </c>
      <c r="BL42" s="178">
        <v>0</v>
      </c>
      <c r="BM42" s="178">
        <v>0</v>
      </c>
      <c r="BN42" s="178">
        <v>0</v>
      </c>
      <c r="BO42" s="179">
        <v>0</v>
      </c>
      <c r="BP42" s="181">
        <v>0</v>
      </c>
      <c r="BQ42" s="117">
        <v>0</v>
      </c>
      <c r="BR42" s="178">
        <v>0</v>
      </c>
      <c r="BS42" s="179">
        <v>0</v>
      </c>
      <c r="BT42" s="117">
        <v>0</v>
      </c>
      <c r="BU42" s="178">
        <v>0</v>
      </c>
      <c r="BV42" s="178">
        <v>0</v>
      </c>
      <c r="BW42" s="178">
        <v>0</v>
      </c>
      <c r="BX42" s="178">
        <v>0</v>
      </c>
      <c r="BY42" s="178">
        <v>0</v>
      </c>
      <c r="BZ42" s="179">
        <v>0</v>
      </c>
      <c r="CA42" s="181">
        <v>0</v>
      </c>
      <c r="CB42" s="117">
        <v>0</v>
      </c>
      <c r="CC42" s="178">
        <v>0</v>
      </c>
      <c r="CD42" s="179">
        <v>0</v>
      </c>
      <c r="CE42" s="117">
        <v>0</v>
      </c>
      <c r="CF42" s="178">
        <v>0</v>
      </c>
      <c r="CG42" s="178">
        <v>0</v>
      </c>
      <c r="CH42" s="178">
        <v>0</v>
      </c>
      <c r="CI42" s="178">
        <v>0</v>
      </c>
      <c r="CJ42" s="178">
        <v>0</v>
      </c>
      <c r="CK42" s="179">
        <v>0</v>
      </c>
      <c r="CL42" s="181">
        <v>0</v>
      </c>
      <c r="CM42" s="117">
        <v>0</v>
      </c>
      <c r="CN42" s="178">
        <v>0</v>
      </c>
      <c r="CO42" s="179">
        <v>0</v>
      </c>
      <c r="CP42" s="182">
        <v>0</v>
      </c>
      <c r="CQ42" s="178">
        <v>0</v>
      </c>
      <c r="CR42" s="178">
        <v>0</v>
      </c>
      <c r="CS42" s="178">
        <v>0</v>
      </c>
      <c r="CT42" s="178">
        <v>0</v>
      </c>
      <c r="CU42" s="178">
        <v>0</v>
      </c>
      <c r="CV42" s="179">
        <v>0</v>
      </c>
      <c r="CW42" s="181">
        <v>0</v>
      </c>
      <c r="CX42" s="117">
        <v>0</v>
      </c>
      <c r="CY42" s="178">
        <v>0</v>
      </c>
      <c r="CZ42" s="179">
        <v>0</v>
      </c>
      <c r="DA42" s="117">
        <v>0</v>
      </c>
      <c r="DB42" s="178">
        <v>0</v>
      </c>
      <c r="DC42" s="178">
        <v>0</v>
      </c>
      <c r="DD42" s="178">
        <v>0</v>
      </c>
      <c r="DE42" s="178">
        <v>0</v>
      </c>
      <c r="DF42" s="178">
        <v>0</v>
      </c>
      <c r="DG42" s="179">
        <v>0</v>
      </c>
      <c r="DH42" s="181">
        <v>0</v>
      </c>
      <c r="DI42" s="117">
        <v>0</v>
      </c>
      <c r="DJ42" s="178">
        <v>0</v>
      </c>
      <c r="DK42" s="183">
        <v>0</v>
      </c>
      <c r="DL42" s="182">
        <v>0</v>
      </c>
      <c r="DM42" s="178">
        <v>0</v>
      </c>
      <c r="DN42" s="178">
        <v>0</v>
      </c>
      <c r="DO42" s="178">
        <v>0</v>
      </c>
      <c r="DP42" s="178">
        <v>0</v>
      </c>
      <c r="DQ42" s="178">
        <v>0</v>
      </c>
      <c r="DR42" s="179">
        <v>0</v>
      </c>
      <c r="DS42" s="181">
        <v>0</v>
      </c>
      <c r="DT42" s="117">
        <v>0</v>
      </c>
      <c r="DU42" s="178">
        <v>0</v>
      </c>
      <c r="DV42" s="179">
        <v>0</v>
      </c>
      <c r="DW42" s="117">
        <v>0</v>
      </c>
      <c r="DX42" s="178">
        <v>0</v>
      </c>
      <c r="DY42" s="178">
        <v>0</v>
      </c>
      <c r="DZ42" s="178">
        <v>0</v>
      </c>
      <c r="EA42" s="178">
        <v>0</v>
      </c>
      <c r="EB42" s="178">
        <v>0</v>
      </c>
      <c r="EC42" s="179">
        <v>0</v>
      </c>
      <c r="ED42" s="181">
        <v>0</v>
      </c>
      <c r="EE42" s="117">
        <v>0</v>
      </c>
      <c r="EF42" s="183">
        <v>0</v>
      </c>
      <c r="EG42" s="179">
        <v>0</v>
      </c>
      <c r="EH42" s="117">
        <v>0</v>
      </c>
      <c r="EI42" s="178">
        <v>0</v>
      </c>
      <c r="EJ42" s="178">
        <v>0</v>
      </c>
      <c r="EK42" s="178">
        <v>0</v>
      </c>
      <c r="EL42" s="178">
        <v>0</v>
      </c>
      <c r="EM42" s="178">
        <v>0</v>
      </c>
      <c r="EN42" s="183">
        <v>0</v>
      </c>
      <c r="EO42" s="181">
        <v>0</v>
      </c>
      <c r="EP42" s="117">
        <v>0</v>
      </c>
      <c r="EQ42" s="178">
        <v>0</v>
      </c>
      <c r="ER42" s="183">
        <v>0</v>
      </c>
      <c r="ES42" s="182">
        <v>0</v>
      </c>
      <c r="ET42" s="178">
        <v>0</v>
      </c>
      <c r="EU42" s="178">
        <v>0</v>
      </c>
      <c r="EV42" s="178">
        <v>0</v>
      </c>
      <c r="EW42" s="178">
        <v>0</v>
      </c>
      <c r="EX42" s="178">
        <v>0</v>
      </c>
      <c r="EY42" s="179">
        <v>0</v>
      </c>
      <c r="EZ42" s="181">
        <v>0</v>
      </c>
      <c r="FA42" s="117">
        <v>0</v>
      </c>
      <c r="FB42" s="178">
        <v>0</v>
      </c>
      <c r="FC42" s="183">
        <v>0</v>
      </c>
      <c r="FD42" s="348"/>
      <c r="FE42" s="178">
        <v>0</v>
      </c>
      <c r="FF42" s="178">
        <v>0</v>
      </c>
      <c r="FG42" s="178">
        <v>0</v>
      </c>
      <c r="FH42" s="178">
        <v>0</v>
      </c>
      <c r="FI42" s="178">
        <v>0</v>
      </c>
      <c r="FJ42" s="179">
        <v>0</v>
      </c>
      <c r="FK42" s="181">
        <v>0</v>
      </c>
      <c r="FL42" s="117">
        <v>0</v>
      </c>
      <c r="FM42" s="178">
        <v>0</v>
      </c>
      <c r="FN42" s="179">
        <v>0</v>
      </c>
      <c r="FO42" s="117">
        <v>0</v>
      </c>
      <c r="FP42" s="178">
        <v>0</v>
      </c>
      <c r="FQ42" s="178">
        <v>0</v>
      </c>
      <c r="FR42" s="178">
        <v>0</v>
      </c>
      <c r="FS42" s="178">
        <v>0</v>
      </c>
      <c r="FT42" s="178">
        <v>0</v>
      </c>
      <c r="FU42" s="179">
        <v>0</v>
      </c>
      <c r="FV42" s="181">
        <v>0</v>
      </c>
      <c r="FW42" s="184">
        <v>0</v>
      </c>
      <c r="FX42" s="178">
        <v>0</v>
      </c>
      <c r="FY42" s="183">
        <v>0</v>
      </c>
      <c r="FZ42" s="182">
        <v>0</v>
      </c>
      <c r="GA42" s="178">
        <v>0</v>
      </c>
      <c r="GB42" s="178">
        <v>0</v>
      </c>
      <c r="GC42" s="178">
        <v>0</v>
      </c>
      <c r="GD42" s="178">
        <v>0</v>
      </c>
      <c r="GE42" s="178">
        <v>0</v>
      </c>
      <c r="GF42" s="179">
        <v>0</v>
      </c>
      <c r="GG42" s="319">
        <v>0</v>
      </c>
      <c r="GH42" s="184">
        <v>0</v>
      </c>
      <c r="GI42" s="178">
        <v>0</v>
      </c>
      <c r="GJ42" s="183">
        <v>0</v>
      </c>
      <c r="GK42" s="182">
        <v>0</v>
      </c>
      <c r="GL42" s="178">
        <v>0</v>
      </c>
      <c r="GM42" s="178">
        <v>0</v>
      </c>
      <c r="GN42" s="178">
        <v>0</v>
      </c>
      <c r="GO42" s="178">
        <v>0</v>
      </c>
      <c r="GP42" s="178">
        <v>0</v>
      </c>
      <c r="GQ42" s="179">
        <v>0</v>
      </c>
      <c r="GR42" s="181">
        <v>0</v>
      </c>
      <c r="GS42" s="117">
        <v>0</v>
      </c>
      <c r="GT42" s="178">
        <v>0</v>
      </c>
      <c r="GU42" s="179">
        <v>0</v>
      </c>
      <c r="GV42" s="117">
        <v>0</v>
      </c>
      <c r="GW42" s="178">
        <v>0</v>
      </c>
      <c r="GX42" s="178">
        <v>0</v>
      </c>
      <c r="GY42" s="178">
        <v>0</v>
      </c>
      <c r="GZ42" s="178">
        <v>0</v>
      </c>
      <c r="HA42" s="178">
        <v>0</v>
      </c>
      <c r="HB42" s="183">
        <v>0</v>
      </c>
      <c r="HC42" s="181">
        <v>0</v>
      </c>
      <c r="HD42" s="117">
        <v>0</v>
      </c>
      <c r="HE42" s="178">
        <v>0</v>
      </c>
      <c r="HF42" s="183">
        <v>0</v>
      </c>
      <c r="HG42" s="182">
        <v>0</v>
      </c>
      <c r="HH42" s="178">
        <v>0</v>
      </c>
      <c r="HI42" s="178">
        <v>0</v>
      </c>
      <c r="HJ42" s="178">
        <v>0</v>
      </c>
      <c r="HK42" s="178">
        <v>0</v>
      </c>
      <c r="HL42" s="178">
        <v>0</v>
      </c>
      <c r="HM42" s="179">
        <v>0</v>
      </c>
      <c r="HN42" s="180">
        <v>0</v>
      </c>
      <c r="HO42" s="334"/>
      <c r="HP42" s="335"/>
      <c r="HQ42" s="336"/>
      <c r="HR42" s="337"/>
      <c r="HS42" s="335"/>
      <c r="HT42" s="335"/>
      <c r="HU42" s="335"/>
      <c r="HV42" s="335"/>
      <c r="HW42" s="335"/>
      <c r="HX42" s="338"/>
      <c r="HY42" s="339"/>
      <c r="HZ42" s="151">
        <v>0</v>
      </c>
      <c r="IA42" s="152">
        <v>0</v>
      </c>
      <c r="IB42" s="153">
        <v>0</v>
      </c>
      <c r="IC42" s="154">
        <v>0</v>
      </c>
      <c r="ID42" s="155">
        <v>0</v>
      </c>
      <c r="IE42" s="156">
        <v>0</v>
      </c>
      <c r="IF42" s="157">
        <v>0</v>
      </c>
      <c r="IG42" s="155">
        <v>0</v>
      </c>
      <c r="IH42" s="157">
        <v>0</v>
      </c>
      <c r="II42" s="158">
        <v>0</v>
      </c>
      <c r="IJ42" s="159">
        <v>0</v>
      </c>
      <c r="IK42" s="233">
        <v>0</v>
      </c>
      <c r="IL42" s="238">
        <v>0</v>
      </c>
      <c r="IM42" s="239">
        <v>0</v>
      </c>
      <c r="IN42" s="160"/>
      <c r="IO42" s="161">
        <v>0</v>
      </c>
      <c r="IP42" s="161">
        <v>0</v>
      </c>
      <c r="IQ42" s="161">
        <v>0</v>
      </c>
      <c r="IR42" s="161">
        <v>0</v>
      </c>
      <c r="IS42" s="161">
        <v>0</v>
      </c>
      <c r="IT42" s="162">
        <v>0</v>
      </c>
      <c r="IU42" s="321">
        <v>0</v>
      </c>
      <c r="IV42" s="163">
        <v>0</v>
      </c>
      <c r="IW42" s="161">
        <v>0</v>
      </c>
      <c r="IX42" s="165">
        <v>0</v>
      </c>
      <c r="IY42" s="168"/>
      <c r="IZ42" s="161">
        <v>0</v>
      </c>
      <c r="JA42" s="161">
        <v>0</v>
      </c>
      <c r="JB42" s="161">
        <v>0</v>
      </c>
      <c r="JC42" s="161">
        <v>0</v>
      </c>
      <c r="JD42" s="161">
        <v>0</v>
      </c>
      <c r="JE42" s="165">
        <v>0</v>
      </c>
      <c r="JF42" s="166">
        <v>0</v>
      </c>
      <c r="JG42" s="163">
        <v>0</v>
      </c>
      <c r="JH42" s="161">
        <v>0</v>
      </c>
      <c r="JI42" s="162">
        <v>0</v>
      </c>
      <c r="JJ42" s="164">
        <v>0</v>
      </c>
      <c r="JK42" s="161">
        <v>0</v>
      </c>
      <c r="JL42" s="161">
        <v>0</v>
      </c>
      <c r="JM42" s="161">
        <v>0</v>
      </c>
      <c r="JN42" s="161">
        <v>0</v>
      </c>
      <c r="JO42" s="161">
        <v>0</v>
      </c>
      <c r="JP42" s="165">
        <v>0</v>
      </c>
      <c r="JQ42" s="321">
        <v>0</v>
      </c>
      <c r="JR42" s="163">
        <v>0</v>
      </c>
      <c r="JS42" s="161">
        <v>0</v>
      </c>
      <c r="JT42" s="162">
        <v>0</v>
      </c>
      <c r="JU42" s="164">
        <v>0</v>
      </c>
      <c r="JV42" s="161">
        <v>0</v>
      </c>
      <c r="JW42" s="161">
        <v>0</v>
      </c>
      <c r="JX42" s="161">
        <v>0</v>
      </c>
      <c r="JY42" s="161">
        <v>0</v>
      </c>
      <c r="JZ42" s="161">
        <v>0</v>
      </c>
      <c r="KA42" s="165">
        <v>0</v>
      </c>
      <c r="KB42" s="321">
        <v>0</v>
      </c>
      <c r="KC42" s="235">
        <v>0</v>
      </c>
      <c r="KD42" s="231">
        <v>0</v>
      </c>
      <c r="KE42" s="165">
        <v>0</v>
      </c>
      <c r="KF42" s="164">
        <v>0</v>
      </c>
      <c r="KG42" s="161">
        <v>0</v>
      </c>
      <c r="KH42" s="161">
        <v>0</v>
      </c>
      <c r="KI42" s="161">
        <v>0</v>
      </c>
      <c r="KJ42" s="161">
        <v>0</v>
      </c>
      <c r="KK42" s="161">
        <v>0</v>
      </c>
      <c r="KL42" s="165">
        <v>0</v>
      </c>
      <c r="KM42" s="167">
        <v>0</v>
      </c>
      <c r="KN42" s="233">
        <v>0</v>
      </c>
      <c r="KO42" s="238">
        <v>0</v>
      </c>
      <c r="KP42" s="239">
        <v>0</v>
      </c>
      <c r="KQ42" s="160"/>
      <c r="KR42" s="161">
        <v>0</v>
      </c>
      <c r="KS42" s="161">
        <v>0</v>
      </c>
      <c r="KT42" s="161">
        <v>0</v>
      </c>
      <c r="KU42" s="161">
        <v>0</v>
      </c>
      <c r="KV42" s="161">
        <v>0</v>
      </c>
      <c r="KW42" s="165">
        <v>0</v>
      </c>
      <c r="KX42" s="321">
        <v>0</v>
      </c>
      <c r="KY42" s="163">
        <v>0</v>
      </c>
      <c r="KZ42" s="161">
        <v>0</v>
      </c>
      <c r="LA42" s="165">
        <v>0</v>
      </c>
      <c r="LB42" s="169"/>
      <c r="LC42" s="161">
        <v>0</v>
      </c>
      <c r="LD42" s="161">
        <v>0</v>
      </c>
      <c r="LE42" s="161">
        <v>0</v>
      </c>
      <c r="LF42" s="161">
        <v>0</v>
      </c>
      <c r="LG42" s="161">
        <v>0</v>
      </c>
      <c r="LH42" s="165">
        <v>0</v>
      </c>
      <c r="LI42" s="166">
        <v>0</v>
      </c>
      <c r="LJ42" s="163">
        <v>0</v>
      </c>
      <c r="LK42" s="161">
        <v>0</v>
      </c>
      <c r="LL42" s="165">
        <v>0</v>
      </c>
      <c r="LM42" s="169"/>
      <c r="LN42" s="161">
        <v>0</v>
      </c>
      <c r="LO42" s="161">
        <v>0</v>
      </c>
      <c r="LP42" s="161">
        <v>0</v>
      </c>
      <c r="LQ42" s="161">
        <v>0</v>
      </c>
      <c r="LR42" s="161">
        <v>0</v>
      </c>
      <c r="LS42" s="165">
        <v>0</v>
      </c>
      <c r="LT42" s="321">
        <v>0</v>
      </c>
      <c r="LU42" s="163">
        <v>0</v>
      </c>
      <c r="LV42" s="161">
        <v>0</v>
      </c>
      <c r="LW42" s="165">
        <v>0</v>
      </c>
      <c r="LX42" s="169"/>
      <c r="LY42" s="161">
        <v>0</v>
      </c>
      <c r="LZ42" s="161">
        <v>0</v>
      </c>
      <c r="MA42" s="161">
        <v>0</v>
      </c>
      <c r="MB42" s="161">
        <v>0</v>
      </c>
      <c r="MC42" s="161">
        <v>0</v>
      </c>
      <c r="MD42" s="165">
        <v>0</v>
      </c>
      <c r="ME42" s="166">
        <v>0</v>
      </c>
      <c r="MF42" s="163">
        <v>0</v>
      </c>
      <c r="MG42" s="161">
        <v>0</v>
      </c>
      <c r="MH42" s="165">
        <v>0</v>
      </c>
      <c r="MI42" s="169"/>
      <c r="MJ42" s="161">
        <v>0</v>
      </c>
      <c r="MK42" s="161">
        <v>0</v>
      </c>
      <c r="ML42" s="161">
        <v>0</v>
      </c>
      <c r="MM42" s="161">
        <v>0</v>
      </c>
      <c r="MN42" s="161">
        <v>0</v>
      </c>
      <c r="MO42" s="165">
        <v>0</v>
      </c>
      <c r="MP42" s="167">
        <v>0</v>
      </c>
      <c r="MQ42" s="163">
        <v>0</v>
      </c>
      <c r="MR42" s="161">
        <v>0</v>
      </c>
      <c r="MS42" s="165">
        <v>0</v>
      </c>
      <c r="MT42" s="169"/>
      <c r="MU42" s="161">
        <v>0</v>
      </c>
      <c r="MV42" s="161">
        <v>0</v>
      </c>
      <c r="MW42" s="161">
        <v>0</v>
      </c>
      <c r="MX42" s="161">
        <v>0</v>
      </c>
      <c r="MY42" s="161">
        <v>0</v>
      </c>
      <c r="MZ42" s="165">
        <v>0</v>
      </c>
      <c r="NA42" s="167">
        <v>0</v>
      </c>
      <c r="NB42" s="163">
        <v>0</v>
      </c>
      <c r="NC42" s="161">
        <v>0</v>
      </c>
      <c r="ND42" s="165">
        <v>0</v>
      </c>
      <c r="NE42" s="169"/>
      <c r="NF42" s="161">
        <v>0</v>
      </c>
      <c r="NG42" s="161">
        <v>0</v>
      </c>
      <c r="NH42" s="161">
        <v>0</v>
      </c>
      <c r="NI42" s="161">
        <v>0</v>
      </c>
      <c r="NJ42" s="161">
        <v>0</v>
      </c>
      <c r="NK42" s="165">
        <v>0</v>
      </c>
      <c r="NL42" s="321">
        <v>0</v>
      </c>
      <c r="NM42" s="163">
        <v>0</v>
      </c>
      <c r="NN42" s="161">
        <v>0</v>
      </c>
      <c r="NO42" s="165">
        <v>0</v>
      </c>
      <c r="NP42" s="169"/>
      <c r="NQ42" s="161">
        <v>0</v>
      </c>
      <c r="NR42" s="161">
        <v>0</v>
      </c>
      <c r="NS42" s="161">
        <v>0</v>
      </c>
      <c r="NT42" s="161">
        <v>0</v>
      </c>
      <c r="NU42" s="161">
        <v>0</v>
      </c>
      <c r="NV42" s="165">
        <v>0</v>
      </c>
      <c r="NW42" s="166">
        <v>0</v>
      </c>
      <c r="NX42" s="163">
        <v>0</v>
      </c>
      <c r="NY42" s="161">
        <v>0</v>
      </c>
      <c r="NZ42" s="165">
        <v>0</v>
      </c>
      <c r="OA42" s="169"/>
      <c r="OB42" s="161">
        <v>0</v>
      </c>
      <c r="OC42" s="161">
        <v>0</v>
      </c>
      <c r="OD42" s="161">
        <v>0</v>
      </c>
      <c r="OE42" s="161">
        <v>0</v>
      </c>
      <c r="OF42" s="161">
        <v>0</v>
      </c>
      <c r="OG42" s="165">
        <v>0</v>
      </c>
      <c r="OH42" s="166">
        <v>0</v>
      </c>
      <c r="OI42" s="163">
        <v>0</v>
      </c>
      <c r="OJ42" s="161">
        <v>0</v>
      </c>
      <c r="OK42" s="162">
        <v>0</v>
      </c>
      <c r="OL42" s="164">
        <v>0</v>
      </c>
      <c r="OM42" s="161">
        <v>0</v>
      </c>
      <c r="ON42" s="161">
        <v>0</v>
      </c>
      <c r="OO42" s="161">
        <v>0</v>
      </c>
      <c r="OP42" s="161">
        <v>0</v>
      </c>
      <c r="OQ42" s="161">
        <v>0</v>
      </c>
      <c r="OR42" s="165">
        <v>0</v>
      </c>
      <c r="OS42" s="167">
        <v>0</v>
      </c>
    </row>
    <row r="43" spans="2:409" x14ac:dyDescent="0.2">
      <c r="B43" s="44" t="s">
        <v>84</v>
      </c>
    </row>
  </sheetData>
  <mergeCells count="158">
    <mergeCell ref="OH7:OH8"/>
    <mergeCell ref="OI7:OK7"/>
    <mergeCell ref="OL7:OR7"/>
    <mergeCell ref="OS7:OS8"/>
    <mergeCell ref="NL7:NL8"/>
    <mergeCell ref="NM7:NO7"/>
    <mergeCell ref="NP7:NV7"/>
    <mergeCell ref="NW7:NW8"/>
    <mergeCell ref="NX7:NZ7"/>
    <mergeCell ref="NA7:NA8"/>
    <mergeCell ref="NB7:ND7"/>
    <mergeCell ref="NE7:NK7"/>
    <mergeCell ref="LX7:MD7"/>
    <mergeCell ref="ME7:ME8"/>
    <mergeCell ref="MF7:MH7"/>
    <mergeCell ref="MI7:MO7"/>
    <mergeCell ref="MP7:MP8"/>
    <mergeCell ref="OA7:OG7"/>
    <mergeCell ref="LT7:LT8"/>
    <mergeCell ref="LU7:LW7"/>
    <mergeCell ref="KN7:KP7"/>
    <mergeCell ref="KQ7:KW7"/>
    <mergeCell ref="KX7:KX8"/>
    <mergeCell ref="KY7:LA7"/>
    <mergeCell ref="LB7:LH7"/>
    <mergeCell ref="MQ7:MS7"/>
    <mergeCell ref="MT7:MZ7"/>
    <mergeCell ref="JU7:KA7"/>
    <mergeCell ref="KB7:KB8"/>
    <mergeCell ref="KC7:KE7"/>
    <mergeCell ref="KF7:KL7"/>
    <mergeCell ref="KM7:KM8"/>
    <mergeCell ref="NB5:NL6"/>
    <mergeCell ref="NM5:NW6"/>
    <mergeCell ref="NX5:OH6"/>
    <mergeCell ref="HZ7:IB7"/>
    <mergeCell ref="IC7:II7"/>
    <mergeCell ref="IJ7:IJ8"/>
    <mergeCell ref="IK7:IM7"/>
    <mergeCell ref="IN7:IT7"/>
    <mergeCell ref="IU7:IU8"/>
    <mergeCell ref="IV7:IX7"/>
    <mergeCell ref="IY7:JE7"/>
    <mergeCell ref="JF7:JF8"/>
    <mergeCell ref="JG7:JI7"/>
    <mergeCell ref="JJ7:JP7"/>
    <mergeCell ref="JQ7:JQ8"/>
    <mergeCell ref="JR7:JT7"/>
    <mergeCell ref="LI7:LI8"/>
    <mergeCell ref="LJ7:LL7"/>
    <mergeCell ref="LM7:LS7"/>
    <mergeCell ref="ID1:IE1"/>
    <mergeCell ref="HZ4:ME4"/>
    <mergeCell ref="MF4:OH4"/>
    <mergeCell ref="OI4:OS6"/>
    <mergeCell ref="HZ5:IJ6"/>
    <mergeCell ref="IK5:IU6"/>
    <mergeCell ref="IV5:JF6"/>
    <mergeCell ref="JG5:JQ6"/>
    <mergeCell ref="JR5:KB6"/>
    <mergeCell ref="KC5:KM6"/>
    <mergeCell ref="KN5:KX6"/>
    <mergeCell ref="KY5:LI6"/>
    <mergeCell ref="LJ5:LT6"/>
    <mergeCell ref="LU5:ME6"/>
    <mergeCell ref="MF5:MP6"/>
    <mergeCell ref="MQ5:NA6"/>
    <mergeCell ref="HO7:HQ7"/>
    <mergeCell ref="HR7:HX7"/>
    <mergeCell ref="HY7:HY8"/>
    <mergeCell ref="GS7:GU7"/>
    <mergeCell ref="GV7:HB7"/>
    <mergeCell ref="HC7:HC8"/>
    <mergeCell ref="HD7:HF7"/>
    <mergeCell ref="HG7:HM7"/>
    <mergeCell ref="HN7:HN8"/>
    <mergeCell ref="GR7:GR8"/>
    <mergeCell ref="FA7:FC7"/>
    <mergeCell ref="FD7:FJ7"/>
    <mergeCell ref="FK7:FK8"/>
    <mergeCell ref="FL7:FN7"/>
    <mergeCell ref="FO7:FU7"/>
    <mergeCell ref="FV7:FV8"/>
    <mergeCell ref="FW7:FY7"/>
    <mergeCell ref="FZ7:GF7"/>
    <mergeCell ref="GG7:GG8"/>
    <mergeCell ref="GH7:GJ7"/>
    <mergeCell ref="GK7:GQ7"/>
    <mergeCell ref="DA7:DG7"/>
    <mergeCell ref="EZ7:EZ8"/>
    <mergeCell ref="DI7:DK7"/>
    <mergeCell ref="DL7:DR7"/>
    <mergeCell ref="DS7:DS8"/>
    <mergeCell ref="DT7:DV7"/>
    <mergeCell ref="DW7:EC7"/>
    <mergeCell ref="ED7:ED8"/>
    <mergeCell ref="EE7:EG7"/>
    <mergeCell ref="EH7:EN7"/>
    <mergeCell ref="EO7:EO8"/>
    <mergeCell ref="EP7:ER7"/>
    <mergeCell ref="ES7:EY7"/>
    <mergeCell ref="CM7:CO7"/>
    <mergeCell ref="CP7:CV7"/>
    <mergeCell ref="CW7:CW8"/>
    <mergeCell ref="CX7:CZ7"/>
    <mergeCell ref="BQ7:BS7"/>
    <mergeCell ref="BT7:BZ7"/>
    <mergeCell ref="CA7:CA8"/>
    <mergeCell ref="CB7:CD7"/>
    <mergeCell ref="CE7:CK7"/>
    <mergeCell ref="F7:L7"/>
    <mergeCell ref="M7:M8"/>
    <mergeCell ref="N7:P7"/>
    <mergeCell ref="Q7:W7"/>
    <mergeCell ref="FL6:FV6"/>
    <mergeCell ref="FW6:GG6"/>
    <mergeCell ref="N6:X6"/>
    <mergeCell ref="Y6:AI6"/>
    <mergeCell ref="AJ6:AT6"/>
    <mergeCell ref="AU6:BE6"/>
    <mergeCell ref="BF6:BP6"/>
    <mergeCell ref="BQ6:CA6"/>
    <mergeCell ref="DT6:ED6"/>
    <mergeCell ref="EE6:EO6"/>
    <mergeCell ref="X7:X8"/>
    <mergeCell ref="EP6:EZ6"/>
    <mergeCell ref="FA6:FK6"/>
    <mergeCell ref="BP7:BP8"/>
    <mergeCell ref="Y7:AA7"/>
    <mergeCell ref="AB7:AH7"/>
    <mergeCell ref="AI7:AI8"/>
    <mergeCell ref="AJ7:AL7"/>
    <mergeCell ref="AM7:AS7"/>
    <mergeCell ref="CL7:CL8"/>
    <mergeCell ref="G1:H1"/>
    <mergeCell ref="AT7:AT8"/>
    <mergeCell ref="AU7:AW7"/>
    <mergeCell ref="AX7:BD7"/>
    <mergeCell ref="BE7:BE8"/>
    <mergeCell ref="BF7:BH7"/>
    <mergeCell ref="BI7:BO7"/>
    <mergeCell ref="DH7:DH8"/>
    <mergeCell ref="B4:B8"/>
    <mergeCell ref="C4:M6"/>
    <mergeCell ref="N4:HY4"/>
    <mergeCell ref="N5:CA5"/>
    <mergeCell ref="CB5:DH5"/>
    <mergeCell ref="DI5:FK5"/>
    <mergeCell ref="FL5:HC5"/>
    <mergeCell ref="HD5:HN6"/>
    <mergeCell ref="HO5:HY6"/>
    <mergeCell ref="GH6:GR6"/>
    <mergeCell ref="GS6:HC6"/>
    <mergeCell ref="CB6:CL6"/>
    <mergeCell ref="CM6:CW6"/>
    <mergeCell ref="CX6:DH6"/>
    <mergeCell ref="DI6:DS6"/>
    <mergeCell ref="C7:E7"/>
  </mergeCells>
  <phoneticPr fontId="4"/>
  <pageMargins left="0.78740157480314965" right="0.78740157480314965" top="0.39370078740157483" bottom="0.43307086614173229" header="0.19685039370078741" footer="0.19685039370078741"/>
  <pageSetup paperSize="9" scale="55" orientation="landscape" r:id="rId1"/>
  <headerFooter alignWithMargins="0">
    <oddFooter>&amp;L&amp;20&amp;A&amp;C&amp;P/&amp;N</oddFooter>
  </headerFooter>
  <colBreaks count="9" manualBreakCount="9">
    <brk id="24" max="1048575" man="1"/>
    <brk id="46" max="1048575" man="1"/>
    <brk id="68" max="1048575" man="1"/>
    <brk id="90" max="1048575" man="1"/>
    <brk id="112" max="1048575" man="1"/>
    <brk id="134" max="1048575" man="1"/>
    <brk id="167" max="1048575" man="1"/>
    <brk id="189" max="1048575" man="1"/>
    <brk id="211" max="1048575" man="1"/>
  </colBreaks>
</worksheet>
</file>

<file path=xl/worksheets/sheet2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6"/>
  </sheetPr>
  <dimension ref="B1:HY41"/>
  <sheetViews>
    <sheetView zoomScaleNormal="100" workbookViewId="0">
      <pane xSplit="2" ySplit="7" topLeftCell="C8" activePane="bottomRight" state="frozen"/>
      <selection pane="topRight" activeCell="B1" sqref="B1"/>
      <selection pane="bottomLeft" activeCell="A8" sqref="A8"/>
      <selection pane="bottomRight" activeCell="B1" sqref="B1"/>
    </sheetView>
  </sheetViews>
  <sheetFormatPr defaultColWidth="9" defaultRowHeight="13.2" x14ac:dyDescent="0.2"/>
  <cols>
    <col min="1" max="1" width="2.5546875" style="291" customWidth="1"/>
    <col min="2" max="2" width="9" style="291" customWidth="1"/>
    <col min="3" max="4" width="9.21875" style="291" bestFit="1" customWidth="1"/>
    <col min="5" max="5" width="10.77734375" style="291" bestFit="1" customWidth="1"/>
    <col min="6" max="6" width="7.109375" style="291" customWidth="1"/>
    <col min="7" max="11" width="10.44140625" style="291" bestFit="1" customWidth="1"/>
    <col min="12" max="13" width="11.6640625" style="291" bestFit="1" customWidth="1"/>
    <col min="14" max="16" width="9.21875" style="291" bestFit="1" customWidth="1"/>
    <col min="17" max="17" width="7.44140625" style="291" customWidth="1"/>
    <col min="18" max="18" width="9.21875" style="291" bestFit="1" customWidth="1"/>
    <col min="19" max="22" width="10.44140625" style="291" bestFit="1" customWidth="1"/>
    <col min="23" max="24" width="11.6640625" style="291" bestFit="1" customWidth="1"/>
    <col min="25" max="27" width="9.109375" style="291" bestFit="1" customWidth="1"/>
    <col min="28" max="28" width="7" style="291" customWidth="1"/>
    <col min="29" max="30" width="9.109375" style="291" bestFit="1" customWidth="1"/>
    <col min="31" max="32" width="9.6640625" style="291" bestFit="1" customWidth="1"/>
    <col min="33" max="33" width="9.109375" style="291" bestFit="1" customWidth="1"/>
    <col min="34" max="35" width="9.6640625" style="291" bestFit="1" customWidth="1"/>
    <col min="36" max="38" width="9.109375" style="291" bestFit="1" customWidth="1"/>
    <col min="39" max="39" width="7.33203125" style="291" customWidth="1"/>
    <col min="40" max="49" width="9.109375" style="291" bestFit="1" customWidth="1"/>
    <col min="50" max="50" width="7.33203125" style="291" customWidth="1"/>
    <col min="51" max="60" width="9.109375" style="291" bestFit="1" customWidth="1"/>
    <col min="61" max="61" width="7.77734375" style="291" customWidth="1"/>
    <col min="62" max="71" width="9.109375" style="291" bestFit="1" customWidth="1"/>
    <col min="72" max="72" width="7.77734375" style="291" customWidth="1"/>
    <col min="73" max="77" width="9.109375" style="291" bestFit="1" customWidth="1"/>
    <col min="78" max="79" width="9.6640625" style="291" bestFit="1" customWidth="1"/>
    <col min="80" max="82" width="9.109375" style="291" bestFit="1" customWidth="1"/>
    <col min="83" max="83" width="7.88671875" style="291" customWidth="1"/>
    <col min="84" max="93" width="9.109375" style="291" bestFit="1" customWidth="1"/>
    <col min="94" max="94" width="8" style="291" customWidth="1"/>
    <col min="95" max="104" width="9.109375" style="291" bestFit="1" customWidth="1"/>
    <col min="105" max="105" width="8" style="291" customWidth="1"/>
    <col min="106" max="115" width="9.109375" style="291" bestFit="1" customWidth="1"/>
    <col min="116" max="116" width="7.6640625" style="291" customWidth="1"/>
    <col min="117" max="117" width="9.109375" style="291" bestFit="1" customWidth="1"/>
    <col min="118" max="121" width="9.6640625" style="291" bestFit="1" customWidth="1"/>
    <col min="122" max="123" width="10.6640625" style="291" bestFit="1" customWidth="1"/>
    <col min="124" max="126" width="9.109375" style="291" bestFit="1" customWidth="1"/>
    <col min="127" max="127" width="7.44140625" style="291" customWidth="1"/>
    <col min="128" max="129" width="9.109375" style="291" bestFit="1" customWidth="1"/>
    <col min="130" max="134" width="9.6640625" style="291" bestFit="1" customWidth="1"/>
    <col min="135" max="137" width="9.109375" style="291" bestFit="1" customWidth="1"/>
    <col min="138" max="138" width="7.6640625" style="291" customWidth="1"/>
    <col min="139" max="148" width="9.109375" style="291" bestFit="1" customWidth="1"/>
    <col min="149" max="149" width="7.77734375" style="291" customWidth="1"/>
    <col min="150" max="159" width="9.109375" style="291" bestFit="1" customWidth="1"/>
    <col min="160" max="160" width="7.77734375" style="291" customWidth="1"/>
    <col min="161" max="170" width="9.109375" style="291" bestFit="1" customWidth="1"/>
    <col min="171" max="171" width="7.33203125" style="291" customWidth="1"/>
    <col min="172" max="181" width="9.109375" style="291" bestFit="1" customWidth="1"/>
    <col min="182" max="182" width="8" style="291" customWidth="1"/>
    <col min="183" max="188" width="9.109375" style="291" bestFit="1" customWidth="1"/>
    <col min="189" max="189" width="9.6640625" style="291" bestFit="1" customWidth="1"/>
    <col min="190" max="192" width="9.109375" style="291" bestFit="1" customWidth="1"/>
    <col min="193" max="193" width="7.44140625" style="291" customWidth="1"/>
    <col min="194" max="203" width="9.109375" style="291" bestFit="1" customWidth="1"/>
    <col min="204" max="204" width="7.88671875" style="291" customWidth="1"/>
    <col min="205" max="214" width="9.109375" style="291" bestFit="1" customWidth="1"/>
    <col min="215" max="215" width="7.88671875" style="291" customWidth="1"/>
    <col min="216" max="225" width="9.109375" style="291" bestFit="1" customWidth="1"/>
    <col min="226" max="226" width="7.6640625" style="291" customWidth="1"/>
    <col min="227" max="229" width="9.6640625" style="291" bestFit="1" customWidth="1"/>
    <col min="230" max="230" width="10.6640625" style="291" bestFit="1" customWidth="1"/>
    <col min="231" max="231" width="9.6640625" style="291" bestFit="1" customWidth="1"/>
    <col min="232" max="233" width="10.6640625" style="291" bestFit="1" customWidth="1"/>
    <col min="234" max="16384" width="9" style="291"/>
  </cols>
  <sheetData>
    <row r="1" spans="2:233" s="1" customFormat="1" ht="24" customHeight="1" x14ac:dyDescent="0.2">
      <c r="B1" s="20" t="s">
        <v>0</v>
      </c>
      <c r="C1" s="39"/>
      <c r="D1" s="39"/>
      <c r="E1" s="500">
        <f>第１表!F2</f>
        <v>5</v>
      </c>
      <c r="F1" s="501">
        <f>第１表!G2</f>
        <v>2</v>
      </c>
      <c r="G1" s="608">
        <f>IF(F1&lt;3,F1-2+12,F1-2)</f>
        <v>12</v>
      </c>
      <c r="H1" s="608"/>
      <c r="L1" s="39"/>
      <c r="CL1" s="39"/>
      <c r="CM1" s="39"/>
      <c r="CN1" s="39"/>
      <c r="CO1" s="39"/>
      <c r="CP1" s="39"/>
      <c r="CQ1" s="39"/>
      <c r="CR1" s="39"/>
      <c r="CS1" s="39"/>
      <c r="CT1" s="39"/>
      <c r="CU1" s="39"/>
      <c r="CV1" s="39"/>
      <c r="CW1" s="39"/>
      <c r="CX1" s="39"/>
      <c r="CY1" s="39"/>
      <c r="CZ1" s="39"/>
      <c r="DA1" s="39"/>
      <c r="DB1" s="39"/>
      <c r="DC1" s="39"/>
      <c r="DD1" s="39"/>
      <c r="DE1" s="39"/>
      <c r="DF1" s="39"/>
      <c r="DG1" s="39"/>
      <c r="DH1" s="39"/>
      <c r="DI1" s="39"/>
      <c r="DJ1" s="39"/>
      <c r="DK1" s="39"/>
      <c r="DL1" s="39"/>
      <c r="DM1" s="39"/>
      <c r="DN1" s="39"/>
      <c r="DO1" s="39"/>
      <c r="DP1" s="39"/>
      <c r="DQ1" s="39"/>
      <c r="DR1" s="39"/>
      <c r="DS1" s="39"/>
      <c r="DT1" s="39"/>
      <c r="DU1" s="39"/>
      <c r="DV1" s="39"/>
      <c r="DW1" s="39"/>
      <c r="DX1" s="39"/>
      <c r="DY1" s="39"/>
      <c r="DZ1" s="39"/>
      <c r="EA1" s="39"/>
      <c r="EB1" s="39"/>
      <c r="EC1" s="39"/>
    </row>
    <row r="2" spans="2:233" ht="24" customHeight="1" thickBot="1" x14ac:dyDescent="0.25">
      <c r="B2" s="20" t="s">
        <v>120</v>
      </c>
    </row>
    <row r="3" spans="2:233" ht="21" customHeight="1" thickBot="1" x14ac:dyDescent="0.25">
      <c r="B3" s="753"/>
      <c r="C3" s="731" t="s">
        <v>116</v>
      </c>
      <c r="D3" s="732"/>
      <c r="E3" s="732"/>
      <c r="F3" s="732"/>
      <c r="G3" s="732"/>
      <c r="H3" s="732"/>
      <c r="I3" s="732"/>
      <c r="J3" s="732"/>
      <c r="K3" s="732"/>
      <c r="L3" s="732"/>
      <c r="M3" s="732"/>
      <c r="N3" s="519"/>
      <c r="O3" s="519"/>
      <c r="P3" s="519"/>
      <c r="Q3" s="519"/>
      <c r="R3" s="519"/>
      <c r="S3" s="519"/>
      <c r="T3" s="519"/>
      <c r="U3" s="519"/>
      <c r="V3" s="519"/>
      <c r="W3" s="519"/>
      <c r="X3" s="519"/>
      <c r="Y3" s="519"/>
      <c r="Z3" s="519"/>
      <c r="AA3" s="519"/>
      <c r="AB3" s="519"/>
      <c r="AC3" s="519"/>
      <c r="AD3" s="519"/>
      <c r="AE3" s="519"/>
      <c r="AF3" s="519"/>
      <c r="AG3" s="519"/>
      <c r="AH3" s="519"/>
      <c r="AI3" s="519"/>
      <c r="AJ3" s="519"/>
      <c r="AK3" s="519"/>
      <c r="AL3" s="519"/>
      <c r="AM3" s="519"/>
      <c r="AN3" s="519"/>
      <c r="AO3" s="519"/>
      <c r="AP3" s="519"/>
      <c r="AQ3" s="519"/>
      <c r="AR3" s="519"/>
      <c r="AS3" s="519"/>
      <c r="AT3" s="519"/>
      <c r="AU3" s="519"/>
      <c r="AV3" s="519"/>
      <c r="AW3" s="519"/>
      <c r="AX3" s="519"/>
      <c r="AY3" s="519"/>
      <c r="AZ3" s="519"/>
      <c r="BA3" s="519"/>
      <c r="BB3" s="519"/>
      <c r="BC3" s="519"/>
      <c r="BD3" s="519"/>
      <c r="BE3" s="519"/>
      <c r="BF3" s="519"/>
      <c r="BG3" s="519"/>
      <c r="BH3" s="519"/>
      <c r="BI3" s="519"/>
      <c r="BJ3" s="519"/>
      <c r="BK3" s="519"/>
      <c r="BL3" s="519"/>
      <c r="BM3" s="519"/>
      <c r="BN3" s="519"/>
      <c r="BO3" s="519"/>
      <c r="BP3" s="519"/>
      <c r="BQ3" s="519"/>
      <c r="BR3" s="519"/>
      <c r="BS3" s="519"/>
      <c r="BT3" s="519"/>
      <c r="BU3" s="519"/>
      <c r="BV3" s="519"/>
      <c r="BW3" s="519"/>
      <c r="BX3" s="519"/>
      <c r="BY3" s="519"/>
      <c r="BZ3" s="519"/>
      <c r="CA3" s="519"/>
      <c r="CB3" s="519"/>
      <c r="CC3" s="519"/>
      <c r="CD3" s="519"/>
      <c r="CE3" s="519"/>
      <c r="CF3" s="519"/>
      <c r="CG3" s="519"/>
      <c r="CH3" s="519"/>
      <c r="CI3" s="519"/>
      <c r="CJ3" s="519"/>
      <c r="CK3" s="519"/>
      <c r="CL3" s="519"/>
      <c r="CM3" s="519"/>
      <c r="CN3" s="519"/>
      <c r="CO3" s="519"/>
      <c r="CP3" s="519"/>
      <c r="CQ3" s="519"/>
      <c r="CR3" s="519"/>
      <c r="CS3" s="519"/>
      <c r="CT3" s="519"/>
      <c r="CU3" s="519"/>
      <c r="CV3" s="519"/>
      <c r="CW3" s="519"/>
      <c r="CX3" s="519"/>
      <c r="CY3" s="519"/>
      <c r="CZ3" s="519"/>
      <c r="DA3" s="519"/>
      <c r="DB3" s="519"/>
      <c r="DC3" s="519"/>
      <c r="DD3" s="519"/>
      <c r="DE3" s="519"/>
      <c r="DF3" s="519"/>
      <c r="DG3" s="519"/>
      <c r="DH3" s="520"/>
      <c r="DI3" s="731" t="s">
        <v>118</v>
      </c>
      <c r="DJ3" s="732"/>
      <c r="DK3" s="732"/>
      <c r="DL3" s="732"/>
      <c r="DM3" s="732"/>
      <c r="DN3" s="732"/>
      <c r="DO3" s="732"/>
      <c r="DP3" s="732"/>
      <c r="DQ3" s="732"/>
      <c r="DR3" s="732"/>
      <c r="DS3" s="732"/>
      <c r="DT3" s="732"/>
      <c r="DU3" s="732"/>
      <c r="DV3" s="732"/>
      <c r="DW3" s="732"/>
      <c r="DX3" s="732"/>
      <c r="DY3" s="732"/>
      <c r="DZ3" s="732"/>
      <c r="EA3" s="732"/>
      <c r="EB3" s="732"/>
      <c r="EC3" s="732"/>
      <c r="ED3" s="732"/>
      <c r="EE3" s="732"/>
      <c r="EF3" s="732"/>
      <c r="EG3" s="732"/>
      <c r="EH3" s="732"/>
      <c r="EI3" s="732"/>
      <c r="EJ3" s="732"/>
      <c r="EK3" s="732"/>
      <c r="EL3" s="732"/>
      <c r="EM3" s="732"/>
      <c r="EN3" s="732"/>
      <c r="EO3" s="732"/>
      <c r="EP3" s="732"/>
      <c r="EQ3" s="732"/>
      <c r="ER3" s="732"/>
      <c r="ES3" s="732"/>
      <c r="ET3" s="732"/>
      <c r="EU3" s="732"/>
      <c r="EV3" s="732"/>
      <c r="EW3" s="732"/>
      <c r="EX3" s="732"/>
      <c r="EY3" s="732"/>
      <c r="EZ3" s="732"/>
      <c r="FA3" s="732"/>
      <c r="FB3" s="732"/>
      <c r="FC3" s="732"/>
      <c r="FD3" s="732"/>
      <c r="FE3" s="732"/>
      <c r="FF3" s="732"/>
      <c r="FG3" s="732"/>
      <c r="FH3" s="732"/>
      <c r="FI3" s="732"/>
      <c r="FJ3" s="732"/>
      <c r="FK3" s="732"/>
      <c r="FL3" s="732"/>
      <c r="FM3" s="732"/>
      <c r="FN3" s="732"/>
      <c r="FO3" s="732"/>
      <c r="FP3" s="732"/>
      <c r="FQ3" s="732"/>
      <c r="FR3" s="732"/>
      <c r="FS3" s="732"/>
      <c r="FT3" s="732"/>
      <c r="FU3" s="732"/>
      <c r="FV3" s="732"/>
      <c r="FW3" s="732"/>
      <c r="FX3" s="732"/>
      <c r="FY3" s="732"/>
      <c r="FZ3" s="732"/>
      <c r="GA3" s="732"/>
      <c r="GB3" s="732"/>
      <c r="GC3" s="732"/>
      <c r="GD3" s="732"/>
      <c r="GE3" s="732"/>
      <c r="GF3" s="732"/>
      <c r="GG3" s="732"/>
      <c r="GH3" s="732"/>
      <c r="GI3" s="732"/>
      <c r="GJ3" s="732"/>
      <c r="GK3" s="732"/>
      <c r="GL3" s="732"/>
      <c r="GM3" s="732"/>
      <c r="GN3" s="732"/>
      <c r="GO3" s="732"/>
      <c r="GP3" s="732"/>
      <c r="GQ3" s="732"/>
      <c r="GR3" s="732"/>
      <c r="GS3" s="732"/>
      <c r="GT3" s="732"/>
      <c r="GU3" s="732"/>
      <c r="GV3" s="732"/>
      <c r="GW3" s="732"/>
      <c r="GX3" s="732"/>
      <c r="GY3" s="732"/>
      <c r="GZ3" s="732"/>
      <c r="HA3" s="732"/>
      <c r="HB3" s="732"/>
      <c r="HC3" s="732"/>
      <c r="HD3" s="732"/>
      <c r="HE3" s="732"/>
      <c r="HF3" s="732"/>
      <c r="HG3" s="732"/>
      <c r="HH3" s="732"/>
      <c r="HI3" s="732"/>
      <c r="HJ3" s="732"/>
      <c r="HK3" s="732"/>
      <c r="HL3" s="732"/>
      <c r="HM3" s="732"/>
      <c r="HN3" s="733"/>
      <c r="HO3" s="738" t="s">
        <v>60</v>
      </c>
      <c r="HP3" s="739"/>
      <c r="HQ3" s="739"/>
      <c r="HR3" s="739"/>
      <c r="HS3" s="739"/>
      <c r="HT3" s="739"/>
      <c r="HU3" s="739"/>
      <c r="HV3" s="739"/>
      <c r="HW3" s="739"/>
      <c r="HX3" s="739"/>
      <c r="HY3" s="740"/>
    </row>
    <row r="4" spans="2:233" ht="21" customHeight="1" thickBot="1" x14ac:dyDescent="0.25">
      <c r="B4" s="754"/>
      <c r="C4" s="734"/>
      <c r="D4" s="735"/>
      <c r="E4" s="735"/>
      <c r="F4" s="735"/>
      <c r="G4" s="735"/>
      <c r="H4" s="735"/>
      <c r="I4" s="735"/>
      <c r="J4" s="735"/>
      <c r="K4" s="735"/>
      <c r="L4" s="735"/>
      <c r="M4" s="737"/>
      <c r="N4" s="728" t="s">
        <v>57</v>
      </c>
      <c r="O4" s="729"/>
      <c r="P4" s="729"/>
      <c r="Q4" s="729"/>
      <c r="R4" s="729"/>
      <c r="S4" s="729"/>
      <c r="T4" s="729"/>
      <c r="U4" s="729"/>
      <c r="V4" s="729"/>
      <c r="W4" s="729"/>
      <c r="X4" s="730"/>
      <c r="Y4" s="728" t="s">
        <v>58</v>
      </c>
      <c r="Z4" s="729"/>
      <c r="AA4" s="729"/>
      <c r="AB4" s="729"/>
      <c r="AC4" s="729"/>
      <c r="AD4" s="729"/>
      <c r="AE4" s="729"/>
      <c r="AF4" s="729"/>
      <c r="AG4" s="729"/>
      <c r="AH4" s="729"/>
      <c r="AI4" s="730"/>
      <c r="AJ4" s="728" t="s">
        <v>59</v>
      </c>
      <c r="AK4" s="729"/>
      <c r="AL4" s="729"/>
      <c r="AM4" s="729"/>
      <c r="AN4" s="729"/>
      <c r="AO4" s="729"/>
      <c r="AP4" s="729"/>
      <c r="AQ4" s="729"/>
      <c r="AR4" s="729"/>
      <c r="AS4" s="729"/>
      <c r="AT4" s="730"/>
      <c r="AU4" s="728" t="s">
        <v>151</v>
      </c>
      <c r="AV4" s="729"/>
      <c r="AW4" s="729"/>
      <c r="AX4" s="729"/>
      <c r="AY4" s="729"/>
      <c r="AZ4" s="729"/>
      <c r="BA4" s="729"/>
      <c r="BB4" s="729"/>
      <c r="BC4" s="729"/>
      <c r="BD4" s="729"/>
      <c r="BE4" s="730"/>
      <c r="BF4" s="728" t="s">
        <v>117</v>
      </c>
      <c r="BG4" s="729"/>
      <c r="BH4" s="729"/>
      <c r="BI4" s="729"/>
      <c r="BJ4" s="729"/>
      <c r="BK4" s="729"/>
      <c r="BL4" s="729"/>
      <c r="BM4" s="729"/>
      <c r="BN4" s="729"/>
      <c r="BO4" s="729"/>
      <c r="BP4" s="730"/>
      <c r="BQ4" s="728" t="s">
        <v>77</v>
      </c>
      <c r="BR4" s="729"/>
      <c r="BS4" s="729"/>
      <c r="BT4" s="729"/>
      <c r="BU4" s="729"/>
      <c r="BV4" s="729"/>
      <c r="BW4" s="729"/>
      <c r="BX4" s="729"/>
      <c r="BY4" s="729"/>
      <c r="BZ4" s="729"/>
      <c r="CA4" s="730"/>
      <c r="CB4" s="728" t="s">
        <v>78</v>
      </c>
      <c r="CC4" s="729"/>
      <c r="CD4" s="729"/>
      <c r="CE4" s="729"/>
      <c r="CF4" s="729"/>
      <c r="CG4" s="729"/>
      <c r="CH4" s="729"/>
      <c r="CI4" s="729"/>
      <c r="CJ4" s="729"/>
      <c r="CK4" s="729"/>
      <c r="CL4" s="730"/>
      <c r="CM4" s="728" t="s">
        <v>79</v>
      </c>
      <c r="CN4" s="729"/>
      <c r="CO4" s="729"/>
      <c r="CP4" s="729"/>
      <c r="CQ4" s="729"/>
      <c r="CR4" s="729"/>
      <c r="CS4" s="729"/>
      <c r="CT4" s="729"/>
      <c r="CU4" s="729"/>
      <c r="CV4" s="729"/>
      <c r="CW4" s="730"/>
      <c r="CX4" s="728" t="s">
        <v>152</v>
      </c>
      <c r="CY4" s="729"/>
      <c r="CZ4" s="729"/>
      <c r="DA4" s="729"/>
      <c r="DB4" s="729"/>
      <c r="DC4" s="729"/>
      <c r="DD4" s="729"/>
      <c r="DE4" s="729"/>
      <c r="DF4" s="729"/>
      <c r="DG4" s="729"/>
      <c r="DH4" s="730"/>
      <c r="DI4" s="734"/>
      <c r="DJ4" s="735"/>
      <c r="DK4" s="735"/>
      <c r="DL4" s="735"/>
      <c r="DM4" s="735"/>
      <c r="DN4" s="735"/>
      <c r="DO4" s="735"/>
      <c r="DP4" s="735"/>
      <c r="DQ4" s="735"/>
      <c r="DR4" s="735"/>
      <c r="DS4" s="736"/>
      <c r="DT4" s="728" t="s">
        <v>57</v>
      </c>
      <c r="DU4" s="729"/>
      <c r="DV4" s="729"/>
      <c r="DW4" s="729"/>
      <c r="DX4" s="729"/>
      <c r="DY4" s="729"/>
      <c r="DZ4" s="729"/>
      <c r="EA4" s="729"/>
      <c r="EB4" s="729"/>
      <c r="EC4" s="729"/>
      <c r="ED4" s="730"/>
      <c r="EE4" s="728" t="s">
        <v>58</v>
      </c>
      <c r="EF4" s="729"/>
      <c r="EG4" s="729"/>
      <c r="EH4" s="729"/>
      <c r="EI4" s="729"/>
      <c r="EJ4" s="729"/>
      <c r="EK4" s="729"/>
      <c r="EL4" s="729"/>
      <c r="EM4" s="729"/>
      <c r="EN4" s="729"/>
      <c r="EO4" s="730"/>
      <c r="EP4" s="728" t="s">
        <v>59</v>
      </c>
      <c r="EQ4" s="729"/>
      <c r="ER4" s="729"/>
      <c r="ES4" s="729"/>
      <c r="ET4" s="729"/>
      <c r="EU4" s="729"/>
      <c r="EV4" s="729"/>
      <c r="EW4" s="729"/>
      <c r="EX4" s="729"/>
      <c r="EY4" s="729"/>
      <c r="EZ4" s="730"/>
      <c r="FA4" s="728" t="s">
        <v>151</v>
      </c>
      <c r="FB4" s="729"/>
      <c r="FC4" s="729"/>
      <c r="FD4" s="729"/>
      <c r="FE4" s="729"/>
      <c r="FF4" s="729"/>
      <c r="FG4" s="729"/>
      <c r="FH4" s="729"/>
      <c r="FI4" s="729"/>
      <c r="FJ4" s="729"/>
      <c r="FK4" s="730"/>
      <c r="FL4" s="728" t="s">
        <v>117</v>
      </c>
      <c r="FM4" s="729"/>
      <c r="FN4" s="729"/>
      <c r="FO4" s="729"/>
      <c r="FP4" s="729"/>
      <c r="FQ4" s="729"/>
      <c r="FR4" s="729"/>
      <c r="FS4" s="729"/>
      <c r="FT4" s="729"/>
      <c r="FU4" s="729"/>
      <c r="FV4" s="730"/>
      <c r="FW4" s="728" t="s">
        <v>77</v>
      </c>
      <c r="FX4" s="729"/>
      <c r="FY4" s="729"/>
      <c r="FZ4" s="729"/>
      <c r="GA4" s="729"/>
      <c r="GB4" s="729"/>
      <c r="GC4" s="729"/>
      <c r="GD4" s="729"/>
      <c r="GE4" s="729"/>
      <c r="GF4" s="729"/>
      <c r="GG4" s="730"/>
      <c r="GH4" s="728" t="s">
        <v>78</v>
      </c>
      <c r="GI4" s="729"/>
      <c r="GJ4" s="729"/>
      <c r="GK4" s="729"/>
      <c r="GL4" s="729"/>
      <c r="GM4" s="729"/>
      <c r="GN4" s="729"/>
      <c r="GO4" s="729"/>
      <c r="GP4" s="729"/>
      <c r="GQ4" s="729"/>
      <c r="GR4" s="730"/>
      <c r="GS4" s="728" t="s">
        <v>79</v>
      </c>
      <c r="GT4" s="729"/>
      <c r="GU4" s="729"/>
      <c r="GV4" s="729"/>
      <c r="GW4" s="729"/>
      <c r="GX4" s="729"/>
      <c r="GY4" s="729"/>
      <c r="GZ4" s="729"/>
      <c r="HA4" s="729"/>
      <c r="HB4" s="729"/>
      <c r="HC4" s="730"/>
      <c r="HD4" s="728" t="s">
        <v>152</v>
      </c>
      <c r="HE4" s="729"/>
      <c r="HF4" s="729"/>
      <c r="HG4" s="729"/>
      <c r="HH4" s="729"/>
      <c r="HI4" s="729"/>
      <c r="HJ4" s="729"/>
      <c r="HK4" s="729"/>
      <c r="HL4" s="729"/>
      <c r="HM4" s="729"/>
      <c r="HN4" s="730"/>
      <c r="HO4" s="741"/>
      <c r="HP4" s="742"/>
      <c r="HQ4" s="742"/>
      <c r="HR4" s="742"/>
      <c r="HS4" s="742"/>
      <c r="HT4" s="742"/>
      <c r="HU4" s="742"/>
      <c r="HV4" s="742"/>
      <c r="HW4" s="742"/>
      <c r="HX4" s="742"/>
      <c r="HY4" s="743"/>
    </row>
    <row r="5" spans="2:233" ht="21" customHeight="1" x14ac:dyDescent="0.2">
      <c r="B5" s="754"/>
      <c r="C5" s="744" t="s">
        <v>61</v>
      </c>
      <c r="D5" s="745"/>
      <c r="E5" s="746"/>
      <c r="F5" s="747" t="s">
        <v>62</v>
      </c>
      <c r="G5" s="745"/>
      <c r="H5" s="745"/>
      <c r="I5" s="745"/>
      <c r="J5" s="745"/>
      <c r="K5" s="745"/>
      <c r="L5" s="748"/>
      <c r="M5" s="749" t="s">
        <v>52</v>
      </c>
      <c r="N5" s="734" t="s">
        <v>61</v>
      </c>
      <c r="O5" s="735"/>
      <c r="P5" s="736"/>
      <c r="Q5" s="751" t="s">
        <v>62</v>
      </c>
      <c r="R5" s="735"/>
      <c r="S5" s="735"/>
      <c r="T5" s="735"/>
      <c r="U5" s="735"/>
      <c r="V5" s="735"/>
      <c r="W5" s="752"/>
      <c r="X5" s="669" t="s">
        <v>52</v>
      </c>
      <c r="Y5" s="734" t="s">
        <v>61</v>
      </c>
      <c r="Z5" s="735"/>
      <c r="AA5" s="736"/>
      <c r="AB5" s="751" t="s">
        <v>62</v>
      </c>
      <c r="AC5" s="735"/>
      <c r="AD5" s="735"/>
      <c r="AE5" s="735"/>
      <c r="AF5" s="735"/>
      <c r="AG5" s="735"/>
      <c r="AH5" s="752"/>
      <c r="AI5" s="669" t="s">
        <v>52</v>
      </c>
      <c r="AJ5" s="734" t="s">
        <v>61</v>
      </c>
      <c r="AK5" s="735"/>
      <c r="AL5" s="736"/>
      <c r="AM5" s="751" t="s">
        <v>62</v>
      </c>
      <c r="AN5" s="735"/>
      <c r="AO5" s="735"/>
      <c r="AP5" s="735"/>
      <c r="AQ5" s="735"/>
      <c r="AR5" s="735"/>
      <c r="AS5" s="752"/>
      <c r="AT5" s="669" t="s">
        <v>52</v>
      </c>
      <c r="AU5" s="734" t="s">
        <v>61</v>
      </c>
      <c r="AV5" s="735"/>
      <c r="AW5" s="736"/>
      <c r="AX5" s="751" t="s">
        <v>62</v>
      </c>
      <c r="AY5" s="735"/>
      <c r="AZ5" s="735"/>
      <c r="BA5" s="735"/>
      <c r="BB5" s="735"/>
      <c r="BC5" s="735"/>
      <c r="BD5" s="752"/>
      <c r="BE5" s="669" t="s">
        <v>52</v>
      </c>
      <c r="BF5" s="734" t="s">
        <v>61</v>
      </c>
      <c r="BG5" s="735"/>
      <c r="BH5" s="736"/>
      <c r="BI5" s="751" t="s">
        <v>62</v>
      </c>
      <c r="BJ5" s="735"/>
      <c r="BK5" s="735"/>
      <c r="BL5" s="735"/>
      <c r="BM5" s="735"/>
      <c r="BN5" s="735"/>
      <c r="BO5" s="752"/>
      <c r="BP5" s="669" t="s">
        <v>52</v>
      </c>
      <c r="BQ5" s="734" t="s">
        <v>61</v>
      </c>
      <c r="BR5" s="735"/>
      <c r="BS5" s="736"/>
      <c r="BT5" s="751" t="s">
        <v>62</v>
      </c>
      <c r="BU5" s="735"/>
      <c r="BV5" s="735"/>
      <c r="BW5" s="735"/>
      <c r="BX5" s="735"/>
      <c r="BY5" s="735"/>
      <c r="BZ5" s="752"/>
      <c r="CA5" s="669" t="s">
        <v>52</v>
      </c>
      <c r="CB5" s="734" t="s">
        <v>61</v>
      </c>
      <c r="CC5" s="735"/>
      <c r="CD5" s="736"/>
      <c r="CE5" s="751" t="s">
        <v>62</v>
      </c>
      <c r="CF5" s="735"/>
      <c r="CG5" s="735"/>
      <c r="CH5" s="735"/>
      <c r="CI5" s="735"/>
      <c r="CJ5" s="735"/>
      <c r="CK5" s="752"/>
      <c r="CL5" s="669" t="s">
        <v>52</v>
      </c>
      <c r="CM5" s="734" t="s">
        <v>61</v>
      </c>
      <c r="CN5" s="735"/>
      <c r="CO5" s="736"/>
      <c r="CP5" s="751" t="s">
        <v>62</v>
      </c>
      <c r="CQ5" s="735"/>
      <c r="CR5" s="735"/>
      <c r="CS5" s="735"/>
      <c r="CT5" s="735"/>
      <c r="CU5" s="735"/>
      <c r="CV5" s="752"/>
      <c r="CW5" s="669" t="s">
        <v>52</v>
      </c>
      <c r="CX5" s="734" t="s">
        <v>61</v>
      </c>
      <c r="CY5" s="735"/>
      <c r="CZ5" s="736"/>
      <c r="DA5" s="751" t="s">
        <v>62</v>
      </c>
      <c r="DB5" s="735"/>
      <c r="DC5" s="735"/>
      <c r="DD5" s="735"/>
      <c r="DE5" s="735"/>
      <c r="DF5" s="735"/>
      <c r="DG5" s="752"/>
      <c r="DH5" s="669" t="s">
        <v>52</v>
      </c>
      <c r="DI5" s="744" t="s">
        <v>61</v>
      </c>
      <c r="DJ5" s="745"/>
      <c r="DK5" s="746"/>
      <c r="DL5" s="747" t="s">
        <v>62</v>
      </c>
      <c r="DM5" s="745"/>
      <c r="DN5" s="745"/>
      <c r="DO5" s="745"/>
      <c r="DP5" s="745"/>
      <c r="DQ5" s="745"/>
      <c r="DR5" s="748"/>
      <c r="DS5" s="756" t="s">
        <v>52</v>
      </c>
      <c r="DT5" s="734" t="s">
        <v>61</v>
      </c>
      <c r="DU5" s="735"/>
      <c r="DV5" s="736"/>
      <c r="DW5" s="751" t="s">
        <v>62</v>
      </c>
      <c r="DX5" s="735"/>
      <c r="DY5" s="735"/>
      <c r="DZ5" s="735"/>
      <c r="EA5" s="735"/>
      <c r="EB5" s="735"/>
      <c r="EC5" s="752"/>
      <c r="ED5" s="669" t="s">
        <v>52</v>
      </c>
      <c r="EE5" s="734" t="s">
        <v>61</v>
      </c>
      <c r="EF5" s="735"/>
      <c r="EG5" s="736"/>
      <c r="EH5" s="751" t="s">
        <v>62</v>
      </c>
      <c r="EI5" s="735"/>
      <c r="EJ5" s="735"/>
      <c r="EK5" s="735"/>
      <c r="EL5" s="735"/>
      <c r="EM5" s="735"/>
      <c r="EN5" s="752"/>
      <c r="EO5" s="669" t="s">
        <v>52</v>
      </c>
      <c r="EP5" s="734" t="s">
        <v>61</v>
      </c>
      <c r="EQ5" s="735"/>
      <c r="ER5" s="736"/>
      <c r="ES5" s="751" t="s">
        <v>62</v>
      </c>
      <c r="ET5" s="735"/>
      <c r="EU5" s="735"/>
      <c r="EV5" s="735"/>
      <c r="EW5" s="735"/>
      <c r="EX5" s="735"/>
      <c r="EY5" s="752"/>
      <c r="EZ5" s="669" t="s">
        <v>52</v>
      </c>
      <c r="FA5" s="734" t="s">
        <v>61</v>
      </c>
      <c r="FB5" s="735"/>
      <c r="FC5" s="736"/>
      <c r="FD5" s="751" t="s">
        <v>62</v>
      </c>
      <c r="FE5" s="735"/>
      <c r="FF5" s="735"/>
      <c r="FG5" s="735"/>
      <c r="FH5" s="735"/>
      <c r="FI5" s="735"/>
      <c r="FJ5" s="752"/>
      <c r="FK5" s="669" t="s">
        <v>52</v>
      </c>
      <c r="FL5" s="734" t="s">
        <v>61</v>
      </c>
      <c r="FM5" s="735"/>
      <c r="FN5" s="736"/>
      <c r="FO5" s="751" t="s">
        <v>62</v>
      </c>
      <c r="FP5" s="735"/>
      <c r="FQ5" s="735"/>
      <c r="FR5" s="735"/>
      <c r="FS5" s="735"/>
      <c r="FT5" s="735"/>
      <c r="FU5" s="752"/>
      <c r="FV5" s="669" t="s">
        <v>52</v>
      </c>
      <c r="FW5" s="734" t="s">
        <v>61</v>
      </c>
      <c r="FX5" s="735"/>
      <c r="FY5" s="736"/>
      <c r="FZ5" s="751" t="s">
        <v>62</v>
      </c>
      <c r="GA5" s="735"/>
      <c r="GB5" s="735"/>
      <c r="GC5" s="735"/>
      <c r="GD5" s="735"/>
      <c r="GE5" s="735"/>
      <c r="GF5" s="752"/>
      <c r="GG5" s="669" t="s">
        <v>52</v>
      </c>
      <c r="GH5" s="734" t="s">
        <v>61</v>
      </c>
      <c r="GI5" s="735"/>
      <c r="GJ5" s="736"/>
      <c r="GK5" s="751" t="s">
        <v>62</v>
      </c>
      <c r="GL5" s="735"/>
      <c r="GM5" s="735"/>
      <c r="GN5" s="735"/>
      <c r="GO5" s="735"/>
      <c r="GP5" s="735"/>
      <c r="GQ5" s="752"/>
      <c r="GR5" s="669" t="s">
        <v>52</v>
      </c>
      <c r="GS5" s="734" t="s">
        <v>61</v>
      </c>
      <c r="GT5" s="735"/>
      <c r="GU5" s="736"/>
      <c r="GV5" s="751" t="s">
        <v>62</v>
      </c>
      <c r="GW5" s="735"/>
      <c r="GX5" s="735"/>
      <c r="GY5" s="735"/>
      <c r="GZ5" s="735"/>
      <c r="HA5" s="735"/>
      <c r="HB5" s="752"/>
      <c r="HC5" s="669" t="s">
        <v>52</v>
      </c>
      <c r="HD5" s="734" t="s">
        <v>61</v>
      </c>
      <c r="HE5" s="735"/>
      <c r="HF5" s="736"/>
      <c r="HG5" s="751" t="s">
        <v>62</v>
      </c>
      <c r="HH5" s="735"/>
      <c r="HI5" s="735"/>
      <c r="HJ5" s="735"/>
      <c r="HK5" s="735"/>
      <c r="HL5" s="735"/>
      <c r="HM5" s="752"/>
      <c r="HN5" s="669" t="s">
        <v>52</v>
      </c>
      <c r="HO5" s="734" t="s">
        <v>61</v>
      </c>
      <c r="HP5" s="735"/>
      <c r="HQ5" s="736"/>
      <c r="HR5" s="751" t="s">
        <v>62</v>
      </c>
      <c r="HS5" s="735"/>
      <c r="HT5" s="735"/>
      <c r="HU5" s="735"/>
      <c r="HV5" s="735"/>
      <c r="HW5" s="735"/>
      <c r="HX5" s="752"/>
      <c r="HY5" s="669" t="s">
        <v>52</v>
      </c>
    </row>
    <row r="6" spans="2:233" ht="30" customHeight="1" thickBot="1" x14ac:dyDescent="0.25">
      <c r="B6" s="755"/>
      <c r="C6" s="371" t="s">
        <v>119</v>
      </c>
      <c r="D6" s="372" t="s">
        <v>44</v>
      </c>
      <c r="E6" s="379" t="s">
        <v>45</v>
      </c>
      <c r="F6" s="380" t="s">
        <v>83</v>
      </c>
      <c r="G6" s="372" t="s">
        <v>47</v>
      </c>
      <c r="H6" s="372" t="s">
        <v>48</v>
      </c>
      <c r="I6" s="372" t="s">
        <v>49</v>
      </c>
      <c r="J6" s="372" t="s">
        <v>50</v>
      </c>
      <c r="K6" s="372" t="s">
        <v>51</v>
      </c>
      <c r="L6" s="381" t="s">
        <v>45</v>
      </c>
      <c r="M6" s="750"/>
      <c r="N6" s="371" t="s">
        <v>119</v>
      </c>
      <c r="O6" s="372" t="s">
        <v>44</v>
      </c>
      <c r="P6" s="379" t="s">
        <v>45</v>
      </c>
      <c r="Q6" s="380" t="s">
        <v>83</v>
      </c>
      <c r="R6" s="372" t="s">
        <v>47</v>
      </c>
      <c r="S6" s="372" t="s">
        <v>48</v>
      </c>
      <c r="T6" s="372" t="s">
        <v>49</v>
      </c>
      <c r="U6" s="372" t="s">
        <v>50</v>
      </c>
      <c r="V6" s="372" t="s">
        <v>51</v>
      </c>
      <c r="W6" s="381" t="s">
        <v>45</v>
      </c>
      <c r="X6" s="750"/>
      <c r="Y6" s="371" t="s">
        <v>119</v>
      </c>
      <c r="Z6" s="372" t="s">
        <v>44</v>
      </c>
      <c r="AA6" s="379" t="s">
        <v>45</v>
      </c>
      <c r="AB6" s="380" t="s">
        <v>83</v>
      </c>
      <c r="AC6" s="372" t="s">
        <v>47</v>
      </c>
      <c r="AD6" s="372" t="s">
        <v>48</v>
      </c>
      <c r="AE6" s="372" t="s">
        <v>49</v>
      </c>
      <c r="AF6" s="372" t="s">
        <v>50</v>
      </c>
      <c r="AG6" s="372" t="s">
        <v>51</v>
      </c>
      <c r="AH6" s="381" t="s">
        <v>45</v>
      </c>
      <c r="AI6" s="750"/>
      <c r="AJ6" s="371" t="s">
        <v>119</v>
      </c>
      <c r="AK6" s="372" t="s">
        <v>44</v>
      </c>
      <c r="AL6" s="379" t="s">
        <v>45</v>
      </c>
      <c r="AM6" s="380" t="s">
        <v>83</v>
      </c>
      <c r="AN6" s="372" t="s">
        <v>47</v>
      </c>
      <c r="AO6" s="372" t="s">
        <v>48</v>
      </c>
      <c r="AP6" s="372" t="s">
        <v>49</v>
      </c>
      <c r="AQ6" s="372" t="s">
        <v>50</v>
      </c>
      <c r="AR6" s="372" t="s">
        <v>51</v>
      </c>
      <c r="AS6" s="381" t="s">
        <v>45</v>
      </c>
      <c r="AT6" s="750"/>
      <c r="AU6" s="371" t="s">
        <v>119</v>
      </c>
      <c r="AV6" s="372" t="s">
        <v>44</v>
      </c>
      <c r="AW6" s="379" t="s">
        <v>45</v>
      </c>
      <c r="AX6" s="380" t="s">
        <v>83</v>
      </c>
      <c r="AY6" s="372" t="s">
        <v>47</v>
      </c>
      <c r="AZ6" s="372" t="s">
        <v>48</v>
      </c>
      <c r="BA6" s="372" t="s">
        <v>49</v>
      </c>
      <c r="BB6" s="372" t="s">
        <v>50</v>
      </c>
      <c r="BC6" s="372" t="s">
        <v>51</v>
      </c>
      <c r="BD6" s="381" t="s">
        <v>45</v>
      </c>
      <c r="BE6" s="750"/>
      <c r="BF6" s="371" t="s">
        <v>119</v>
      </c>
      <c r="BG6" s="372" t="s">
        <v>44</v>
      </c>
      <c r="BH6" s="379" t="s">
        <v>45</v>
      </c>
      <c r="BI6" s="380" t="s">
        <v>83</v>
      </c>
      <c r="BJ6" s="372" t="s">
        <v>47</v>
      </c>
      <c r="BK6" s="372" t="s">
        <v>48</v>
      </c>
      <c r="BL6" s="372" t="s">
        <v>49</v>
      </c>
      <c r="BM6" s="372" t="s">
        <v>50</v>
      </c>
      <c r="BN6" s="372" t="s">
        <v>51</v>
      </c>
      <c r="BO6" s="381" t="s">
        <v>45</v>
      </c>
      <c r="BP6" s="750"/>
      <c r="BQ6" s="371" t="s">
        <v>119</v>
      </c>
      <c r="BR6" s="372" t="s">
        <v>44</v>
      </c>
      <c r="BS6" s="379" t="s">
        <v>45</v>
      </c>
      <c r="BT6" s="380" t="s">
        <v>83</v>
      </c>
      <c r="BU6" s="372" t="s">
        <v>47</v>
      </c>
      <c r="BV6" s="372" t="s">
        <v>48</v>
      </c>
      <c r="BW6" s="372" t="s">
        <v>49</v>
      </c>
      <c r="BX6" s="372" t="s">
        <v>50</v>
      </c>
      <c r="BY6" s="372" t="s">
        <v>51</v>
      </c>
      <c r="BZ6" s="381" t="s">
        <v>45</v>
      </c>
      <c r="CA6" s="750"/>
      <c r="CB6" s="371" t="s">
        <v>119</v>
      </c>
      <c r="CC6" s="372" t="s">
        <v>44</v>
      </c>
      <c r="CD6" s="379" t="s">
        <v>45</v>
      </c>
      <c r="CE6" s="380" t="s">
        <v>83</v>
      </c>
      <c r="CF6" s="372" t="s">
        <v>47</v>
      </c>
      <c r="CG6" s="372" t="s">
        <v>48</v>
      </c>
      <c r="CH6" s="372" t="s">
        <v>49</v>
      </c>
      <c r="CI6" s="372" t="s">
        <v>50</v>
      </c>
      <c r="CJ6" s="372" t="s">
        <v>51</v>
      </c>
      <c r="CK6" s="381" t="s">
        <v>45</v>
      </c>
      <c r="CL6" s="750"/>
      <c r="CM6" s="371" t="s">
        <v>119</v>
      </c>
      <c r="CN6" s="372" t="s">
        <v>44</v>
      </c>
      <c r="CO6" s="379" t="s">
        <v>45</v>
      </c>
      <c r="CP6" s="380" t="s">
        <v>83</v>
      </c>
      <c r="CQ6" s="372" t="s">
        <v>47</v>
      </c>
      <c r="CR6" s="372" t="s">
        <v>48</v>
      </c>
      <c r="CS6" s="372" t="s">
        <v>49</v>
      </c>
      <c r="CT6" s="372" t="s">
        <v>50</v>
      </c>
      <c r="CU6" s="372" t="s">
        <v>51</v>
      </c>
      <c r="CV6" s="381" t="s">
        <v>45</v>
      </c>
      <c r="CW6" s="750"/>
      <c r="CX6" s="371" t="s">
        <v>119</v>
      </c>
      <c r="CY6" s="372" t="s">
        <v>44</v>
      </c>
      <c r="CZ6" s="379" t="s">
        <v>45</v>
      </c>
      <c r="DA6" s="380" t="s">
        <v>83</v>
      </c>
      <c r="DB6" s="372" t="s">
        <v>47</v>
      </c>
      <c r="DC6" s="372" t="s">
        <v>48</v>
      </c>
      <c r="DD6" s="372" t="s">
        <v>49</v>
      </c>
      <c r="DE6" s="372" t="s">
        <v>50</v>
      </c>
      <c r="DF6" s="372" t="s">
        <v>51</v>
      </c>
      <c r="DG6" s="381" t="s">
        <v>45</v>
      </c>
      <c r="DH6" s="750"/>
      <c r="DI6" s="371" t="s">
        <v>119</v>
      </c>
      <c r="DJ6" s="372" t="s">
        <v>44</v>
      </c>
      <c r="DK6" s="379" t="s">
        <v>45</v>
      </c>
      <c r="DL6" s="380" t="s">
        <v>83</v>
      </c>
      <c r="DM6" s="372" t="s">
        <v>47</v>
      </c>
      <c r="DN6" s="372" t="s">
        <v>48</v>
      </c>
      <c r="DO6" s="372" t="s">
        <v>49</v>
      </c>
      <c r="DP6" s="372" t="s">
        <v>50</v>
      </c>
      <c r="DQ6" s="372" t="s">
        <v>51</v>
      </c>
      <c r="DR6" s="381" t="s">
        <v>45</v>
      </c>
      <c r="DS6" s="757"/>
      <c r="DT6" s="371" t="s">
        <v>119</v>
      </c>
      <c r="DU6" s="372" t="s">
        <v>44</v>
      </c>
      <c r="DV6" s="379" t="s">
        <v>45</v>
      </c>
      <c r="DW6" s="380" t="s">
        <v>83</v>
      </c>
      <c r="DX6" s="372" t="s">
        <v>47</v>
      </c>
      <c r="DY6" s="372" t="s">
        <v>48</v>
      </c>
      <c r="DZ6" s="372" t="s">
        <v>49</v>
      </c>
      <c r="EA6" s="372" t="s">
        <v>50</v>
      </c>
      <c r="EB6" s="372" t="s">
        <v>51</v>
      </c>
      <c r="EC6" s="381" t="s">
        <v>45</v>
      </c>
      <c r="ED6" s="750"/>
      <c r="EE6" s="371" t="s">
        <v>119</v>
      </c>
      <c r="EF6" s="372" t="s">
        <v>44</v>
      </c>
      <c r="EG6" s="379" t="s">
        <v>45</v>
      </c>
      <c r="EH6" s="380" t="s">
        <v>83</v>
      </c>
      <c r="EI6" s="372" t="s">
        <v>47</v>
      </c>
      <c r="EJ6" s="372" t="s">
        <v>48</v>
      </c>
      <c r="EK6" s="372" t="s">
        <v>49</v>
      </c>
      <c r="EL6" s="372" t="s">
        <v>50</v>
      </c>
      <c r="EM6" s="372" t="s">
        <v>51</v>
      </c>
      <c r="EN6" s="381" t="s">
        <v>45</v>
      </c>
      <c r="EO6" s="750"/>
      <c r="EP6" s="371" t="s">
        <v>119</v>
      </c>
      <c r="EQ6" s="372" t="s">
        <v>44</v>
      </c>
      <c r="ER6" s="379" t="s">
        <v>45</v>
      </c>
      <c r="ES6" s="380" t="s">
        <v>83</v>
      </c>
      <c r="ET6" s="372" t="s">
        <v>47</v>
      </c>
      <c r="EU6" s="372" t="s">
        <v>48</v>
      </c>
      <c r="EV6" s="372" t="s">
        <v>49</v>
      </c>
      <c r="EW6" s="372" t="s">
        <v>50</v>
      </c>
      <c r="EX6" s="372" t="s">
        <v>51</v>
      </c>
      <c r="EY6" s="381" t="s">
        <v>45</v>
      </c>
      <c r="EZ6" s="750"/>
      <c r="FA6" s="371" t="s">
        <v>119</v>
      </c>
      <c r="FB6" s="372" t="s">
        <v>44</v>
      </c>
      <c r="FC6" s="379" t="s">
        <v>45</v>
      </c>
      <c r="FD6" s="380" t="s">
        <v>83</v>
      </c>
      <c r="FE6" s="372" t="s">
        <v>47</v>
      </c>
      <c r="FF6" s="372" t="s">
        <v>48</v>
      </c>
      <c r="FG6" s="372" t="s">
        <v>49</v>
      </c>
      <c r="FH6" s="372" t="s">
        <v>50</v>
      </c>
      <c r="FI6" s="372" t="s">
        <v>51</v>
      </c>
      <c r="FJ6" s="381" t="s">
        <v>45</v>
      </c>
      <c r="FK6" s="750"/>
      <c r="FL6" s="371" t="s">
        <v>119</v>
      </c>
      <c r="FM6" s="372" t="s">
        <v>44</v>
      </c>
      <c r="FN6" s="379" t="s">
        <v>45</v>
      </c>
      <c r="FO6" s="380" t="s">
        <v>83</v>
      </c>
      <c r="FP6" s="372" t="s">
        <v>47</v>
      </c>
      <c r="FQ6" s="372" t="s">
        <v>48</v>
      </c>
      <c r="FR6" s="372" t="s">
        <v>49</v>
      </c>
      <c r="FS6" s="372" t="s">
        <v>50</v>
      </c>
      <c r="FT6" s="372" t="s">
        <v>51</v>
      </c>
      <c r="FU6" s="381" t="s">
        <v>45</v>
      </c>
      <c r="FV6" s="750"/>
      <c r="FW6" s="371" t="s">
        <v>119</v>
      </c>
      <c r="FX6" s="372" t="s">
        <v>44</v>
      </c>
      <c r="FY6" s="379" t="s">
        <v>45</v>
      </c>
      <c r="FZ6" s="380" t="s">
        <v>83</v>
      </c>
      <c r="GA6" s="372" t="s">
        <v>47</v>
      </c>
      <c r="GB6" s="372" t="s">
        <v>48</v>
      </c>
      <c r="GC6" s="372" t="s">
        <v>49</v>
      </c>
      <c r="GD6" s="372" t="s">
        <v>50</v>
      </c>
      <c r="GE6" s="372" t="s">
        <v>51</v>
      </c>
      <c r="GF6" s="381" t="s">
        <v>45</v>
      </c>
      <c r="GG6" s="750"/>
      <c r="GH6" s="371" t="s">
        <v>119</v>
      </c>
      <c r="GI6" s="372" t="s">
        <v>44</v>
      </c>
      <c r="GJ6" s="379" t="s">
        <v>45</v>
      </c>
      <c r="GK6" s="380" t="s">
        <v>83</v>
      </c>
      <c r="GL6" s="372" t="s">
        <v>47</v>
      </c>
      <c r="GM6" s="372" t="s">
        <v>48</v>
      </c>
      <c r="GN6" s="372" t="s">
        <v>49</v>
      </c>
      <c r="GO6" s="372" t="s">
        <v>50</v>
      </c>
      <c r="GP6" s="372" t="s">
        <v>51</v>
      </c>
      <c r="GQ6" s="381" t="s">
        <v>45</v>
      </c>
      <c r="GR6" s="750"/>
      <c r="GS6" s="371" t="s">
        <v>119</v>
      </c>
      <c r="GT6" s="372" t="s">
        <v>44</v>
      </c>
      <c r="GU6" s="379" t="s">
        <v>45</v>
      </c>
      <c r="GV6" s="380" t="s">
        <v>83</v>
      </c>
      <c r="GW6" s="372" t="s">
        <v>47</v>
      </c>
      <c r="GX6" s="372" t="s">
        <v>48</v>
      </c>
      <c r="GY6" s="372" t="s">
        <v>49</v>
      </c>
      <c r="GZ6" s="372" t="s">
        <v>50</v>
      </c>
      <c r="HA6" s="372" t="s">
        <v>51</v>
      </c>
      <c r="HB6" s="381" t="s">
        <v>45</v>
      </c>
      <c r="HC6" s="750"/>
      <c r="HD6" s="371" t="s">
        <v>119</v>
      </c>
      <c r="HE6" s="372" t="s">
        <v>44</v>
      </c>
      <c r="HF6" s="379" t="s">
        <v>45</v>
      </c>
      <c r="HG6" s="380" t="s">
        <v>83</v>
      </c>
      <c r="HH6" s="372" t="s">
        <v>47</v>
      </c>
      <c r="HI6" s="372" t="s">
        <v>48</v>
      </c>
      <c r="HJ6" s="372" t="s">
        <v>49</v>
      </c>
      <c r="HK6" s="372" t="s">
        <v>50</v>
      </c>
      <c r="HL6" s="372" t="s">
        <v>51</v>
      </c>
      <c r="HM6" s="381" t="s">
        <v>45</v>
      </c>
      <c r="HN6" s="750"/>
      <c r="HO6" s="371" t="s">
        <v>119</v>
      </c>
      <c r="HP6" s="372" t="s">
        <v>44</v>
      </c>
      <c r="HQ6" s="379" t="s">
        <v>45</v>
      </c>
      <c r="HR6" s="380" t="s">
        <v>83</v>
      </c>
      <c r="HS6" s="372" t="s">
        <v>47</v>
      </c>
      <c r="HT6" s="372" t="s">
        <v>48</v>
      </c>
      <c r="HU6" s="372" t="s">
        <v>49</v>
      </c>
      <c r="HV6" s="372" t="s">
        <v>50</v>
      </c>
      <c r="HW6" s="372" t="s">
        <v>51</v>
      </c>
      <c r="HX6" s="381" t="s">
        <v>45</v>
      </c>
      <c r="HY6" s="750"/>
    </row>
    <row r="7" spans="2:233" s="490" customFormat="1" ht="21" customHeight="1" x14ac:dyDescent="0.2">
      <c r="B7" s="481" t="s">
        <v>4</v>
      </c>
      <c r="C7" s="482">
        <v>22215</v>
      </c>
      <c r="D7" s="483">
        <v>122679</v>
      </c>
      <c r="E7" s="484">
        <v>144894</v>
      </c>
      <c r="F7" s="485">
        <v>0</v>
      </c>
      <c r="G7" s="483">
        <v>17266328</v>
      </c>
      <c r="H7" s="483">
        <v>38893177</v>
      </c>
      <c r="I7" s="483">
        <v>121147707</v>
      </c>
      <c r="J7" s="483">
        <v>157160586</v>
      </c>
      <c r="K7" s="483">
        <v>102122675</v>
      </c>
      <c r="L7" s="486">
        <v>436590473</v>
      </c>
      <c r="M7" s="487">
        <v>436735367</v>
      </c>
      <c r="N7" s="482">
        <v>0</v>
      </c>
      <c r="O7" s="483">
        <v>0</v>
      </c>
      <c r="P7" s="484">
        <v>0</v>
      </c>
      <c r="Q7" s="488"/>
      <c r="R7" s="483">
        <v>4327882</v>
      </c>
      <c r="S7" s="483">
        <v>13100218</v>
      </c>
      <c r="T7" s="483">
        <v>82848745</v>
      </c>
      <c r="U7" s="483">
        <v>114745992</v>
      </c>
      <c r="V7" s="483">
        <v>77884937</v>
      </c>
      <c r="W7" s="486">
        <v>292907774</v>
      </c>
      <c r="X7" s="487">
        <v>292907774</v>
      </c>
      <c r="Y7" s="482">
        <v>0</v>
      </c>
      <c r="Z7" s="483">
        <v>0</v>
      </c>
      <c r="AA7" s="484">
        <v>0</v>
      </c>
      <c r="AB7" s="488"/>
      <c r="AC7" s="483">
        <v>10978203</v>
      </c>
      <c r="AD7" s="483">
        <v>21516235</v>
      </c>
      <c r="AE7" s="483">
        <v>27631167</v>
      </c>
      <c r="AF7" s="483">
        <v>30766962</v>
      </c>
      <c r="AG7" s="483">
        <v>14926047</v>
      </c>
      <c r="AH7" s="486">
        <v>105818614</v>
      </c>
      <c r="AI7" s="487">
        <v>105818614</v>
      </c>
      <c r="AJ7" s="482">
        <v>0</v>
      </c>
      <c r="AK7" s="483">
        <v>0</v>
      </c>
      <c r="AL7" s="484">
        <v>0</v>
      </c>
      <c r="AM7" s="488"/>
      <c r="AN7" s="483">
        <v>0</v>
      </c>
      <c r="AO7" s="483">
        <v>935</v>
      </c>
      <c r="AP7" s="483">
        <v>27790</v>
      </c>
      <c r="AQ7" s="483">
        <v>812485</v>
      </c>
      <c r="AR7" s="483">
        <v>1006680</v>
      </c>
      <c r="AS7" s="486">
        <v>1847890</v>
      </c>
      <c r="AT7" s="487">
        <v>1847890</v>
      </c>
      <c r="AU7" s="482">
        <v>0</v>
      </c>
      <c r="AV7" s="483">
        <v>0</v>
      </c>
      <c r="AW7" s="484">
        <v>0</v>
      </c>
      <c r="AX7" s="488"/>
      <c r="AY7" s="483">
        <v>158255</v>
      </c>
      <c r="AZ7" s="483">
        <v>201810</v>
      </c>
      <c r="BA7" s="483">
        <v>400455</v>
      </c>
      <c r="BB7" s="483">
        <v>1924215</v>
      </c>
      <c r="BC7" s="483">
        <v>2813997</v>
      </c>
      <c r="BD7" s="486">
        <v>5498732</v>
      </c>
      <c r="BE7" s="487">
        <v>5498732</v>
      </c>
      <c r="BF7" s="482">
        <v>0</v>
      </c>
      <c r="BG7" s="483">
        <v>0</v>
      </c>
      <c r="BH7" s="484">
        <v>0</v>
      </c>
      <c r="BI7" s="488"/>
      <c r="BJ7" s="483">
        <v>115560</v>
      </c>
      <c r="BK7" s="483">
        <v>287915</v>
      </c>
      <c r="BL7" s="483">
        <v>1563235</v>
      </c>
      <c r="BM7" s="483">
        <v>1918910</v>
      </c>
      <c r="BN7" s="483">
        <v>1328616</v>
      </c>
      <c r="BO7" s="486">
        <v>5214236</v>
      </c>
      <c r="BP7" s="487">
        <v>5214236</v>
      </c>
      <c r="BQ7" s="482">
        <v>22215</v>
      </c>
      <c r="BR7" s="483">
        <v>121243</v>
      </c>
      <c r="BS7" s="484">
        <v>143458</v>
      </c>
      <c r="BT7" s="485">
        <v>0</v>
      </c>
      <c r="BU7" s="483">
        <v>1595818</v>
      </c>
      <c r="BV7" s="483">
        <v>3529862</v>
      </c>
      <c r="BW7" s="483">
        <v>8376792</v>
      </c>
      <c r="BX7" s="483">
        <v>6679725</v>
      </c>
      <c r="BY7" s="483">
        <v>3948863</v>
      </c>
      <c r="BZ7" s="486">
        <v>24131060</v>
      </c>
      <c r="CA7" s="487">
        <v>24274518</v>
      </c>
      <c r="CB7" s="482">
        <v>0</v>
      </c>
      <c r="CC7" s="483">
        <v>1436</v>
      </c>
      <c r="CD7" s="484">
        <v>1436</v>
      </c>
      <c r="CE7" s="485">
        <v>0</v>
      </c>
      <c r="CF7" s="483">
        <v>90610</v>
      </c>
      <c r="CG7" s="483">
        <v>256202</v>
      </c>
      <c r="CH7" s="483">
        <v>298678</v>
      </c>
      <c r="CI7" s="483">
        <v>312297</v>
      </c>
      <c r="CJ7" s="483">
        <v>213535</v>
      </c>
      <c r="CK7" s="486">
        <v>1171322</v>
      </c>
      <c r="CL7" s="487">
        <v>1172758</v>
      </c>
      <c r="CM7" s="482">
        <v>0</v>
      </c>
      <c r="CN7" s="483">
        <v>0</v>
      </c>
      <c r="CO7" s="484">
        <v>0</v>
      </c>
      <c r="CP7" s="485">
        <v>0</v>
      </c>
      <c r="CQ7" s="483">
        <v>0</v>
      </c>
      <c r="CR7" s="483">
        <v>0</v>
      </c>
      <c r="CS7" s="483">
        <v>0</v>
      </c>
      <c r="CT7" s="483">
        <v>0</v>
      </c>
      <c r="CU7" s="483">
        <v>0</v>
      </c>
      <c r="CV7" s="486">
        <v>0</v>
      </c>
      <c r="CW7" s="487">
        <v>0</v>
      </c>
      <c r="CX7" s="482">
        <v>0</v>
      </c>
      <c r="CY7" s="483">
        <v>0</v>
      </c>
      <c r="CZ7" s="484">
        <v>0</v>
      </c>
      <c r="DA7" s="488"/>
      <c r="DB7" s="483">
        <v>0</v>
      </c>
      <c r="DC7" s="483">
        <v>0</v>
      </c>
      <c r="DD7" s="483">
        <v>845</v>
      </c>
      <c r="DE7" s="483">
        <v>0</v>
      </c>
      <c r="DF7" s="483">
        <v>0</v>
      </c>
      <c r="DG7" s="486">
        <v>845</v>
      </c>
      <c r="DH7" s="487">
        <v>845</v>
      </c>
      <c r="DI7" s="482">
        <v>44699</v>
      </c>
      <c r="DJ7" s="483">
        <v>157615</v>
      </c>
      <c r="DK7" s="484">
        <v>202314</v>
      </c>
      <c r="DL7" s="485">
        <v>0</v>
      </c>
      <c r="DM7" s="483">
        <v>11448665</v>
      </c>
      <c r="DN7" s="483">
        <v>31273870</v>
      </c>
      <c r="DO7" s="483">
        <v>130140174</v>
      </c>
      <c r="DP7" s="483">
        <v>165536095</v>
      </c>
      <c r="DQ7" s="483">
        <v>107034329</v>
      </c>
      <c r="DR7" s="486">
        <v>445433133</v>
      </c>
      <c r="DS7" s="489">
        <v>445635447</v>
      </c>
      <c r="DT7" s="482">
        <v>0</v>
      </c>
      <c r="DU7" s="483">
        <v>0</v>
      </c>
      <c r="DV7" s="484">
        <v>0</v>
      </c>
      <c r="DW7" s="488"/>
      <c r="DX7" s="483">
        <v>5800900</v>
      </c>
      <c r="DY7" s="483">
        <v>18929966</v>
      </c>
      <c r="DZ7" s="483">
        <v>107970809</v>
      </c>
      <c r="EA7" s="483">
        <v>145298084</v>
      </c>
      <c r="EB7" s="483">
        <v>94577092</v>
      </c>
      <c r="EC7" s="486">
        <v>372576851</v>
      </c>
      <c r="ED7" s="487">
        <v>372576851</v>
      </c>
      <c r="EE7" s="482">
        <v>0</v>
      </c>
      <c r="EF7" s="483">
        <v>0</v>
      </c>
      <c r="EG7" s="484">
        <v>0</v>
      </c>
      <c r="EH7" s="488"/>
      <c r="EI7" s="483">
        <v>2767050</v>
      </c>
      <c r="EJ7" s="483">
        <v>5817959</v>
      </c>
      <c r="EK7" s="483">
        <v>6454198</v>
      </c>
      <c r="EL7" s="483">
        <v>6519206</v>
      </c>
      <c r="EM7" s="483">
        <v>3716392</v>
      </c>
      <c r="EN7" s="486">
        <v>25274805</v>
      </c>
      <c r="EO7" s="487">
        <v>25274805</v>
      </c>
      <c r="EP7" s="482">
        <v>0</v>
      </c>
      <c r="EQ7" s="483">
        <v>0</v>
      </c>
      <c r="ER7" s="484">
        <v>0</v>
      </c>
      <c r="ES7" s="488"/>
      <c r="ET7" s="483">
        <v>0</v>
      </c>
      <c r="EU7" s="483">
        <v>77</v>
      </c>
      <c r="EV7" s="483">
        <v>23591</v>
      </c>
      <c r="EW7" s="483">
        <v>135060</v>
      </c>
      <c r="EX7" s="483">
        <v>188948</v>
      </c>
      <c r="EY7" s="486">
        <v>347676</v>
      </c>
      <c r="EZ7" s="487">
        <v>347676</v>
      </c>
      <c r="FA7" s="482">
        <v>0</v>
      </c>
      <c r="FB7" s="483">
        <v>0</v>
      </c>
      <c r="FC7" s="484">
        <v>0</v>
      </c>
      <c r="FD7" s="488"/>
      <c r="FE7" s="483">
        <v>24564</v>
      </c>
      <c r="FF7" s="483">
        <v>48050</v>
      </c>
      <c r="FG7" s="483">
        <v>62723</v>
      </c>
      <c r="FH7" s="483">
        <v>290340</v>
      </c>
      <c r="FI7" s="483">
        <v>415955</v>
      </c>
      <c r="FJ7" s="486">
        <v>841632</v>
      </c>
      <c r="FK7" s="487">
        <v>841632</v>
      </c>
      <c r="FL7" s="482">
        <v>0</v>
      </c>
      <c r="FM7" s="483">
        <v>0</v>
      </c>
      <c r="FN7" s="484">
        <v>0</v>
      </c>
      <c r="FO7" s="488"/>
      <c r="FP7" s="483">
        <v>183378</v>
      </c>
      <c r="FQ7" s="483">
        <v>396156</v>
      </c>
      <c r="FR7" s="483">
        <v>2637207</v>
      </c>
      <c r="FS7" s="483">
        <v>3444750</v>
      </c>
      <c r="FT7" s="483">
        <v>2175773</v>
      </c>
      <c r="FU7" s="486">
        <v>8837264</v>
      </c>
      <c r="FV7" s="487">
        <v>8837264</v>
      </c>
      <c r="FW7" s="482">
        <v>44699</v>
      </c>
      <c r="FX7" s="483">
        <v>157601</v>
      </c>
      <c r="FY7" s="484">
        <v>202300</v>
      </c>
      <c r="FZ7" s="485">
        <v>0</v>
      </c>
      <c r="GA7" s="483">
        <v>2606381</v>
      </c>
      <c r="GB7" s="483">
        <v>5937941</v>
      </c>
      <c r="GC7" s="483">
        <v>12783126</v>
      </c>
      <c r="GD7" s="483">
        <v>9666512</v>
      </c>
      <c r="GE7" s="483">
        <v>5830496</v>
      </c>
      <c r="GF7" s="486">
        <v>36824456</v>
      </c>
      <c r="GG7" s="487">
        <v>37026756</v>
      </c>
      <c r="GH7" s="482">
        <v>0</v>
      </c>
      <c r="GI7" s="483">
        <v>14</v>
      </c>
      <c r="GJ7" s="484">
        <v>14</v>
      </c>
      <c r="GK7" s="485">
        <v>0</v>
      </c>
      <c r="GL7" s="483">
        <v>66392</v>
      </c>
      <c r="GM7" s="483">
        <v>143721</v>
      </c>
      <c r="GN7" s="483">
        <v>208478</v>
      </c>
      <c r="GO7" s="483">
        <v>182143</v>
      </c>
      <c r="GP7" s="483">
        <v>129673</v>
      </c>
      <c r="GQ7" s="486">
        <v>730407</v>
      </c>
      <c r="GR7" s="487">
        <v>730421</v>
      </c>
      <c r="GS7" s="482">
        <v>0</v>
      </c>
      <c r="GT7" s="483">
        <v>0</v>
      </c>
      <c r="GU7" s="484">
        <v>0</v>
      </c>
      <c r="GV7" s="485">
        <v>0</v>
      </c>
      <c r="GW7" s="483">
        <v>0</v>
      </c>
      <c r="GX7" s="483">
        <v>0</v>
      </c>
      <c r="GY7" s="483">
        <v>0</v>
      </c>
      <c r="GZ7" s="483">
        <v>0</v>
      </c>
      <c r="HA7" s="483">
        <v>0</v>
      </c>
      <c r="HB7" s="486">
        <v>0</v>
      </c>
      <c r="HC7" s="487">
        <v>0</v>
      </c>
      <c r="HD7" s="482">
        <v>0</v>
      </c>
      <c r="HE7" s="483">
        <v>0</v>
      </c>
      <c r="HF7" s="484">
        <v>0</v>
      </c>
      <c r="HG7" s="488"/>
      <c r="HH7" s="483">
        <v>0</v>
      </c>
      <c r="HI7" s="483">
        <v>0</v>
      </c>
      <c r="HJ7" s="483">
        <v>42</v>
      </c>
      <c r="HK7" s="483">
        <v>0</v>
      </c>
      <c r="HL7" s="483">
        <v>0</v>
      </c>
      <c r="HM7" s="486">
        <v>42</v>
      </c>
      <c r="HN7" s="487">
        <v>42</v>
      </c>
      <c r="HO7" s="482">
        <v>66914</v>
      </c>
      <c r="HP7" s="483">
        <v>280294</v>
      </c>
      <c r="HQ7" s="484">
        <v>347208</v>
      </c>
      <c r="HR7" s="485">
        <v>0</v>
      </c>
      <c r="HS7" s="483">
        <v>28714993</v>
      </c>
      <c r="HT7" s="483">
        <v>70167047</v>
      </c>
      <c r="HU7" s="483">
        <v>251287881</v>
      </c>
      <c r="HV7" s="483">
        <v>322696681</v>
      </c>
      <c r="HW7" s="483">
        <v>209157004</v>
      </c>
      <c r="HX7" s="486">
        <v>882023606</v>
      </c>
      <c r="HY7" s="487">
        <v>882370814</v>
      </c>
    </row>
    <row r="8" spans="2:233" s="490" customFormat="1" ht="21" customHeight="1" x14ac:dyDescent="0.2">
      <c r="B8" s="491" t="s">
        <v>5</v>
      </c>
      <c r="C8" s="492">
        <v>3795</v>
      </c>
      <c r="D8" s="493">
        <v>36777</v>
      </c>
      <c r="E8" s="494">
        <v>40572</v>
      </c>
      <c r="F8" s="495">
        <v>0</v>
      </c>
      <c r="G8" s="493">
        <v>7344338</v>
      </c>
      <c r="H8" s="493">
        <v>19849220</v>
      </c>
      <c r="I8" s="493">
        <v>51252794</v>
      </c>
      <c r="J8" s="493">
        <v>65888802</v>
      </c>
      <c r="K8" s="493">
        <v>43145610</v>
      </c>
      <c r="L8" s="496">
        <v>187480764</v>
      </c>
      <c r="M8" s="497">
        <v>187521336</v>
      </c>
      <c r="N8" s="492">
        <v>0</v>
      </c>
      <c r="O8" s="493">
        <v>0</v>
      </c>
      <c r="P8" s="494">
        <v>0</v>
      </c>
      <c r="Q8" s="498"/>
      <c r="R8" s="493">
        <v>2444802</v>
      </c>
      <c r="S8" s="493">
        <v>8391831</v>
      </c>
      <c r="T8" s="493">
        <v>35102754</v>
      </c>
      <c r="U8" s="493">
        <v>49158879</v>
      </c>
      <c r="V8" s="493">
        <v>33213232</v>
      </c>
      <c r="W8" s="496">
        <v>128311498</v>
      </c>
      <c r="X8" s="497">
        <v>128311498</v>
      </c>
      <c r="Y8" s="492">
        <v>0</v>
      </c>
      <c r="Z8" s="493">
        <v>0</v>
      </c>
      <c r="AA8" s="494">
        <v>0</v>
      </c>
      <c r="AB8" s="498"/>
      <c r="AC8" s="493">
        <v>4267096</v>
      </c>
      <c r="AD8" s="493">
        <v>9731044</v>
      </c>
      <c r="AE8" s="493">
        <v>12157657</v>
      </c>
      <c r="AF8" s="493">
        <v>13223619</v>
      </c>
      <c r="AG8" s="493">
        <v>6984207</v>
      </c>
      <c r="AH8" s="496">
        <v>46363623</v>
      </c>
      <c r="AI8" s="497">
        <v>46363623</v>
      </c>
      <c r="AJ8" s="492">
        <v>0</v>
      </c>
      <c r="AK8" s="493">
        <v>0</v>
      </c>
      <c r="AL8" s="494">
        <v>0</v>
      </c>
      <c r="AM8" s="498"/>
      <c r="AN8" s="493">
        <v>0</v>
      </c>
      <c r="AO8" s="493">
        <v>0</v>
      </c>
      <c r="AP8" s="493">
        <v>0</v>
      </c>
      <c r="AQ8" s="493">
        <v>154005</v>
      </c>
      <c r="AR8" s="493">
        <v>291435</v>
      </c>
      <c r="AS8" s="496">
        <v>445440</v>
      </c>
      <c r="AT8" s="497">
        <v>445440</v>
      </c>
      <c r="AU8" s="492">
        <v>0</v>
      </c>
      <c r="AV8" s="493">
        <v>0</v>
      </c>
      <c r="AW8" s="494">
        <v>0</v>
      </c>
      <c r="AX8" s="498"/>
      <c r="AY8" s="493">
        <v>0</v>
      </c>
      <c r="AZ8" s="493">
        <v>95635</v>
      </c>
      <c r="BA8" s="493">
        <v>65440</v>
      </c>
      <c r="BB8" s="493">
        <v>366995</v>
      </c>
      <c r="BC8" s="493">
        <v>585680</v>
      </c>
      <c r="BD8" s="496">
        <v>1113750</v>
      </c>
      <c r="BE8" s="497">
        <v>1113750</v>
      </c>
      <c r="BF8" s="492">
        <v>0</v>
      </c>
      <c r="BG8" s="493">
        <v>0</v>
      </c>
      <c r="BH8" s="494">
        <v>0</v>
      </c>
      <c r="BI8" s="498"/>
      <c r="BJ8" s="493">
        <v>100750</v>
      </c>
      <c r="BK8" s="493">
        <v>109275</v>
      </c>
      <c r="BL8" s="493">
        <v>254810</v>
      </c>
      <c r="BM8" s="493">
        <v>201190</v>
      </c>
      <c r="BN8" s="493">
        <v>127510</v>
      </c>
      <c r="BO8" s="496">
        <v>793535</v>
      </c>
      <c r="BP8" s="497">
        <v>793535</v>
      </c>
      <c r="BQ8" s="492">
        <v>3795</v>
      </c>
      <c r="BR8" s="493">
        <v>36777</v>
      </c>
      <c r="BS8" s="494">
        <v>40572</v>
      </c>
      <c r="BT8" s="495">
        <v>0</v>
      </c>
      <c r="BU8" s="493">
        <v>477198</v>
      </c>
      <c r="BV8" s="493">
        <v>1360199</v>
      </c>
      <c r="BW8" s="493">
        <v>3526377</v>
      </c>
      <c r="BX8" s="493">
        <v>2606986</v>
      </c>
      <c r="BY8" s="493">
        <v>1811315</v>
      </c>
      <c r="BZ8" s="496">
        <v>9782075</v>
      </c>
      <c r="CA8" s="497">
        <v>9822647</v>
      </c>
      <c r="CB8" s="492">
        <v>0</v>
      </c>
      <c r="CC8" s="493">
        <v>0</v>
      </c>
      <c r="CD8" s="494">
        <v>0</v>
      </c>
      <c r="CE8" s="495">
        <v>0</v>
      </c>
      <c r="CF8" s="493">
        <v>54492</v>
      </c>
      <c r="CG8" s="493">
        <v>161236</v>
      </c>
      <c r="CH8" s="493">
        <v>145756</v>
      </c>
      <c r="CI8" s="493">
        <v>177128</v>
      </c>
      <c r="CJ8" s="493">
        <v>132231</v>
      </c>
      <c r="CK8" s="496">
        <v>670843</v>
      </c>
      <c r="CL8" s="497">
        <v>670843</v>
      </c>
      <c r="CM8" s="492">
        <v>0</v>
      </c>
      <c r="CN8" s="493">
        <v>0</v>
      </c>
      <c r="CO8" s="494">
        <v>0</v>
      </c>
      <c r="CP8" s="495">
        <v>0</v>
      </c>
      <c r="CQ8" s="493">
        <v>0</v>
      </c>
      <c r="CR8" s="493">
        <v>0</v>
      </c>
      <c r="CS8" s="493">
        <v>0</v>
      </c>
      <c r="CT8" s="493">
        <v>0</v>
      </c>
      <c r="CU8" s="493">
        <v>0</v>
      </c>
      <c r="CV8" s="496">
        <v>0</v>
      </c>
      <c r="CW8" s="497">
        <v>0</v>
      </c>
      <c r="CX8" s="492">
        <v>0</v>
      </c>
      <c r="CY8" s="493">
        <v>0</v>
      </c>
      <c r="CZ8" s="494">
        <v>0</v>
      </c>
      <c r="DA8" s="498"/>
      <c r="DB8" s="493">
        <v>0</v>
      </c>
      <c r="DC8" s="493">
        <v>0</v>
      </c>
      <c r="DD8" s="493">
        <v>0</v>
      </c>
      <c r="DE8" s="493">
        <v>0</v>
      </c>
      <c r="DF8" s="493">
        <v>0</v>
      </c>
      <c r="DG8" s="496">
        <v>0</v>
      </c>
      <c r="DH8" s="497">
        <v>0</v>
      </c>
      <c r="DI8" s="492">
        <v>9714</v>
      </c>
      <c r="DJ8" s="493">
        <v>64918</v>
      </c>
      <c r="DK8" s="494">
        <v>74632</v>
      </c>
      <c r="DL8" s="495">
        <v>0</v>
      </c>
      <c r="DM8" s="493">
        <v>6198668</v>
      </c>
      <c r="DN8" s="493">
        <v>18391790</v>
      </c>
      <c r="DO8" s="493">
        <v>56455317</v>
      </c>
      <c r="DP8" s="493">
        <v>71364956</v>
      </c>
      <c r="DQ8" s="493">
        <v>47342258</v>
      </c>
      <c r="DR8" s="496">
        <v>199752989</v>
      </c>
      <c r="DS8" s="499">
        <v>199827621</v>
      </c>
      <c r="DT8" s="492">
        <v>0</v>
      </c>
      <c r="DU8" s="493">
        <v>0</v>
      </c>
      <c r="DV8" s="494">
        <v>0</v>
      </c>
      <c r="DW8" s="498"/>
      <c r="DX8" s="493">
        <v>3567354</v>
      </c>
      <c r="DY8" s="493">
        <v>12119260</v>
      </c>
      <c r="DZ8" s="493">
        <v>47048111</v>
      </c>
      <c r="EA8" s="493">
        <v>63242585</v>
      </c>
      <c r="EB8" s="493">
        <v>41667487</v>
      </c>
      <c r="EC8" s="496">
        <v>167644797</v>
      </c>
      <c r="ED8" s="497">
        <v>167644797</v>
      </c>
      <c r="EE8" s="492">
        <v>0</v>
      </c>
      <c r="EF8" s="493">
        <v>0</v>
      </c>
      <c r="EG8" s="494">
        <v>0</v>
      </c>
      <c r="EH8" s="498"/>
      <c r="EI8" s="493">
        <v>1622043</v>
      </c>
      <c r="EJ8" s="493">
        <v>3558817</v>
      </c>
      <c r="EK8" s="493">
        <v>3687224</v>
      </c>
      <c r="EL8" s="493">
        <v>3695856</v>
      </c>
      <c r="EM8" s="493">
        <v>2538710</v>
      </c>
      <c r="EN8" s="496">
        <v>15102650</v>
      </c>
      <c r="EO8" s="497">
        <v>15102650</v>
      </c>
      <c r="EP8" s="492">
        <v>0</v>
      </c>
      <c r="EQ8" s="493">
        <v>0</v>
      </c>
      <c r="ER8" s="494">
        <v>0</v>
      </c>
      <c r="ES8" s="498"/>
      <c r="ET8" s="493">
        <v>0</v>
      </c>
      <c r="EU8" s="493">
        <v>0</v>
      </c>
      <c r="EV8" s="493">
        <v>11470</v>
      </c>
      <c r="EW8" s="493">
        <v>25971</v>
      </c>
      <c r="EX8" s="493">
        <v>33264</v>
      </c>
      <c r="EY8" s="496">
        <v>70705</v>
      </c>
      <c r="EZ8" s="497">
        <v>70705</v>
      </c>
      <c r="FA8" s="492">
        <v>0</v>
      </c>
      <c r="FB8" s="493">
        <v>0</v>
      </c>
      <c r="FC8" s="494">
        <v>0</v>
      </c>
      <c r="FD8" s="498"/>
      <c r="FE8" s="493">
        <v>105</v>
      </c>
      <c r="FF8" s="493">
        <v>23591</v>
      </c>
      <c r="FG8" s="493">
        <v>12240</v>
      </c>
      <c r="FH8" s="493">
        <v>54350</v>
      </c>
      <c r="FI8" s="493">
        <v>145213</v>
      </c>
      <c r="FJ8" s="496">
        <v>235499</v>
      </c>
      <c r="FK8" s="497">
        <v>235499</v>
      </c>
      <c r="FL8" s="492">
        <v>0</v>
      </c>
      <c r="FM8" s="493">
        <v>0</v>
      </c>
      <c r="FN8" s="494">
        <v>0</v>
      </c>
      <c r="FO8" s="498"/>
      <c r="FP8" s="493">
        <v>131874</v>
      </c>
      <c r="FQ8" s="493">
        <v>123070</v>
      </c>
      <c r="FR8" s="493">
        <v>398950</v>
      </c>
      <c r="FS8" s="493">
        <v>362824</v>
      </c>
      <c r="FT8" s="493">
        <v>237354</v>
      </c>
      <c r="FU8" s="496">
        <v>1254072</v>
      </c>
      <c r="FV8" s="497">
        <v>1254072</v>
      </c>
      <c r="FW8" s="492">
        <v>9714</v>
      </c>
      <c r="FX8" s="493">
        <v>64918</v>
      </c>
      <c r="FY8" s="494">
        <v>74632</v>
      </c>
      <c r="FZ8" s="495">
        <v>0</v>
      </c>
      <c r="GA8" s="493">
        <v>829259</v>
      </c>
      <c r="GB8" s="493">
        <v>2473388</v>
      </c>
      <c r="GC8" s="493">
        <v>5193034</v>
      </c>
      <c r="GD8" s="493">
        <v>3902276</v>
      </c>
      <c r="GE8" s="493">
        <v>2622630</v>
      </c>
      <c r="GF8" s="496">
        <v>15020587</v>
      </c>
      <c r="GG8" s="497">
        <v>15095219</v>
      </c>
      <c r="GH8" s="492">
        <v>0</v>
      </c>
      <c r="GI8" s="493">
        <v>0</v>
      </c>
      <c r="GJ8" s="494">
        <v>0</v>
      </c>
      <c r="GK8" s="495">
        <v>0</v>
      </c>
      <c r="GL8" s="493">
        <v>48033</v>
      </c>
      <c r="GM8" s="493">
        <v>93664</v>
      </c>
      <c r="GN8" s="493">
        <v>104288</v>
      </c>
      <c r="GO8" s="493">
        <v>81094</v>
      </c>
      <c r="GP8" s="493">
        <v>97600</v>
      </c>
      <c r="GQ8" s="496">
        <v>424679</v>
      </c>
      <c r="GR8" s="497">
        <v>424679</v>
      </c>
      <c r="GS8" s="492">
        <v>0</v>
      </c>
      <c r="GT8" s="493">
        <v>0</v>
      </c>
      <c r="GU8" s="494">
        <v>0</v>
      </c>
      <c r="GV8" s="495">
        <v>0</v>
      </c>
      <c r="GW8" s="493">
        <v>0</v>
      </c>
      <c r="GX8" s="493">
        <v>0</v>
      </c>
      <c r="GY8" s="493">
        <v>0</v>
      </c>
      <c r="GZ8" s="493">
        <v>0</v>
      </c>
      <c r="HA8" s="493">
        <v>0</v>
      </c>
      <c r="HB8" s="496">
        <v>0</v>
      </c>
      <c r="HC8" s="497">
        <v>0</v>
      </c>
      <c r="HD8" s="492">
        <v>0</v>
      </c>
      <c r="HE8" s="493">
        <v>0</v>
      </c>
      <c r="HF8" s="494">
        <v>0</v>
      </c>
      <c r="HG8" s="498"/>
      <c r="HH8" s="493">
        <v>0</v>
      </c>
      <c r="HI8" s="493">
        <v>0</v>
      </c>
      <c r="HJ8" s="493">
        <v>0</v>
      </c>
      <c r="HK8" s="493">
        <v>0</v>
      </c>
      <c r="HL8" s="493">
        <v>0</v>
      </c>
      <c r="HM8" s="496">
        <v>0</v>
      </c>
      <c r="HN8" s="497">
        <v>0</v>
      </c>
      <c r="HO8" s="492">
        <v>13509</v>
      </c>
      <c r="HP8" s="493">
        <v>101695</v>
      </c>
      <c r="HQ8" s="494">
        <v>115204</v>
      </c>
      <c r="HR8" s="495">
        <v>0</v>
      </c>
      <c r="HS8" s="493">
        <v>13543006</v>
      </c>
      <c r="HT8" s="493">
        <v>38241010</v>
      </c>
      <c r="HU8" s="493">
        <v>107708111</v>
      </c>
      <c r="HV8" s="493">
        <v>137253758</v>
      </c>
      <c r="HW8" s="493">
        <v>90487868</v>
      </c>
      <c r="HX8" s="496">
        <v>387233753</v>
      </c>
      <c r="HY8" s="497">
        <v>387348957</v>
      </c>
    </row>
    <row r="9" spans="2:233" ht="21" customHeight="1" x14ac:dyDescent="0.2">
      <c r="B9" s="292" t="s">
        <v>6</v>
      </c>
      <c r="C9" s="294">
        <v>0</v>
      </c>
      <c r="D9" s="295">
        <v>9280</v>
      </c>
      <c r="E9" s="296">
        <v>9280</v>
      </c>
      <c r="F9" s="297">
        <v>0</v>
      </c>
      <c r="G9" s="295">
        <v>2458765</v>
      </c>
      <c r="H9" s="295">
        <v>3992147</v>
      </c>
      <c r="I9" s="295">
        <v>16341218</v>
      </c>
      <c r="J9" s="295">
        <v>22339957</v>
      </c>
      <c r="K9" s="295">
        <v>14307944</v>
      </c>
      <c r="L9" s="298">
        <v>59440031</v>
      </c>
      <c r="M9" s="299">
        <v>59449311</v>
      </c>
      <c r="N9" s="294">
        <v>0</v>
      </c>
      <c r="O9" s="295">
        <v>0</v>
      </c>
      <c r="P9" s="296">
        <v>0</v>
      </c>
      <c r="Q9" s="300"/>
      <c r="R9" s="295">
        <v>1076130</v>
      </c>
      <c r="S9" s="295">
        <v>1478965</v>
      </c>
      <c r="T9" s="295">
        <v>11982080</v>
      </c>
      <c r="U9" s="295">
        <v>15518472</v>
      </c>
      <c r="V9" s="295">
        <v>10723980</v>
      </c>
      <c r="W9" s="298">
        <v>40779627</v>
      </c>
      <c r="X9" s="299">
        <v>40779627</v>
      </c>
      <c r="Y9" s="294">
        <v>0</v>
      </c>
      <c r="Z9" s="295">
        <v>0</v>
      </c>
      <c r="AA9" s="296">
        <v>0</v>
      </c>
      <c r="AB9" s="300"/>
      <c r="AC9" s="295">
        <v>1132000</v>
      </c>
      <c r="AD9" s="295">
        <v>1978820</v>
      </c>
      <c r="AE9" s="295">
        <v>3042490</v>
      </c>
      <c r="AF9" s="295">
        <v>4548524</v>
      </c>
      <c r="AG9" s="295">
        <v>2013315</v>
      </c>
      <c r="AH9" s="298">
        <v>12715149</v>
      </c>
      <c r="AI9" s="299">
        <v>12715149</v>
      </c>
      <c r="AJ9" s="294">
        <v>0</v>
      </c>
      <c r="AK9" s="295">
        <v>0</v>
      </c>
      <c r="AL9" s="296">
        <v>0</v>
      </c>
      <c r="AM9" s="300"/>
      <c r="AN9" s="295">
        <v>0</v>
      </c>
      <c r="AO9" s="295">
        <v>935</v>
      </c>
      <c r="AP9" s="295">
        <v>25155</v>
      </c>
      <c r="AQ9" s="295">
        <v>391995</v>
      </c>
      <c r="AR9" s="295">
        <v>479925</v>
      </c>
      <c r="AS9" s="298">
        <v>898010</v>
      </c>
      <c r="AT9" s="299">
        <v>898010</v>
      </c>
      <c r="AU9" s="294">
        <v>0</v>
      </c>
      <c r="AV9" s="295">
        <v>0</v>
      </c>
      <c r="AW9" s="296">
        <v>0</v>
      </c>
      <c r="AX9" s="300"/>
      <c r="AY9" s="295">
        <v>0</v>
      </c>
      <c r="AZ9" s="295">
        <v>0</v>
      </c>
      <c r="BA9" s="295">
        <v>7905</v>
      </c>
      <c r="BB9" s="295">
        <v>311840</v>
      </c>
      <c r="BC9" s="295">
        <v>352797</v>
      </c>
      <c r="BD9" s="298">
        <v>672542</v>
      </c>
      <c r="BE9" s="299">
        <v>672542</v>
      </c>
      <c r="BF9" s="294">
        <v>0</v>
      </c>
      <c r="BG9" s="295">
        <v>0</v>
      </c>
      <c r="BH9" s="296">
        <v>0</v>
      </c>
      <c r="BI9" s="300"/>
      <c r="BJ9" s="295">
        <v>14810</v>
      </c>
      <c r="BK9" s="295">
        <v>100905</v>
      </c>
      <c r="BL9" s="295">
        <v>344750</v>
      </c>
      <c r="BM9" s="295">
        <v>472095</v>
      </c>
      <c r="BN9" s="295">
        <v>285746</v>
      </c>
      <c r="BO9" s="298">
        <v>1218306</v>
      </c>
      <c r="BP9" s="299">
        <v>1218306</v>
      </c>
      <c r="BQ9" s="294">
        <v>0</v>
      </c>
      <c r="BR9" s="295">
        <v>9280</v>
      </c>
      <c r="BS9" s="296">
        <v>9280</v>
      </c>
      <c r="BT9" s="297">
        <v>0</v>
      </c>
      <c r="BU9" s="295">
        <v>229320</v>
      </c>
      <c r="BV9" s="295">
        <v>400847</v>
      </c>
      <c r="BW9" s="295">
        <v>896743</v>
      </c>
      <c r="BX9" s="295">
        <v>1030375</v>
      </c>
      <c r="BY9" s="295">
        <v>435601</v>
      </c>
      <c r="BZ9" s="298">
        <v>2992886</v>
      </c>
      <c r="CA9" s="299">
        <v>3002166</v>
      </c>
      <c r="CB9" s="294">
        <v>0</v>
      </c>
      <c r="CC9" s="295">
        <v>0</v>
      </c>
      <c r="CD9" s="296">
        <v>0</v>
      </c>
      <c r="CE9" s="297">
        <v>0</v>
      </c>
      <c r="CF9" s="295">
        <v>6505</v>
      </c>
      <c r="CG9" s="295">
        <v>31675</v>
      </c>
      <c r="CH9" s="295">
        <v>42095</v>
      </c>
      <c r="CI9" s="295">
        <v>66656</v>
      </c>
      <c r="CJ9" s="295">
        <v>16580</v>
      </c>
      <c r="CK9" s="298">
        <v>163511</v>
      </c>
      <c r="CL9" s="299">
        <v>163511</v>
      </c>
      <c r="CM9" s="294">
        <v>0</v>
      </c>
      <c r="CN9" s="295">
        <v>0</v>
      </c>
      <c r="CO9" s="296">
        <v>0</v>
      </c>
      <c r="CP9" s="297">
        <v>0</v>
      </c>
      <c r="CQ9" s="295">
        <v>0</v>
      </c>
      <c r="CR9" s="295">
        <v>0</v>
      </c>
      <c r="CS9" s="295">
        <v>0</v>
      </c>
      <c r="CT9" s="295">
        <v>0</v>
      </c>
      <c r="CU9" s="295">
        <v>0</v>
      </c>
      <c r="CV9" s="298">
        <v>0</v>
      </c>
      <c r="CW9" s="299">
        <v>0</v>
      </c>
      <c r="CX9" s="294">
        <v>0</v>
      </c>
      <c r="CY9" s="295">
        <v>0</v>
      </c>
      <c r="CZ9" s="296">
        <v>0</v>
      </c>
      <c r="DA9" s="300"/>
      <c r="DB9" s="295">
        <v>0</v>
      </c>
      <c r="DC9" s="295">
        <v>0</v>
      </c>
      <c r="DD9" s="295">
        <v>0</v>
      </c>
      <c r="DE9" s="295">
        <v>0</v>
      </c>
      <c r="DF9" s="295">
        <v>0</v>
      </c>
      <c r="DG9" s="298">
        <v>0</v>
      </c>
      <c r="DH9" s="299">
        <v>0</v>
      </c>
      <c r="DI9" s="294">
        <v>0</v>
      </c>
      <c r="DJ9" s="295">
        <v>20307</v>
      </c>
      <c r="DK9" s="296">
        <v>20307</v>
      </c>
      <c r="DL9" s="297">
        <v>0</v>
      </c>
      <c r="DM9" s="295">
        <v>1481175</v>
      </c>
      <c r="DN9" s="295">
        <v>3004341</v>
      </c>
      <c r="DO9" s="295">
        <v>15282501</v>
      </c>
      <c r="DP9" s="295">
        <v>20016304</v>
      </c>
      <c r="DQ9" s="295">
        <v>12685254</v>
      </c>
      <c r="DR9" s="298">
        <v>52469575</v>
      </c>
      <c r="DS9" s="301">
        <v>52489882</v>
      </c>
      <c r="DT9" s="294">
        <v>0</v>
      </c>
      <c r="DU9" s="295">
        <v>0</v>
      </c>
      <c r="DV9" s="296">
        <v>0</v>
      </c>
      <c r="DW9" s="300"/>
      <c r="DX9" s="295">
        <v>910819</v>
      </c>
      <c r="DY9" s="295">
        <v>1841882</v>
      </c>
      <c r="DZ9" s="295">
        <v>12725725</v>
      </c>
      <c r="EA9" s="295">
        <v>16496086</v>
      </c>
      <c r="EB9" s="295">
        <v>11088859</v>
      </c>
      <c r="EC9" s="298">
        <v>43063371</v>
      </c>
      <c r="ED9" s="299">
        <v>43063371</v>
      </c>
      <c r="EE9" s="294">
        <v>0</v>
      </c>
      <c r="EF9" s="295">
        <v>0</v>
      </c>
      <c r="EG9" s="296">
        <v>0</v>
      </c>
      <c r="EH9" s="300"/>
      <c r="EI9" s="295">
        <v>198247</v>
      </c>
      <c r="EJ9" s="295">
        <v>463545</v>
      </c>
      <c r="EK9" s="295">
        <v>709167</v>
      </c>
      <c r="EL9" s="295">
        <v>952362</v>
      </c>
      <c r="EM9" s="295">
        <v>335289</v>
      </c>
      <c r="EN9" s="298">
        <v>2658610</v>
      </c>
      <c r="EO9" s="299">
        <v>2658610</v>
      </c>
      <c r="EP9" s="294">
        <v>0</v>
      </c>
      <c r="EQ9" s="295">
        <v>0</v>
      </c>
      <c r="ER9" s="296">
        <v>0</v>
      </c>
      <c r="ES9" s="300"/>
      <c r="ET9" s="295">
        <v>0</v>
      </c>
      <c r="EU9" s="295">
        <v>77</v>
      </c>
      <c r="EV9" s="295">
        <v>11904</v>
      </c>
      <c r="EW9" s="295">
        <v>73594</v>
      </c>
      <c r="EX9" s="295">
        <v>119916</v>
      </c>
      <c r="EY9" s="298">
        <v>205491</v>
      </c>
      <c r="EZ9" s="299">
        <v>205491</v>
      </c>
      <c r="FA9" s="294">
        <v>0</v>
      </c>
      <c r="FB9" s="295">
        <v>0</v>
      </c>
      <c r="FC9" s="296">
        <v>0</v>
      </c>
      <c r="FD9" s="300"/>
      <c r="FE9" s="295">
        <v>0</v>
      </c>
      <c r="FF9" s="295">
        <v>0</v>
      </c>
      <c r="FG9" s="295">
        <v>434</v>
      </c>
      <c r="FH9" s="295">
        <v>60794</v>
      </c>
      <c r="FI9" s="295">
        <v>38120</v>
      </c>
      <c r="FJ9" s="298">
        <v>99348</v>
      </c>
      <c r="FK9" s="299">
        <v>99348</v>
      </c>
      <c r="FL9" s="294">
        <v>0</v>
      </c>
      <c r="FM9" s="295">
        <v>0</v>
      </c>
      <c r="FN9" s="296">
        <v>0</v>
      </c>
      <c r="FO9" s="300"/>
      <c r="FP9" s="295">
        <v>51504</v>
      </c>
      <c r="FQ9" s="295">
        <v>100037</v>
      </c>
      <c r="FR9" s="295">
        <v>543441</v>
      </c>
      <c r="FS9" s="295">
        <v>1022570</v>
      </c>
      <c r="FT9" s="295">
        <v>474787</v>
      </c>
      <c r="FU9" s="298">
        <v>2192339</v>
      </c>
      <c r="FV9" s="299">
        <v>2192339</v>
      </c>
      <c r="FW9" s="294">
        <v>0</v>
      </c>
      <c r="FX9" s="295">
        <v>20307</v>
      </c>
      <c r="FY9" s="296">
        <v>20307</v>
      </c>
      <c r="FZ9" s="297">
        <v>0</v>
      </c>
      <c r="GA9" s="295">
        <v>308300</v>
      </c>
      <c r="GB9" s="295">
        <v>579864</v>
      </c>
      <c r="GC9" s="295">
        <v>1225179</v>
      </c>
      <c r="GD9" s="295">
        <v>1341760</v>
      </c>
      <c r="GE9" s="295">
        <v>621226</v>
      </c>
      <c r="GF9" s="298">
        <v>4076329</v>
      </c>
      <c r="GG9" s="299">
        <v>4096636</v>
      </c>
      <c r="GH9" s="294">
        <v>0</v>
      </c>
      <c r="GI9" s="295">
        <v>0</v>
      </c>
      <c r="GJ9" s="296">
        <v>0</v>
      </c>
      <c r="GK9" s="297">
        <v>0</v>
      </c>
      <c r="GL9" s="295">
        <v>12305</v>
      </c>
      <c r="GM9" s="295">
        <v>18936</v>
      </c>
      <c r="GN9" s="295">
        <v>66651</v>
      </c>
      <c r="GO9" s="295">
        <v>69138</v>
      </c>
      <c r="GP9" s="295">
        <v>7057</v>
      </c>
      <c r="GQ9" s="298">
        <v>174087</v>
      </c>
      <c r="GR9" s="299">
        <v>174087</v>
      </c>
      <c r="GS9" s="294">
        <v>0</v>
      </c>
      <c r="GT9" s="295">
        <v>0</v>
      </c>
      <c r="GU9" s="296">
        <v>0</v>
      </c>
      <c r="GV9" s="297">
        <v>0</v>
      </c>
      <c r="GW9" s="295">
        <v>0</v>
      </c>
      <c r="GX9" s="295">
        <v>0</v>
      </c>
      <c r="GY9" s="295">
        <v>0</v>
      </c>
      <c r="GZ9" s="295">
        <v>0</v>
      </c>
      <c r="HA9" s="295">
        <v>0</v>
      </c>
      <c r="HB9" s="298">
        <v>0</v>
      </c>
      <c r="HC9" s="299">
        <v>0</v>
      </c>
      <c r="HD9" s="294">
        <v>0</v>
      </c>
      <c r="HE9" s="295">
        <v>0</v>
      </c>
      <c r="HF9" s="296">
        <v>0</v>
      </c>
      <c r="HG9" s="300"/>
      <c r="HH9" s="295">
        <v>0</v>
      </c>
      <c r="HI9" s="295">
        <v>0</v>
      </c>
      <c r="HJ9" s="295">
        <v>0</v>
      </c>
      <c r="HK9" s="295">
        <v>0</v>
      </c>
      <c r="HL9" s="295">
        <v>0</v>
      </c>
      <c r="HM9" s="298">
        <v>0</v>
      </c>
      <c r="HN9" s="299">
        <v>0</v>
      </c>
      <c r="HO9" s="294">
        <v>0</v>
      </c>
      <c r="HP9" s="295">
        <v>29587</v>
      </c>
      <c r="HQ9" s="296">
        <v>29587</v>
      </c>
      <c r="HR9" s="297">
        <v>0</v>
      </c>
      <c r="HS9" s="295">
        <v>3939940</v>
      </c>
      <c r="HT9" s="295">
        <v>6996488</v>
      </c>
      <c r="HU9" s="295">
        <v>31623719</v>
      </c>
      <c r="HV9" s="295">
        <v>42356261</v>
      </c>
      <c r="HW9" s="295">
        <v>26993198</v>
      </c>
      <c r="HX9" s="298">
        <v>111909606</v>
      </c>
      <c r="HY9" s="299">
        <v>111939193</v>
      </c>
    </row>
    <row r="10" spans="2:233" ht="21" customHeight="1" x14ac:dyDescent="0.2">
      <c r="B10" s="292" t="s">
        <v>14</v>
      </c>
      <c r="C10" s="294">
        <v>3380</v>
      </c>
      <c r="D10" s="295">
        <v>2115</v>
      </c>
      <c r="E10" s="296">
        <v>5495</v>
      </c>
      <c r="F10" s="297">
        <v>0</v>
      </c>
      <c r="G10" s="295">
        <v>800549</v>
      </c>
      <c r="H10" s="295">
        <v>2184070</v>
      </c>
      <c r="I10" s="295">
        <v>8899185</v>
      </c>
      <c r="J10" s="295">
        <v>13410133</v>
      </c>
      <c r="K10" s="295">
        <v>7958642</v>
      </c>
      <c r="L10" s="298">
        <v>33252579</v>
      </c>
      <c r="M10" s="299">
        <v>33258074</v>
      </c>
      <c r="N10" s="294">
        <v>0</v>
      </c>
      <c r="O10" s="295">
        <v>0</v>
      </c>
      <c r="P10" s="296">
        <v>0</v>
      </c>
      <c r="Q10" s="300"/>
      <c r="R10" s="295">
        <v>89900</v>
      </c>
      <c r="S10" s="295">
        <v>396136</v>
      </c>
      <c r="T10" s="295">
        <v>6341280</v>
      </c>
      <c r="U10" s="295">
        <v>9695314</v>
      </c>
      <c r="V10" s="295">
        <v>5967893</v>
      </c>
      <c r="W10" s="298">
        <v>22490523</v>
      </c>
      <c r="X10" s="299">
        <v>22490523</v>
      </c>
      <c r="Y10" s="294">
        <v>0</v>
      </c>
      <c r="Z10" s="295">
        <v>0</v>
      </c>
      <c r="AA10" s="296">
        <v>0</v>
      </c>
      <c r="AB10" s="300"/>
      <c r="AC10" s="295">
        <v>610715</v>
      </c>
      <c r="AD10" s="295">
        <v>1472792</v>
      </c>
      <c r="AE10" s="295">
        <v>1764695</v>
      </c>
      <c r="AF10" s="295">
        <v>2136380</v>
      </c>
      <c r="AG10" s="295">
        <v>933242</v>
      </c>
      <c r="AH10" s="298">
        <v>6917824</v>
      </c>
      <c r="AI10" s="299">
        <v>6917824</v>
      </c>
      <c r="AJ10" s="294">
        <v>0</v>
      </c>
      <c r="AK10" s="295">
        <v>0</v>
      </c>
      <c r="AL10" s="296">
        <v>0</v>
      </c>
      <c r="AM10" s="300"/>
      <c r="AN10" s="295">
        <v>0</v>
      </c>
      <c r="AO10" s="295">
        <v>0</v>
      </c>
      <c r="AP10" s="295">
        <v>0</v>
      </c>
      <c r="AQ10" s="295">
        <v>195805</v>
      </c>
      <c r="AR10" s="295">
        <v>141515</v>
      </c>
      <c r="AS10" s="298">
        <v>337320</v>
      </c>
      <c r="AT10" s="299">
        <v>337320</v>
      </c>
      <c r="AU10" s="294">
        <v>0</v>
      </c>
      <c r="AV10" s="295">
        <v>0</v>
      </c>
      <c r="AW10" s="296">
        <v>0</v>
      </c>
      <c r="AX10" s="300"/>
      <c r="AY10" s="295">
        <v>0</v>
      </c>
      <c r="AZ10" s="295">
        <v>0</v>
      </c>
      <c r="BA10" s="295">
        <v>59475</v>
      </c>
      <c r="BB10" s="295">
        <v>511435</v>
      </c>
      <c r="BC10" s="295">
        <v>492385</v>
      </c>
      <c r="BD10" s="298">
        <v>1063295</v>
      </c>
      <c r="BE10" s="299">
        <v>1063295</v>
      </c>
      <c r="BF10" s="294">
        <v>0</v>
      </c>
      <c r="BG10" s="295">
        <v>0</v>
      </c>
      <c r="BH10" s="296">
        <v>0</v>
      </c>
      <c r="BI10" s="300"/>
      <c r="BJ10" s="295">
        <v>0</v>
      </c>
      <c r="BK10" s="295">
        <v>24645</v>
      </c>
      <c r="BL10" s="295">
        <v>15810</v>
      </c>
      <c r="BM10" s="295">
        <v>160425</v>
      </c>
      <c r="BN10" s="295">
        <v>95325</v>
      </c>
      <c r="BO10" s="298">
        <v>296205</v>
      </c>
      <c r="BP10" s="299">
        <v>296205</v>
      </c>
      <c r="BQ10" s="294">
        <v>3380</v>
      </c>
      <c r="BR10" s="295">
        <v>2115</v>
      </c>
      <c r="BS10" s="296">
        <v>5495</v>
      </c>
      <c r="BT10" s="297">
        <v>0</v>
      </c>
      <c r="BU10" s="295">
        <v>99934</v>
      </c>
      <c r="BV10" s="295">
        <v>273327</v>
      </c>
      <c r="BW10" s="295">
        <v>717925</v>
      </c>
      <c r="BX10" s="295">
        <v>710774</v>
      </c>
      <c r="BY10" s="295">
        <v>327112</v>
      </c>
      <c r="BZ10" s="298">
        <v>2129072</v>
      </c>
      <c r="CA10" s="299">
        <v>2134567</v>
      </c>
      <c r="CB10" s="294">
        <v>0</v>
      </c>
      <c r="CC10" s="295">
        <v>0</v>
      </c>
      <c r="CD10" s="296">
        <v>0</v>
      </c>
      <c r="CE10" s="297">
        <v>0</v>
      </c>
      <c r="CF10" s="295">
        <v>0</v>
      </c>
      <c r="CG10" s="295">
        <v>17170</v>
      </c>
      <c r="CH10" s="295">
        <v>0</v>
      </c>
      <c r="CI10" s="295">
        <v>0</v>
      </c>
      <c r="CJ10" s="295">
        <v>1170</v>
      </c>
      <c r="CK10" s="298">
        <v>18340</v>
      </c>
      <c r="CL10" s="299">
        <v>18340</v>
      </c>
      <c r="CM10" s="294">
        <v>0</v>
      </c>
      <c r="CN10" s="295">
        <v>0</v>
      </c>
      <c r="CO10" s="296">
        <v>0</v>
      </c>
      <c r="CP10" s="297">
        <v>0</v>
      </c>
      <c r="CQ10" s="295">
        <v>0</v>
      </c>
      <c r="CR10" s="295">
        <v>0</v>
      </c>
      <c r="CS10" s="295">
        <v>0</v>
      </c>
      <c r="CT10" s="295">
        <v>0</v>
      </c>
      <c r="CU10" s="295">
        <v>0</v>
      </c>
      <c r="CV10" s="298">
        <v>0</v>
      </c>
      <c r="CW10" s="299">
        <v>0</v>
      </c>
      <c r="CX10" s="294">
        <v>0</v>
      </c>
      <c r="CY10" s="295">
        <v>0</v>
      </c>
      <c r="CZ10" s="296">
        <v>0</v>
      </c>
      <c r="DA10" s="300"/>
      <c r="DB10" s="295">
        <v>0</v>
      </c>
      <c r="DC10" s="295">
        <v>0</v>
      </c>
      <c r="DD10" s="295">
        <v>0</v>
      </c>
      <c r="DE10" s="295">
        <v>0</v>
      </c>
      <c r="DF10" s="295">
        <v>0</v>
      </c>
      <c r="DG10" s="298">
        <v>0</v>
      </c>
      <c r="DH10" s="299">
        <v>0</v>
      </c>
      <c r="DI10" s="294">
        <v>3004</v>
      </c>
      <c r="DJ10" s="295">
        <v>-5977</v>
      </c>
      <c r="DK10" s="296">
        <v>-2973</v>
      </c>
      <c r="DL10" s="297">
        <v>0</v>
      </c>
      <c r="DM10" s="295">
        <v>343831</v>
      </c>
      <c r="DN10" s="295">
        <v>1405808</v>
      </c>
      <c r="DO10" s="295">
        <v>10504746</v>
      </c>
      <c r="DP10" s="295">
        <v>14349984</v>
      </c>
      <c r="DQ10" s="295">
        <v>8212103</v>
      </c>
      <c r="DR10" s="298">
        <v>34816472</v>
      </c>
      <c r="DS10" s="301">
        <v>34813499</v>
      </c>
      <c r="DT10" s="294">
        <v>0</v>
      </c>
      <c r="DU10" s="295">
        <v>0</v>
      </c>
      <c r="DV10" s="296">
        <v>0</v>
      </c>
      <c r="DW10" s="300"/>
      <c r="DX10" s="295">
        <v>138105</v>
      </c>
      <c r="DY10" s="295">
        <v>651936</v>
      </c>
      <c r="DZ10" s="295">
        <v>8987323</v>
      </c>
      <c r="EA10" s="295">
        <v>12790633</v>
      </c>
      <c r="EB10" s="295">
        <v>7340488</v>
      </c>
      <c r="EC10" s="298">
        <v>29908485</v>
      </c>
      <c r="ED10" s="299">
        <v>29908485</v>
      </c>
      <c r="EE10" s="294">
        <v>0</v>
      </c>
      <c r="EF10" s="295">
        <v>0</v>
      </c>
      <c r="EG10" s="296">
        <v>0</v>
      </c>
      <c r="EH10" s="300"/>
      <c r="EI10" s="295">
        <v>47046</v>
      </c>
      <c r="EJ10" s="295">
        <v>279564</v>
      </c>
      <c r="EK10" s="295">
        <v>245477</v>
      </c>
      <c r="EL10" s="295">
        <v>321489</v>
      </c>
      <c r="EM10" s="295">
        <v>81383</v>
      </c>
      <c r="EN10" s="298">
        <v>974959</v>
      </c>
      <c r="EO10" s="299">
        <v>974959</v>
      </c>
      <c r="EP10" s="294">
        <v>0</v>
      </c>
      <c r="EQ10" s="295">
        <v>0</v>
      </c>
      <c r="ER10" s="296">
        <v>0</v>
      </c>
      <c r="ES10" s="300"/>
      <c r="ET10" s="295">
        <v>0</v>
      </c>
      <c r="EU10" s="295">
        <v>0</v>
      </c>
      <c r="EV10" s="295">
        <v>0</v>
      </c>
      <c r="EW10" s="295">
        <v>34844</v>
      </c>
      <c r="EX10" s="295">
        <v>23374</v>
      </c>
      <c r="EY10" s="298">
        <v>58218</v>
      </c>
      <c r="EZ10" s="299">
        <v>58218</v>
      </c>
      <c r="FA10" s="294">
        <v>0</v>
      </c>
      <c r="FB10" s="295">
        <v>0</v>
      </c>
      <c r="FC10" s="296">
        <v>0</v>
      </c>
      <c r="FD10" s="300"/>
      <c r="FE10" s="295">
        <v>0</v>
      </c>
      <c r="FF10" s="295">
        <v>0</v>
      </c>
      <c r="FG10" s="295">
        <v>651</v>
      </c>
      <c r="FH10" s="295">
        <v>75330</v>
      </c>
      <c r="FI10" s="295">
        <v>79407</v>
      </c>
      <c r="FJ10" s="298">
        <v>155388</v>
      </c>
      <c r="FK10" s="299">
        <v>155388</v>
      </c>
      <c r="FL10" s="294">
        <v>0</v>
      </c>
      <c r="FM10" s="295">
        <v>0</v>
      </c>
      <c r="FN10" s="296">
        <v>0</v>
      </c>
      <c r="FO10" s="300"/>
      <c r="FP10" s="295">
        <v>0</v>
      </c>
      <c r="FQ10" s="295">
        <v>21576</v>
      </c>
      <c r="FR10" s="295">
        <v>122915</v>
      </c>
      <c r="FS10" s="295">
        <v>276055</v>
      </c>
      <c r="FT10" s="295">
        <v>138260</v>
      </c>
      <c r="FU10" s="298">
        <v>558806</v>
      </c>
      <c r="FV10" s="299">
        <v>558806</v>
      </c>
      <c r="FW10" s="294">
        <v>3004</v>
      </c>
      <c r="FX10" s="295">
        <v>-5977</v>
      </c>
      <c r="FY10" s="296">
        <v>-2973</v>
      </c>
      <c r="FZ10" s="297">
        <v>0</v>
      </c>
      <c r="GA10" s="295">
        <v>158680</v>
      </c>
      <c r="GB10" s="295">
        <v>452550</v>
      </c>
      <c r="GC10" s="295">
        <v>1148380</v>
      </c>
      <c r="GD10" s="295">
        <v>851633</v>
      </c>
      <c r="GE10" s="295">
        <v>545969</v>
      </c>
      <c r="GF10" s="298">
        <v>3157212</v>
      </c>
      <c r="GG10" s="299">
        <v>3154239</v>
      </c>
      <c r="GH10" s="294">
        <v>0</v>
      </c>
      <c r="GI10" s="295">
        <v>0</v>
      </c>
      <c r="GJ10" s="296">
        <v>0</v>
      </c>
      <c r="GK10" s="297">
        <v>0</v>
      </c>
      <c r="GL10" s="295">
        <v>0</v>
      </c>
      <c r="GM10" s="295">
        <v>182</v>
      </c>
      <c r="GN10" s="295">
        <v>0</v>
      </c>
      <c r="GO10" s="295">
        <v>0</v>
      </c>
      <c r="GP10" s="295">
        <v>3222</v>
      </c>
      <c r="GQ10" s="298">
        <v>3404</v>
      </c>
      <c r="GR10" s="299">
        <v>3404</v>
      </c>
      <c r="GS10" s="294">
        <v>0</v>
      </c>
      <c r="GT10" s="295">
        <v>0</v>
      </c>
      <c r="GU10" s="296">
        <v>0</v>
      </c>
      <c r="GV10" s="297">
        <v>0</v>
      </c>
      <c r="GW10" s="295">
        <v>0</v>
      </c>
      <c r="GX10" s="295">
        <v>0</v>
      </c>
      <c r="GY10" s="295">
        <v>0</v>
      </c>
      <c r="GZ10" s="295">
        <v>0</v>
      </c>
      <c r="HA10" s="295">
        <v>0</v>
      </c>
      <c r="HB10" s="298">
        <v>0</v>
      </c>
      <c r="HC10" s="299">
        <v>0</v>
      </c>
      <c r="HD10" s="294">
        <v>0</v>
      </c>
      <c r="HE10" s="295">
        <v>0</v>
      </c>
      <c r="HF10" s="296">
        <v>0</v>
      </c>
      <c r="HG10" s="300"/>
      <c r="HH10" s="295">
        <v>0</v>
      </c>
      <c r="HI10" s="295">
        <v>0</v>
      </c>
      <c r="HJ10" s="295">
        <v>0</v>
      </c>
      <c r="HK10" s="295">
        <v>0</v>
      </c>
      <c r="HL10" s="295">
        <v>0</v>
      </c>
      <c r="HM10" s="298">
        <v>0</v>
      </c>
      <c r="HN10" s="299">
        <v>0</v>
      </c>
      <c r="HO10" s="294">
        <v>6384</v>
      </c>
      <c r="HP10" s="295">
        <v>-3862</v>
      </c>
      <c r="HQ10" s="296">
        <v>2522</v>
      </c>
      <c r="HR10" s="297">
        <v>0</v>
      </c>
      <c r="HS10" s="295">
        <v>1144380</v>
      </c>
      <c r="HT10" s="295">
        <v>3589878</v>
      </c>
      <c r="HU10" s="295">
        <v>19403931</v>
      </c>
      <c r="HV10" s="295">
        <v>27760117</v>
      </c>
      <c r="HW10" s="295">
        <v>16170745</v>
      </c>
      <c r="HX10" s="298">
        <v>68069051</v>
      </c>
      <c r="HY10" s="299">
        <v>68071573</v>
      </c>
    </row>
    <row r="11" spans="2:233" ht="21" customHeight="1" x14ac:dyDescent="0.2">
      <c r="B11" s="292" t="s">
        <v>7</v>
      </c>
      <c r="C11" s="294">
        <v>435</v>
      </c>
      <c r="D11" s="295">
        <v>0</v>
      </c>
      <c r="E11" s="296">
        <v>435</v>
      </c>
      <c r="F11" s="297">
        <v>0</v>
      </c>
      <c r="G11" s="295">
        <v>1496943</v>
      </c>
      <c r="H11" s="295">
        <v>2123992</v>
      </c>
      <c r="I11" s="295">
        <v>6452576</v>
      </c>
      <c r="J11" s="295">
        <v>9720643</v>
      </c>
      <c r="K11" s="295">
        <v>4682864</v>
      </c>
      <c r="L11" s="298">
        <v>24477018</v>
      </c>
      <c r="M11" s="299">
        <v>24477453</v>
      </c>
      <c r="N11" s="294">
        <v>0</v>
      </c>
      <c r="O11" s="295">
        <v>0</v>
      </c>
      <c r="P11" s="296">
        <v>0</v>
      </c>
      <c r="Q11" s="300"/>
      <c r="R11" s="295">
        <v>114885</v>
      </c>
      <c r="S11" s="295">
        <v>477285</v>
      </c>
      <c r="T11" s="295">
        <v>4605824</v>
      </c>
      <c r="U11" s="295">
        <v>7559147</v>
      </c>
      <c r="V11" s="295">
        <v>4059435</v>
      </c>
      <c r="W11" s="298">
        <v>16816576</v>
      </c>
      <c r="X11" s="299">
        <v>16816576</v>
      </c>
      <c r="Y11" s="294">
        <v>0</v>
      </c>
      <c r="Z11" s="295">
        <v>0</v>
      </c>
      <c r="AA11" s="296">
        <v>0</v>
      </c>
      <c r="AB11" s="300"/>
      <c r="AC11" s="295">
        <v>1220835</v>
      </c>
      <c r="AD11" s="295">
        <v>1327277</v>
      </c>
      <c r="AE11" s="295">
        <v>1475552</v>
      </c>
      <c r="AF11" s="295">
        <v>1769322</v>
      </c>
      <c r="AG11" s="295">
        <v>418470</v>
      </c>
      <c r="AH11" s="298">
        <v>6211456</v>
      </c>
      <c r="AI11" s="299">
        <v>6211456</v>
      </c>
      <c r="AJ11" s="294">
        <v>0</v>
      </c>
      <c r="AK11" s="295">
        <v>0</v>
      </c>
      <c r="AL11" s="296">
        <v>0</v>
      </c>
      <c r="AM11" s="300"/>
      <c r="AN11" s="295">
        <v>0</v>
      </c>
      <c r="AO11" s="295">
        <v>0</v>
      </c>
      <c r="AP11" s="295">
        <v>0</v>
      </c>
      <c r="AQ11" s="295">
        <v>32705</v>
      </c>
      <c r="AR11" s="295">
        <v>5950</v>
      </c>
      <c r="AS11" s="298">
        <v>38655</v>
      </c>
      <c r="AT11" s="299">
        <v>38655</v>
      </c>
      <c r="AU11" s="294">
        <v>0</v>
      </c>
      <c r="AV11" s="295">
        <v>0</v>
      </c>
      <c r="AW11" s="296">
        <v>0</v>
      </c>
      <c r="AX11" s="300"/>
      <c r="AY11" s="295">
        <v>0</v>
      </c>
      <c r="AZ11" s="295">
        <v>0</v>
      </c>
      <c r="BA11" s="295">
        <v>0</v>
      </c>
      <c r="BB11" s="295">
        <v>35340</v>
      </c>
      <c r="BC11" s="295">
        <v>24645</v>
      </c>
      <c r="BD11" s="298">
        <v>59985</v>
      </c>
      <c r="BE11" s="299">
        <v>59985</v>
      </c>
      <c r="BF11" s="294">
        <v>0</v>
      </c>
      <c r="BG11" s="295">
        <v>0</v>
      </c>
      <c r="BH11" s="296">
        <v>0</v>
      </c>
      <c r="BI11" s="300"/>
      <c r="BJ11" s="295">
        <v>0</v>
      </c>
      <c r="BK11" s="295">
        <v>0</v>
      </c>
      <c r="BL11" s="295">
        <v>0</v>
      </c>
      <c r="BM11" s="295">
        <v>0</v>
      </c>
      <c r="BN11" s="295">
        <v>0</v>
      </c>
      <c r="BO11" s="298">
        <v>0</v>
      </c>
      <c r="BP11" s="299">
        <v>0</v>
      </c>
      <c r="BQ11" s="294">
        <v>435</v>
      </c>
      <c r="BR11" s="295">
        <v>0</v>
      </c>
      <c r="BS11" s="296">
        <v>435</v>
      </c>
      <c r="BT11" s="297">
        <v>0</v>
      </c>
      <c r="BU11" s="295">
        <v>159193</v>
      </c>
      <c r="BV11" s="295">
        <v>316450</v>
      </c>
      <c r="BW11" s="295">
        <v>345745</v>
      </c>
      <c r="BX11" s="295">
        <v>289048</v>
      </c>
      <c r="BY11" s="295">
        <v>170514</v>
      </c>
      <c r="BZ11" s="298">
        <v>1280950</v>
      </c>
      <c r="CA11" s="299">
        <v>1281385</v>
      </c>
      <c r="CB11" s="294">
        <v>0</v>
      </c>
      <c r="CC11" s="295">
        <v>0</v>
      </c>
      <c r="CD11" s="296">
        <v>0</v>
      </c>
      <c r="CE11" s="297">
        <v>0</v>
      </c>
      <c r="CF11" s="295">
        <v>2030</v>
      </c>
      <c r="CG11" s="295">
        <v>2980</v>
      </c>
      <c r="CH11" s="295">
        <v>25455</v>
      </c>
      <c r="CI11" s="295">
        <v>35081</v>
      </c>
      <c r="CJ11" s="295">
        <v>3850</v>
      </c>
      <c r="CK11" s="298">
        <v>69396</v>
      </c>
      <c r="CL11" s="299">
        <v>69396</v>
      </c>
      <c r="CM11" s="294">
        <v>0</v>
      </c>
      <c r="CN11" s="295">
        <v>0</v>
      </c>
      <c r="CO11" s="296">
        <v>0</v>
      </c>
      <c r="CP11" s="297">
        <v>0</v>
      </c>
      <c r="CQ11" s="295">
        <v>0</v>
      </c>
      <c r="CR11" s="295">
        <v>0</v>
      </c>
      <c r="CS11" s="295">
        <v>0</v>
      </c>
      <c r="CT11" s="295">
        <v>0</v>
      </c>
      <c r="CU11" s="295">
        <v>0</v>
      </c>
      <c r="CV11" s="298">
        <v>0</v>
      </c>
      <c r="CW11" s="299">
        <v>0</v>
      </c>
      <c r="CX11" s="294">
        <v>0</v>
      </c>
      <c r="CY11" s="295">
        <v>0</v>
      </c>
      <c r="CZ11" s="296">
        <v>0</v>
      </c>
      <c r="DA11" s="300"/>
      <c r="DB11" s="295">
        <v>0</v>
      </c>
      <c r="DC11" s="295">
        <v>0</v>
      </c>
      <c r="DD11" s="295">
        <v>0</v>
      </c>
      <c r="DE11" s="295">
        <v>0</v>
      </c>
      <c r="DF11" s="295">
        <v>0</v>
      </c>
      <c r="DG11" s="298">
        <v>0</v>
      </c>
      <c r="DH11" s="299">
        <v>0</v>
      </c>
      <c r="DI11" s="294">
        <v>3480</v>
      </c>
      <c r="DJ11" s="295">
        <v>0</v>
      </c>
      <c r="DK11" s="296">
        <v>3480</v>
      </c>
      <c r="DL11" s="297">
        <v>0</v>
      </c>
      <c r="DM11" s="295">
        <v>547437</v>
      </c>
      <c r="DN11" s="295">
        <v>1246445</v>
      </c>
      <c r="DO11" s="295">
        <v>6729352</v>
      </c>
      <c r="DP11" s="295">
        <v>9595962</v>
      </c>
      <c r="DQ11" s="295">
        <v>5078341</v>
      </c>
      <c r="DR11" s="298">
        <v>23197537</v>
      </c>
      <c r="DS11" s="301">
        <v>23201017</v>
      </c>
      <c r="DT11" s="294">
        <v>0</v>
      </c>
      <c r="DU11" s="295">
        <v>0</v>
      </c>
      <c r="DV11" s="296">
        <v>0</v>
      </c>
      <c r="DW11" s="300"/>
      <c r="DX11" s="295">
        <v>154544</v>
      </c>
      <c r="DY11" s="295">
        <v>635021</v>
      </c>
      <c r="DZ11" s="295">
        <v>5800812</v>
      </c>
      <c r="EA11" s="295">
        <v>8856840</v>
      </c>
      <c r="EB11" s="295">
        <v>4773567</v>
      </c>
      <c r="EC11" s="298">
        <v>20220784</v>
      </c>
      <c r="ED11" s="299">
        <v>20220784</v>
      </c>
      <c r="EE11" s="294">
        <v>0</v>
      </c>
      <c r="EF11" s="295">
        <v>0</v>
      </c>
      <c r="EG11" s="296">
        <v>0</v>
      </c>
      <c r="EH11" s="300"/>
      <c r="EI11" s="295">
        <v>160308</v>
      </c>
      <c r="EJ11" s="295">
        <v>129133</v>
      </c>
      <c r="EK11" s="295">
        <v>319167</v>
      </c>
      <c r="EL11" s="295">
        <v>310114</v>
      </c>
      <c r="EM11" s="295">
        <v>80024</v>
      </c>
      <c r="EN11" s="298">
        <v>998746</v>
      </c>
      <c r="EO11" s="299">
        <v>998746</v>
      </c>
      <c r="EP11" s="294">
        <v>0</v>
      </c>
      <c r="EQ11" s="295">
        <v>0</v>
      </c>
      <c r="ER11" s="296">
        <v>0</v>
      </c>
      <c r="ES11" s="300"/>
      <c r="ET11" s="295">
        <v>0</v>
      </c>
      <c r="EU11" s="295">
        <v>0</v>
      </c>
      <c r="EV11" s="295">
        <v>0</v>
      </c>
      <c r="EW11" s="295">
        <v>217</v>
      </c>
      <c r="EX11" s="295">
        <v>490</v>
      </c>
      <c r="EY11" s="298">
        <v>707</v>
      </c>
      <c r="EZ11" s="299">
        <v>707</v>
      </c>
      <c r="FA11" s="294">
        <v>0</v>
      </c>
      <c r="FB11" s="295">
        <v>0</v>
      </c>
      <c r="FC11" s="296">
        <v>0</v>
      </c>
      <c r="FD11" s="300"/>
      <c r="FE11" s="295">
        <v>0</v>
      </c>
      <c r="FF11" s="295">
        <v>0</v>
      </c>
      <c r="FG11" s="295">
        <v>0</v>
      </c>
      <c r="FH11" s="295">
        <v>434</v>
      </c>
      <c r="FI11" s="295">
        <v>217</v>
      </c>
      <c r="FJ11" s="298">
        <v>651</v>
      </c>
      <c r="FK11" s="299">
        <v>651</v>
      </c>
      <c r="FL11" s="294">
        <v>0</v>
      </c>
      <c r="FM11" s="295">
        <v>0</v>
      </c>
      <c r="FN11" s="296">
        <v>0</v>
      </c>
      <c r="FO11" s="300"/>
      <c r="FP11" s="295">
        <v>0</v>
      </c>
      <c r="FQ11" s="295">
        <v>0</v>
      </c>
      <c r="FR11" s="295">
        <v>0</v>
      </c>
      <c r="FS11" s="295">
        <v>0</v>
      </c>
      <c r="FT11" s="295">
        <v>0</v>
      </c>
      <c r="FU11" s="298">
        <v>0</v>
      </c>
      <c r="FV11" s="299">
        <v>0</v>
      </c>
      <c r="FW11" s="294">
        <v>3480</v>
      </c>
      <c r="FX11" s="295">
        <v>0</v>
      </c>
      <c r="FY11" s="296">
        <v>3480</v>
      </c>
      <c r="FZ11" s="297">
        <v>0</v>
      </c>
      <c r="GA11" s="295">
        <v>232487</v>
      </c>
      <c r="GB11" s="295">
        <v>482235</v>
      </c>
      <c r="GC11" s="295">
        <v>602593</v>
      </c>
      <c r="GD11" s="295">
        <v>423155</v>
      </c>
      <c r="GE11" s="295">
        <v>218575</v>
      </c>
      <c r="GF11" s="298">
        <v>1959045</v>
      </c>
      <c r="GG11" s="299">
        <v>1962525</v>
      </c>
      <c r="GH11" s="294">
        <v>0</v>
      </c>
      <c r="GI11" s="295">
        <v>0</v>
      </c>
      <c r="GJ11" s="296">
        <v>0</v>
      </c>
      <c r="GK11" s="297">
        <v>0</v>
      </c>
      <c r="GL11" s="295">
        <v>98</v>
      </c>
      <c r="GM11" s="295">
        <v>56</v>
      </c>
      <c r="GN11" s="295">
        <v>6780</v>
      </c>
      <c r="GO11" s="295">
        <v>5202</v>
      </c>
      <c r="GP11" s="295">
        <v>5468</v>
      </c>
      <c r="GQ11" s="298">
        <v>17604</v>
      </c>
      <c r="GR11" s="299">
        <v>17604</v>
      </c>
      <c r="GS11" s="294">
        <v>0</v>
      </c>
      <c r="GT11" s="295">
        <v>0</v>
      </c>
      <c r="GU11" s="296">
        <v>0</v>
      </c>
      <c r="GV11" s="297">
        <v>0</v>
      </c>
      <c r="GW11" s="295">
        <v>0</v>
      </c>
      <c r="GX11" s="295">
        <v>0</v>
      </c>
      <c r="GY11" s="295">
        <v>0</v>
      </c>
      <c r="GZ11" s="295">
        <v>0</v>
      </c>
      <c r="HA11" s="295">
        <v>0</v>
      </c>
      <c r="HB11" s="298">
        <v>0</v>
      </c>
      <c r="HC11" s="299">
        <v>0</v>
      </c>
      <c r="HD11" s="294">
        <v>0</v>
      </c>
      <c r="HE11" s="295">
        <v>0</v>
      </c>
      <c r="HF11" s="296">
        <v>0</v>
      </c>
      <c r="HG11" s="300"/>
      <c r="HH11" s="295">
        <v>0</v>
      </c>
      <c r="HI11" s="295">
        <v>0</v>
      </c>
      <c r="HJ11" s="295">
        <v>0</v>
      </c>
      <c r="HK11" s="295">
        <v>0</v>
      </c>
      <c r="HL11" s="295">
        <v>0</v>
      </c>
      <c r="HM11" s="298">
        <v>0</v>
      </c>
      <c r="HN11" s="299">
        <v>0</v>
      </c>
      <c r="HO11" s="294">
        <v>3915</v>
      </c>
      <c r="HP11" s="295">
        <v>0</v>
      </c>
      <c r="HQ11" s="296">
        <v>3915</v>
      </c>
      <c r="HR11" s="297">
        <v>0</v>
      </c>
      <c r="HS11" s="295">
        <v>2044380</v>
      </c>
      <c r="HT11" s="295">
        <v>3370437</v>
      </c>
      <c r="HU11" s="295">
        <v>13181928</v>
      </c>
      <c r="HV11" s="295">
        <v>19316605</v>
      </c>
      <c r="HW11" s="295">
        <v>9761205</v>
      </c>
      <c r="HX11" s="298">
        <v>47674555</v>
      </c>
      <c r="HY11" s="299">
        <v>47678470</v>
      </c>
    </row>
    <row r="12" spans="2:233" ht="21" customHeight="1" x14ac:dyDescent="0.2">
      <c r="B12" s="292" t="s">
        <v>8</v>
      </c>
      <c r="C12" s="294">
        <v>3840</v>
      </c>
      <c r="D12" s="295">
        <v>7097</v>
      </c>
      <c r="E12" s="296">
        <v>10937</v>
      </c>
      <c r="F12" s="297">
        <v>0</v>
      </c>
      <c r="G12" s="295">
        <v>489849</v>
      </c>
      <c r="H12" s="295">
        <v>1500929</v>
      </c>
      <c r="I12" s="295">
        <v>5189743</v>
      </c>
      <c r="J12" s="295">
        <v>4480456</v>
      </c>
      <c r="K12" s="295">
        <v>3008354</v>
      </c>
      <c r="L12" s="298">
        <v>14669331</v>
      </c>
      <c r="M12" s="299">
        <v>14680268</v>
      </c>
      <c r="N12" s="294">
        <v>0</v>
      </c>
      <c r="O12" s="295">
        <v>0</v>
      </c>
      <c r="P12" s="296">
        <v>0</v>
      </c>
      <c r="Q12" s="300"/>
      <c r="R12" s="295">
        <v>174375</v>
      </c>
      <c r="S12" s="295">
        <v>398099</v>
      </c>
      <c r="T12" s="295">
        <v>3674740</v>
      </c>
      <c r="U12" s="295">
        <v>3364409</v>
      </c>
      <c r="V12" s="295">
        <v>2080457</v>
      </c>
      <c r="W12" s="298">
        <v>9692080</v>
      </c>
      <c r="X12" s="299">
        <v>9692080</v>
      </c>
      <c r="Y12" s="294">
        <v>0</v>
      </c>
      <c r="Z12" s="295">
        <v>0</v>
      </c>
      <c r="AA12" s="296">
        <v>0</v>
      </c>
      <c r="AB12" s="300"/>
      <c r="AC12" s="295">
        <v>217762</v>
      </c>
      <c r="AD12" s="295">
        <v>945337</v>
      </c>
      <c r="AE12" s="295">
        <v>1089080</v>
      </c>
      <c r="AF12" s="295">
        <v>650955</v>
      </c>
      <c r="AG12" s="295">
        <v>458880</v>
      </c>
      <c r="AH12" s="298">
        <v>3362014</v>
      </c>
      <c r="AI12" s="299">
        <v>3362014</v>
      </c>
      <c r="AJ12" s="294">
        <v>0</v>
      </c>
      <c r="AK12" s="295">
        <v>0</v>
      </c>
      <c r="AL12" s="296">
        <v>0</v>
      </c>
      <c r="AM12" s="300"/>
      <c r="AN12" s="295">
        <v>0</v>
      </c>
      <c r="AO12" s="295">
        <v>0</v>
      </c>
      <c r="AP12" s="295">
        <v>0</v>
      </c>
      <c r="AQ12" s="295">
        <v>0</v>
      </c>
      <c r="AR12" s="295">
        <v>0</v>
      </c>
      <c r="AS12" s="298">
        <v>0</v>
      </c>
      <c r="AT12" s="299">
        <v>0</v>
      </c>
      <c r="AU12" s="294">
        <v>0</v>
      </c>
      <c r="AV12" s="295">
        <v>0</v>
      </c>
      <c r="AW12" s="296">
        <v>0</v>
      </c>
      <c r="AX12" s="300"/>
      <c r="AY12" s="295">
        <v>35495</v>
      </c>
      <c r="AZ12" s="295">
        <v>0</v>
      </c>
      <c r="BA12" s="295">
        <v>32705</v>
      </c>
      <c r="BB12" s="295">
        <v>35340</v>
      </c>
      <c r="BC12" s="295">
        <v>168620</v>
      </c>
      <c r="BD12" s="298">
        <v>272160</v>
      </c>
      <c r="BE12" s="299">
        <v>272160</v>
      </c>
      <c r="BF12" s="294">
        <v>0</v>
      </c>
      <c r="BG12" s="295">
        <v>0</v>
      </c>
      <c r="BH12" s="296">
        <v>0</v>
      </c>
      <c r="BI12" s="300"/>
      <c r="BJ12" s="295">
        <v>0</v>
      </c>
      <c r="BK12" s="295">
        <v>2635</v>
      </c>
      <c r="BL12" s="295">
        <v>41560</v>
      </c>
      <c r="BM12" s="295">
        <v>181110</v>
      </c>
      <c r="BN12" s="295">
        <v>113565</v>
      </c>
      <c r="BO12" s="298">
        <v>338870</v>
      </c>
      <c r="BP12" s="299">
        <v>338870</v>
      </c>
      <c r="BQ12" s="294">
        <v>3840</v>
      </c>
      <c r="BR12" s="295">
        <v>7097</v>
      </c>
      <c r="BS12" s="296">
        <v>10937</v>
      </c>
      <c r="BT12" s="297">
        <v>0</v>
      </c>
      <c r="BU12" s="295">
        <v>49577</v>
      </c>
      <c r="BV12" s="295">
        <v>154858</v>
      </c>
      <c r="BW12" s="295">
        <v>350430</v>
      </c>
      <c r="BX12" s="295">
        <v>248642</v>
      </c>
      <c r="BY12" s="295">
        <v>186832</v>
      </c>
      <c r="BZ12" s="298">
        <v>990339</v>
      </c>
      <c r="CA12" s="299">
        <v>1001276</v>
      </c>
      <c r="CB12" s="294">
        <v>0</v>
      </c>
      <c r="CC12" s="295">
        <v>0</v>
      </c>
      <c r="CD12" s="296">
        <v>0</v>
      </c>
      <c r="CE12" s="297">
        <v>0</v>
      </c>
      <c r="CF12" s="295">
        <v>12640</v>
      </c>
      <c r="CG12" s="295">
        <v>0</v>
      </c>
      <c r="CH12" s="295">
        <v>1228</v>
      </c>
      <c r="CI12" s="295">
        <v>0</v>
      </c>
      <c r="CJ12" s="295">
        <v>0</v>
      </c>
      <c r="CK12" s="298">
        <v>13868</v>
      </c>
      <c r="CL12" s="299">
        <v>13868</v>
      </c>
      <c r="CM12" s="294">
        <v>0</v>
      </c>
      <c r="CN12" s="295">
        <v>0</v>
      </c>
      <c r="CO12" s="296">
        <v>0</v>
      </c>
      <c r="CP12" s="297">
        <v>0</v>
      </c>
      <c r="CQ12" s="295">
        <v>0</v>
      </c>
      <c r="CR12" s="295">
        <v>0</v>
      </c>
      <c r="CS12" s="295">
        <v>0</v>
      </c>
      <c r="CT12" s="295">
        <v>0</v>
      </c>
      <c r="CU12" s="295">
        <v>0</v>
      </c>
      <c r="CV12" s="298">
        <v>0</v>
      </c>
      <c r="CW12" s="299">
        <v>0</v>
      </c>
      <c r="CX12" s="294">
        <v>0</v>
      </c>
      <c r="CY12" s="295">
        <v>0</v>
      </c>
      <c r="CZ12" s="296">
        <v>0</v>
      </c>
      <c r="DA12" s="300"/>
      <c r="DB12" s="295">
        <v>0</v>
      </c>
      <c r="DC12" s="295">
        <v>0</v>
      </c>
      <c r="DD12" s="295">
        <v>0</v>
      </c>
      <c r="DE12" s="295">
        <v>0</v>
      </c>
      <c r="DF12" s="295">
        <v>0</v>
      </c>
      <c r="DG12" s="298">
        <v>0</v>
      </c>
      <c r="DH12" s="299">
        <v>0</v>
      </c>
      <c r="DI12" s="294">
        <v>14640</v>
      </c>
      <c r="DJ12" s="295">
        <v>8918</v>
      </c>
      <c r="DK12" s="296">
        <v>23558</v>
      </c>
      <c r="DL12" s="297">
        <v>0</v>
      </c>
      <c r="DM12" s="295">
        <v>437001</v>
      </c>
      <c r="DN12" s="295">
        <v>1213064</v>
      </c>
      <c r="DO12" s="295">
        <v>5693573</v>
      </c>
      <c r="DP12" s="295">
        <v>5527277</v>
      </c>
      <c r="DQ12" s="295">
        <v>3464502</v>
      </c>
      <c r="DR12" s="298">
        <v>16335417</v>
      </c>
      <c r="DS12" s="301">
        <v>16358975</v>
      </c>
      <c r="DT12" s="294">
        <v>0</v>
      </c>
      <c r="DU12" s="295">
        <v>0</v>
      </c>
      <c r="DV12" s="296">
        <v>0</v>
      </c>
      <c r="DW12" s="300"/>
      <c r="DX12" s="295">
        <v>299863</v>
      </c>
      <c r="DY12" s="295">
        <v>796157</v>
      </c>
      <c r="DZ12" s="295">
        <v>4817022</v>
      </c>
      <c r="EA12" s="295">
        <v>4789511</v>
      </c>
      <c r="EB12" s="295">
        <v>2907646</v>
      </c>
      <c r="EC12" s="298">
        <v>13610199</v>
      </c>
      <c r="ED12" s="299">
        <v>13610199</v>
      </c>
      <c r="EE12" s="294">
        <v>0</v>
      </c>
      <c r="EF12" s="295">
        <v>0</v>
      </c>
      <c r="EG12" s="296">
        <v>0</v>
      </c>
      <c r="EH12" s="300"/>
      <c r="EI12" s="295">
        <v>46381</v>
      </c>
      <c r="EJ12" s="295">
        <v>116207</v>
      </c>
      <c r="EK12" s="295">
        <v>85234</v>
      </c>
      <c r="EL12" s="295">
        <v>79382</v>
      </c>
      <c r="EM12" s="295">
        <v>60287</v>
      </c>
      <c r="EN12" s="298">
        <v>387491</v>
      </c>
      <c r="EO12" s="299">
        <v>387491</v>
      </c>
      <c r="EP12" s="294">
        <v>0</v>
      </c>
      <c r="EQ12" s="295">
        <v>0</v>
      </c>
      <c r="ER12" s="296">
        <v>0</v>
      </c>
      <c r="ES12" s="300"/>
      <c r="ET12" s="295">
        <v>0</v>
      </c>
      <c r="EU12" s="295">
        <v>0</v>
      </c>
      <c r="EV12" s="295">
        <v>0</v>
      </c>
      <c r="EW12" s="295">
        <v>0</v>
      </c>
      <c r="EX12" s="295">
        <v>0</v>
      </c>
      <c r="EY12" s="298">
        <v>0</v>
      </c>
      <c r="EZ12" s="299">
        <v>0</v>
      </c>
      <c r="FA12" s="294">
        <v>0</v>
      </c>
      <c r="FB12" s="295">
        <v>0</v>
      </c>
      <c r="FC12" s="296">
        <v>0</v>
      </c>
      <c r="FD12" s="300"/>
      <c r="FE12" s="295">
        <v>11687</v>
      </c>
      <c r="FF12" s="295">
        <v>0</v>
      </c>
      <c r="FG12" s="295">
        <v>217</v>
      </c>
      <c r="FH12" s="295">
        <v>434</v>
      </c>
      <c r="FI12" s="295">
        <v>12982</v>
      </c>
      <c r="FJ12" s="298">
        <v>25320</v>
      </c>
      <c r="FK12" s="299">
        <v>25320</v>
      </c>
      <c r="FL12" s="294">
        <v>0</v>
      </c>
      <c r="FM12" s="295">
        <v>0</v>
      </c>
      <c r="FN12" s="296">
        <v>0</v>
      </c>
      <c r="FO12" s="300"/>
      <c r="FP12" s="295">
        <v>0</v>
      </c>
      <c r="FQ12" s="295">
        <v>21576</v>
      </c>
      <c r="FR12" s="295">
        <v>179446</v>
      </c>
      <c r="FS12" s="295">
        <v>268168</v>
      </c>
      <c r="FT12" s="295">
        <v>215566</v>
      </c>
      <c r="FU12" s="298">
        <v>684756</v>
      </c>
      <c r="FV12" s="299">
        <v>684756</v>
      </c>
      <c r="FW12" s="294">
        <v>14640</v>
      </c>
      <c r="FX12" s="295">
        <v>8918</v>
      </c>
      <c r="FY12" s="296">
        <v>23558</v>
      </c>
      <c r="FZ12" s="297">
        <v>0</v>
      </c>
      <c r="GA12" s="295">
        <v>78958</v>
      </c>
      <c r="GB12" s="295">
        <v>279124</v>
      </c>
      <c r="GC12" s="295">
        <v>610580</v>
      </c>
      <c r="GD12" s="295">
        <v>389782</v>
      </c>
      <c r="GE12" s="295">
        <v>268021</v>
      </c>
      <c r="GF12" s="298">
        <v>1626465</v>
      </c>
      <c r="GG12" s="299">
        <v>1650023</v>
      </c>
      <c r="GH12" s="294">
        <v>0</v>
      </c>
      <c r="GI12" s="295">
        <v>0</v>
      </c>
      <c r="GJ12" s="296">
        <v>0</v>
      </c>
      <c r="GK12" s="297">
        <v>0</v>
      </c>
      <c r="GL12" s="295">
        <v>112</v>
      </c>
      <c r="GM12" s="295">
        <v>0</v>
      </c>
      <c r="GN12" s="295">
        <v>1074</v>
      </c>
      <c r="GO12" s="295">
        <v>0</v>
      </c>
      <c r="GP12" s="295">
        <v>0</v>
      </c>
      <c r="GQ12" s="298">
        <v>1186</v>
      </c>
      <c r="GR12" s="299">
        <v>1186</v>
      </c>
      <c r="GS12" s="294">
        <v>0</v>
      </c>
      <c r="GT12" s="295">
        <v>0</v>
      </c>
      <c r="GU12" s="296">
        <v>0</v>
      </c>
      <c r="GV12" s="297">
        <v>0</v>
      </c>
      <c r="GW12" s="295">
        <v>0</v>
      </c>
      <c r="GX12" s="295">
        <v>0</v>
      </c>
      <c r="GY12" s="295">
        <v>0</v>
      </c>
      <c r="GZ12" s="295">
        <v>0</v>
      </c>
      <c r="HA12" s="295">
        <v>0</v>
      </c>
      <c r="HB12" s="298">
        <v>0</v>
      </c>
      <c r="HC12" s="299">
        <v>0</v>
      </c>
      <c r="HD12" s="294">
        <v>0</v>
      </c>
      <c r="HE12" s="295">
        <v>0</v>
      </c>
      <c r="HF12" s="296">
        <v>0</v>
      </c>
      <c r="HG12" s="300"/>
      <c r="HH12" s="295">
        <v>0</v>
      </c>
      <c r="HI12" s="295">
        <v>0</v>
      </c>
      <c r="HJ12" s="295">
        <v>0</v>
      </c>
      <c r="HK12" s="295">
        <v>0</v>
      </c>
      <c r="HL12" s="295">
        <v>0</v>
      </c>
      <c r="HM12" s="298">
        <v>0</v>
      </c>
      <c r="HN12" s="299">
        <v>0</v>
      </c>
      <c r="HO12" s="294">
        <v>18480</v>
      </c>
      <c r="HP12" s="295">
        <v>16015</v>
      </c>
      <c r="HQ12" s="296">
        <v>34495</v>
      </c>
      <c r="HR12" s="297">
        <v>0</v>
      </c>
      <c r="HS12" s="295">
        <v>926850</v>
      </c>
      <c r="HT12" s="295">
        <v>2713993</v>
      </c>
      <c r="HU12" s="295">
        <v>10883316</v>
      </c>
      <c r="HV12" s="295">
        <v>10007733</v>
      </c>
      <c r="HW12" s="295">
        <v>6472856</v>
      </c>
      <c r="HX12" s="298">
        <v>31004748</v>
      </c>
      <c r="HY12" s="299">
        <v>31039243</v>
      </c>
    </row>
    <row r="13" spans="2:233" ht="21" customHeight="1" x14ac:dyDescent="0.2">
      <c r="B13" s="292" t="s">
        <v>9</v>
      </c>
      <c r="C13" s="294">
        <v>0</v>
      </c>
      <c r="D13" s="295">
        <v>1436</v>
      </c>
      <c r="E13" s="296">
        <v>1436</v>
      </c>
      <c r="F13" s="297">
        <v>0</v>
      </c>
      <c r="G13" s="295">
        <v>255484</v>
      </c>
      <c r="H13" s="295">
        <v>240795</v>
      </c>
      <c r="I13" s="295">
        <v>1990400</v>
      </c>
      <c r="J13" s="295">
        <v>2760829</v>
      </c>
      <c r="K13" s="295">
        <v>1504021</v>
      </c>
      <c r="L13" s="298">
        <v>6751529</v>
      </c>
      <c r="M13" s="299">
        <v>6752965</v>
      </c>
      <c r="N13" s="294">
        <v>0</v>
      </c>
      <c r="O13" s="295">
        <v>0</v>
      </c>
      <c r="P13" s="296">
        <v>0</v>
      </c>
      <c r="Q13" s="300"/>
      <c r="R13" s="295">
        <v>105935</v>
      </c>
      <c r="S13" s="295">
        <v>2635</v>
      </c>
      <c r="T13" s="295">
        <v>1386664</v>
      </c>
      <c r="U13" s="295">
        <v>1946854</v>
      </c>
      <c r="V13" s="295">
        <v>1236442</v>
      </c>
      <c r="W13" s="298">
        <v>4678530</v>
      </c>
      <c r="X13" s="299">
        <v>4678530</v>
      </c>
      <c r="Y13" s="294">
        <v>0</v>
      </c>
      <c r="Z13" s="295">
        <v>0</v>
      </c>
      <c r="AA13" s="296">
        <v>0</v>
      </c>
      <c r="AB13" s="300"/>
      <c r="AC13" s="295">
        <v>99151</v>
      </c>
      <c r="AD13" s="295">
        <v>153330</v>
      </c>
      <c r="AE13" s="295">
        <v>410017</v>
      </c>
      <c r="AF13" s="295">
        <v>699545</v>
      </c>
      <c r="AG13" s="295">
        <v>189400</v>
      </c>
      <c r="AH13" s="298">
        <v>1551443</v>
      </c>
      <c r="AI13" s="299">
        <v>1551443</v>
      </c>
      <c r="AJ13" s="294">
        <v>0</v>
      </c>
      <c r="AK13" s="295">
        <v>0</v>
      </c>
      <c r="AL13" s="296">
        <v>0</v>
      </c>
      <c r="AM13" s="300"/>
      <c r="AN13" s="295">
        <v>0</v>
      </c>
      <c r="AO13" s="295">
        <v>0</v>
      </c>
      <c r="AP13" s="295">
        <v>0</v>
      </c>
      <c r="AQ13" s="295">
        <v>2635</v>
      </c>
      <c r="AR13" s="295">
        <v>0</v>
      </c>
      <c r="AS13" s="298">
        <v>2635</v>
      </c>
      <c r="AT13" s="299">
        <v>2635</v>
      </c>
      <c r="AU13" s="294">
        <v>0</v>
      </c>
      <c r="AV13" s="295">
        <v>0</v>
      </c>
      <c r="AW13" s="296">
        <v>0</v>
      </c>
      <c r="AX13" s="300"/>
      <c r="AY13" s="295">
        <v>0</v>
      </c>
      <c r="AZ13" s="295">
        <v>0</v>
      </c>
      <c r="BA13" s="295">
        <v>0</v>
      </c>
      <c r="BB13" s="295">
        <v>0</v>
      </c>
      <c r="BC13" s="295">
        <v>10540</v>
      </c>
      <c r="BD13" s="298">
        <v>10540</v>
      </c>
      <c r="BE13" s="299">
        <v>10540</v>
      </c>
      <c r="BF13" s="294">
        <v>0</v>
      </c>
      <c r="BG13" s="295">
        <v>0</v>
      </c>
      <c r="BH13" s="296">
        <v>0</v>
      </c>
      <c r="BI13" s="300"/>
      <c r="BJ13" s="295">
        <v>0</v>
      </c>
      <c r="BK13" s="295">
        <v>0</v>
      </c>
      <c r="BL13" s="295">
        <v>0</v>
      </c>
      <c r="BM13" s="295">
        <v>24645</v>
      </c>
      <c r="BN13" s="295">
        <v>0</v>
      </c>
      <c r="BO13" s="298">
        <v>24645</v>
      </c>
      <c r="BP13" s="299">
        <v>24645</v>
      </c>
      <c r="BQ13" s="294">
        <v>0</v>
      </c>
      <c r="BR13" s="295">
        <v>0</v>
      </c>
      <c r="BS13" s="296">
        <v>0</v>
      </c>
      <c r="BT13" s="297">
        <v>0</v>
      </c>
      <c r="BU13" s="295">
        <v>47408</v>
      </c>
      <c r="BV13" s="295">
        <v>84635</v>
      </c>
      <c r="BW13" s="295">
        <v>189576</v>
      </c>
      <c r="BX13" s="295">
        <v>85846</v>
      </c>
      <c r="BY13" s="295">
        <v>60974</v>
      </c>
      <c r="BZ13" s="298">
        <v>468439</v>
      </c>
      <c r="CA13" s="299">
        <v>468439</v>
      </c>
      <c r="CB13" s="294">
        <v>0</v>
      </c>
      <c r="CC13" s="295">
        <v>1436</v>
      </c>
      <c r="CD13" s="296">
        <v>1436</v>
      </c>
      <c r="CE13" s="297">
        <v>0</v>
      </c>
      <c r="CF13" s="295">
        <v>2990</v>
      </c>
      <c r="CG13" s="295">
        <v>195</v>
      </c>
      <c r="CH13" s="295">
        <v>4143</v>
      </c>
      <c r="CI13" s="295">
        <v>1304</v>
      </c>
      <c r="CJ13" s="295">
        <v>6665</v>
      </c>
      <c r="CK13" s="298">
        <v>15297</v>
      </c>
      <c r="CL13" s="299">
        <v>16733</v>
      </c>
      <c r="CM13" s="294">
        <v>0</v>
      </c>
      <c r="CN13" s="295">
        <v>0</v>
      </c>
      <c r="CO13" s="296">
        <v>0</v>
      </c>
      <c r="CP13" s="297">
        <v>0</v>
      </c>
      <c r="CQ13" s="295">
        <v>0</v>
      </c>
      <c r="CR13" s="295">
        <v>0</v>
      </c>
      <c r="CS13" s="295">
        <v>0</v>
      </c>
      <c r="CT13" s="295">
        <v>0</v>
      </c>
      <c r="CU13" s="295">
        <v>0</v>
      </c>
      <c r="CV13" s="298">
        <v>0</v>
      </c>
      <c r="CW13" s="299">
        <v>0</v>
      </c>
      <c r="CX13" s="294">
        <v>0</v>
      </c>
      <c r="CY13" s="295">
        <v>0</v>
      </c>
      <c r="CZ13" s="296">
        <v>0</v>
      </c>
      <c r="DA13" s="300"/>
      <c r="DB13" s="295">
        <v>0</v>
      </c>
      <c r="DC13" s="295">
        <v>0</v>
      </c>
      <c r="DD13" s="295">
        <v>0</v>
      </c>
      <c r="DE13" s="295">
        <v>0</v>
      </c>
      <c r="DF13" s="295">
        <v>0</v>
      </c>
      <c r="DG13" s="298">
        <v>0</v>
      </c>
      <c r="DH13" s="299">
        <v>0</v>
      </c>
      <c r="DI13" s="294">
        <v>0</v>
      </c>
      <c r="DJ13" s="295">
        <v>14</v>
      </c>
      <c r="DK13" s="296">
        <v>14</v>
      </c>
      <c r="DL13" s="297">
        <v>0</v>
      </c>
      <c r="DM13" s="295">
        <v>253909</v>
      </c>
      <c r="DN13" s="295">
        <v>173128</v>
      </c>
      <c r="DO13" s="295">
        <v>2225818</v>
      </c>
      <c r="DP13" s="295">
        <v>3086321</v>
      </c>
      <c r="DQ13" s="295">
        <v>2071191</v>
      </c>
      <c r="DR13" s="298">
        <v>7810367</v>
      </c>
      <c r="DS13" s="301">
        <v>7810381</v>
      </c>
      <c r="DT13" s="294">
        <v>0</v>
      </c>
      <c r="DU13" s="295">
        <v>0</v>
      </c>
      <c r="DV13" s="296">
        <v>0</v>
      </c>
      <c r="DW13" s="300"/>
      <c r="DX13" s="295">
        <v>152830</v>
      </c>
      <c r="DY13" s="295">
        <v>21576</v>
      </c>
      <c r="DZ13" s="295">
        <v>1869812</v>
      </c>
      <c r="EA13" s="295">
        <v>2747743</v>
      </c>
      <c r="EB13" s="295">
        <v>1947621</v>
      </c>
      <c r="EC13" s="298">
        <v>6739582</v>
      </c>
      <c r="ED13" s="299">
        <v>6739582</v>
      </c>
      <c r="EE13" s="294">
        <v>0</v>
      </c>
      <c r="EF13" s="295">
        <v>0</v>
      </c>
      <c r="EG13" s="296">
        <v>0</v>
      </c>
      <c r="EH13" s="300"/>
      <c r="EI13" s="295">
        <v>34075</v>
      </c>
      <c r="EJ13" s="295">
        <v>25851</v>
      </c>
      <c r="EK13" s="295">
        <v>49823</v>
      </c>
      <c r="EL13" s="295">
        <v>114114</v>
      </c>
      <c r="EM13" s="295">
        <v>16230</v>
      </c>
      <c r="EN13" s="298">
        <v>240093</v>
      </c>
      <c r="EO13" s="299">
        <v>240093</v>
      </c>
      <c r="EP13" s="294">
        <v>0</v>
      </c>
      <c r="EQ13" s="295">
        <v>0</v>
      </c>
      <c r="ER13" s="296">
        <v>0</v>
      </c>
      <c r="ES13" s="300"/>
      <c r="ET13" s="295">
        <v>0</v>
      </c>
      <c r="EU13" s="295">
        <v>0</v>
      </c>
      <c r="EV13" s="295">
        <v>0</v>
      </c>
      <c r="EW13" s="295">
        <v>217</v>
      </c>
      <c r="EX13" s="295">
        <v>0</v>
      </c>
      <c r="EY13" s="298">
        <v>217</v>
      </c>
      <c r="EZ13" s="299">
        <v>217</v>
      </c>
      <c r="FA13" s="294">
        <v>0</v>
      </c>
      <c r="FB13" s="295">
        <v>0</v>
      </c>
      <c r="FC13" s="296">
        <v>0</v>
      </c>
      <c r="FD13" s="300"/>
      <c r="FE13" s="295">
        <v>0</v>
      </c>
      <c r="FF13" s="295">
        <v>0</v>
      </c>
      <c r="FG13" s="295">
        <v>0</v>
      </c>
      <c r="FH13" s="295">
        <v>0</v>
      </c>
      <c r="FI13" s="295">
        <v>868</v>
      </c>
      <c r="FJ13" s="298">
        <v>868</v>
      </c>
      <c r="FK13" s="299">
        <v>868</v>
      </c>
      <c r="FL13" s="294">
        <v>0</v>
      </c>
      <c r="FM13" s="295">
        <v>0</v>
      </c>
      <c r="FN13" s="296">
        <v>0</v>
      </c>
      <c r="FO13" s="300"/>
      <c r="FP13" s="295">
        <v>0</v>
      </c>
      <c r="FQ13" s="295">
        <v>0</v>
      </c>
      <c r="FR13" s="295">
        <v>0</v>
      </c>
      <c r="FS13" s="295">
        <v>21576</v>
      </c>
      <c r="FT13" s="295">
        <v>0</v>
      </c>
      <c r="FU13" s="298">
        <v>21576</v>
      </c>
      <c r="FV13" s="299">
        <v>21576</v>
      </c>
      <c r="FW13" s="294">
        <v>0</v>
      </c>
      <c r="FX13" s="295">
        <v>0</v>
      </c>
      <c r="FY13" s="296">
        <v>0</v>
      </c>
      <c r="FZ13" s="297">
        <v>0</v>
      </c>
      <c r="GA13" s="295">
        <v>66260</v>
      </c>
      <c r="GB13" s="295">
        <v>125680</v>
      </c>
      <c r="GC13" s="295">
        <v>305945</v>
      </c>
      <c r="GD13" s="295">
        <v>202587</v>
      </c>
      <c r="GE13" s="295">
        <v>106409</v>
      </c>
      <c r="GF13" s="298">
        <v>806881</v>
      </c>
      <c r="GG13" s="299">
        <v>806881</v>
      </c>
      <c r="GH13" s="294">
        <v>0</v>
      </c>
      <c r="GI13" s="295">
        <v>14</v>
      </c>
      <c r="GJ13" s="296">
        <v>14</v>
      </c>
      <c r="GK13" s="297">
        <v>0</v>
      </c>
      <c r="GL13" s="295">
        <v>744</v>
      </c>
      <c r="GM13" s="295">
        <v>21</v>
      </c>
      <c r="GN13" s="295">
        <v>238</v>
      </c>
      <c r="GO13" s="295">
        <v>84</v>
      </c>
      <c r="GP13" s="295">
        <v>63</v>
      </c>
      <c r="GQ13" s="298">
        <v>1150</v>
      </c>
      <c r="GR13" s="299">
        <v>1164</v>
      </c>
      <c r="GS13" s="294">
        <v>0</v>
      </c>
      <c r="GT13" s="295">
        <v>0</v>
      </c>
      <c r="GU13" s="296">
        <v>0</v>
      </c>
      <c r="GV13" s="297">
        <v>0</v>
      </c>
      <c r="GW13" s="295">
        <v>0</v>
      </c>
      <c r="GX13" s="295">
        <v>0</v>
      </c>
      <c r="GY13" s="295">
        <v>0</v>
      </c>
      <c r="GZ13" s="295">
        <v>0</v>
      </c>
      <c r="HA13" s="295">
        <v>0</v>
      </c>
      <c r="HB13" s="298">
        <v>0</v>
      </c>
      <c r="HC13" s="299">
        <v>0</v>
      </c>
      <c r="HD13" s="294">
        <v>0</v>
      </c>
      <c r="HE13" s="295">
        <v>0</v>
      </c>
      <c r="HF13" s="296">
        <v>0</v>
      </c>
      <c r="HG13" s="300"/>
      <c r="HH13" s="295">
        <v>0</v>
      </c>
      <c r="HI13" s="295">
        <v>0</v>
      </c>
      <c r="HJ13" s="295">
        <v>0</v>
      </c>
      <c r="HK13" s="295">
        <v>0</v>
      </c>
      <c r="HL13" s="295">
        <v>0</v>
      </c>
      <c r="HM13" s="298">
        <v>0</v>
      </c>
      <c r="HN13" s="299">
        <v>0</v>
      </c>
      <c r="HO13" s="294">
        <v>0</v>
      </c>
      <c r="HP13" s="295">
        <v>1450</v>
      </c>
      <c r="HQ13" s="296">
        <v>1450</v>
      </c>
      <c r="HR13" s="297">
        <v>0</v>
      </c>
      <c r="HS13" s="295">
        <v>509393</v>
      </c>
      <c r="HT13" s="295">
        <v>413923</v>
      </c>
      <c r="HU13" s="295">
        <v>4216218</v>
      </c>
      <c r="HV13" s="295">
        <v>5847150</v>
      </c>
      <c r="HW13" s="295">
        <v>3575212</v>
      </c>
      <c r="HX13" s="298">
        <v>14561896</v>
      </c>
      <c r="HY13" s="299">
        <v>14563346</v>
      </c>
    </row>
    <row r="14" spans="2:233" ht="21" customHeight="1" x14ac:dyDescent="0.2">
      <c r="B14" s="292" t="s">
        <v>10</v>
      </c>
      <c r="C14" s="294">
        <v>2430</v>
      </c>
      <c r="D14" s="295">
        <v>33505</v>
      </c>
      <c r="E14" s="296">
        <v>35935</v>
      </c>
      <c r="F14" s="297">
        <v>0</v>
      </c>
      <c r="G14" s="295">
        <v>679816</v>
      </c>
      <c r="H14" s="295">
        <v>1150817</v>
      </c>
      <c r="I14" s="295">
        <v>3118870</v>
      </c>
      <c r="J14" s="295">
        <v>4323748</v>
      </c>
      <c r="K14" s="295">
        <v>4440133</v>
      </c>
      <c r="L14" s="298">
        <v>13713384</v>
      </c>
      <c r="M14" s="299">
        <v>13749319</v>
      </c>
      <c r="N14" s="294">
        <v>0</v>
      </c>
      <c r="O14" s="295">
        <v>0</v>
      </c>
      <c r="P14" s="296">
        <v>0</v>
      </c>
      <c r="Q14" s="300"/>
      <c r="R14" s="295">
        <v>73315</v>
      </c>
      <c r="S14" s="295">
        <v>299305</v>
      </c>
      <c r="T14" s="295">
        <v>2053105</v>
      </c>
      <c r="U14" s="295">
        <v>3048805</v>
      </c>
      <c r="V14" s="295">
        <v>3551740</v>
      </c>
      <c r="W14" s="298">
        <v>9026270</v>
      </c>
      <c r="X14" s="299">
        <v>9026270</v>
      </c>
      <c r="Y14" s="294">
        <v>0</v>
      </c>
      <c r="Z14" s="295">
        <v>0</v>
      </c>
      <c r="AA14" s="296">
        <v>0</v>
      </c>
      <c r="AB14" s="300"/>
      <c r="AC14" s="295">
        <v>512485</v>
      </c>
      <c r="AD14" s="295">
        <v>673440</v>
      </c>
      <c r="AE14" s="295">
        <v>812158</v>
      </c>
      <c r="AF14" s="295">
        <v>909837</v>
      </c>
      <c r="AG14" s="295">
        <v>538903</v>
      </c>
      <c r="AH14" s="298">
        <v>3446823</v>
      </c>
      <c r="AI14" s="299">
        <v>3446823</v>
      </c>
      <c r="AJ14" s="294">
        <v>0</v>
      </c>
      <c r="AK14" s="295">
        <v>0</v>
      </c>
      <c r="AL14" s="296">
        <v>0</v>
      </c>
      <c r="AM14" s="300"/>
      <c r="AN14" s="295">
        <v>0</v>
      </c>
      <c r="AO14" s="295">
        <v>0</v>
      </c>
      <c r="AP14" s="295">
        <v>0</v>
      </c>
      <c r="AQ14" s="295">
        <v>0</v>
      </c>
      <c r="AR14" s="295">
        <v>0</v>
      </c>
      <c r="AS14" s="298">
        <v>0</v>
      </c>
      <c r="AT14" s="299">
        <v>0</v>
      </c>
      <c r="AU14" s="294">
        <v>0</v>
      </c>
      <c r="AV14" s="295">
        <v>0</v>
      </c>
      <c r="AW14" s="296">
        <v>0</v>
      </c>
      <c r="AX14" s="300"/>
      <c r="AY14" s="295">
        <v>0</v>
      </c>
      <c r="AZ14" s="295">
        <v>0</v>
      </c>
      <c r="BA14" s="295">
        <v>0</v>
      </c>
      <c r="BB14" s="295">
        <v>48530</v>
      </c>
      <c r="BC14" s="295">
        <v>134505</v>
      </c>
      <c r="BD14" s="298">
        <v>183035</v>
      </c>
      <c r="BE14" s="299">
        <v>183035</v>
      </c>
      <c r="BF14" s="294">
        <v>0</v>
      </c>
      <c r="BG14" s="295">
        <v>0</v>
      </c>
      <c r="BH14" s="296">
        <v>0</v>
      </c>
      <c r="BI14" s="300"/>
      <c r="BJ14" s="295">
        <v>0</v>
      </c>
      <c r="BK14" s="295">
        <v>0</v>
      </c>
      <c r="BL14" s="295">
        <v>0</v>
      </c>
      <c r="BM14" s="295">
        <v>98115</v>
      </c>
      <c r="BN14" s="295">
        <v>37975</v>
      </c>
      <c r="BO14" s="298">
        <v>136090</v>
      </c>
      <c r="BP14" s="299">
        <v>136090</v>
      </c>
      <c r="BQ14" s="294">
        <v>2430</v>
      </c>
      <c r="BR14" s="295">
        <v>33505</v>
      </c>
      <c r="BS14" s="296">
        <v>35935</v>
      </c>
      <c r="BT14" s="297">
        <v>0</v>
      </c>
      <c r="BU14" s="295">
        <v>93433</v>
      </c>
      <c r="BV14" s="295">
        <v>174137</v>
      </c>
      <c r="BW14" s="295">
        <v>221126</v>
      </c>
      <c r="BX14" s="295">
        <v>218133</v>
      </c>
      <c r="BY14" s="295">
        <v>168966</v>
      </c>
      <c r="BZ14" s="298">
        <v>875795</v>
      </c>
      <c r="CA14" s="299">
        <v>911730</v>
      </c>
      <c r="CB14" s="294">
        <v>0</v>
      </c>
      <c r="CC14" s="295">
        <v>0</v>
      </c>
      <c r="CD14" s="296">
        <v>0</v>
      </c>
      <c r="CE14" s="297">
        <v>0</v>
      </c>
      <c r="CF14" s="295">
        <v>583</v>
      </c>
      <c r="CG14" s="295">
        <v>3935</v>
      </c>
      <c r="CH14" s="295">
        <v>32481</v>
      </c>
      <c r="CI14" s="295">
        <v>328</v>
      </c>
      <c r="CJ14" s="295">
        <v>8044</v>
      </c>
      <c r="CK14" s="298">
        <v>45371</v>
      </c>
      <c r="CL14" s="299">
        <v>45371</v>
      </c>
      <c r="CM14" s="294">
        <v>0</v>
      </c>
      <c r="CN14" s="295">
        <v>0</v>
      </c>
      <c r="CO14" s="296">
        <v>0</v>
      </c>
      <c r="CP14" s="297">
        <v>0</v>
      </c>
      <c r="CQ14" s="295">
        <v>0</v>
      </c>
      <c r="CR14" s="295">
        <v>0</v>
      </c>
      <c r="CS14" s="295">
        <v>0</v>
      </c>
      <c r="CT14" s="295">
        <v>0</v>
      </c>
      <c r="CU14" s="295">
        <v>0</v>
      </c>
      <c r="CV14" s="298">
        <v>0</v>
      </c>
      <c r="CW14" s="299">
        <v>0</v>
      </c>
      <c r="CX14" s="294">
        <v>0</v>
      </c>
      <c r="CY14" s="295">
        <v>0</v>
      </c>
      <c r="CZ14" s="296">
        <v>0</v>
      </c>
      <c r="DA14" s="300"/>
      <c r="DB14" s="295">
        <v>0</v>
      </c>
      <c r="DC14" s="295">
        <v>0</v>
      </c>
      <c r="DD14" s="295">
        <v>0</v>
      </c>
      <c r="DE14" s="295">
        <v>0</v>
      </c>
      <c r="DF14" s="295">
        <v>0</v>
      </c>
      <c r="DG14" s="298">
        <v>0</v>
      </c>
      <c r="DH14" s="299">
        <v>0</v>
      </c>
      <c r="DI14" s="294">
        <v>3798</v>
      </c>
      <c r="DJ14" s="295">
        <v>29447</v>
      </c>
      <c r="DK14" s="296">
        <v>33245</v>
      </c>
      <c r="DL14" s="297">
        <v>0</v>
      </c>
      <c r="DM14" s="295">
        <v>429774</v>
      </c>
      <c r="DN14" s="295">
        <v>885049</v>
      </c>
      <c r="DO14" s="295">
        <v>3838680</v>
      </c>
      <c r="DP14" s="295">
        <v>4992064</v>
      </c>
      <c r="DQ14" s="295">
        <v>4430078</v>
      </c>
      <c r="DR14" s="298">
        <v>14575645</v>
      </c>
      <c r="DS14" s="301">
        <v>14608890</v>
      </c>
      <c r="DT14" s="294">
        <v>0</v>
      </c>
      <c r="DU14" s="295">
        <v>0</v>
      </c>
      <c r="DV14" s="296">
        <v>0</v>
      </c>
      <c r="DW14" s="300"/>
      <c r="DX14" s="295">
        <v>165106</v>
      </c>
      <c r="DY14" s="295">
        <v>459730</v>
      </c>
      <c r="DZ14" s="295">
        <v>3303089</v>
      </c>
      <c r="EA14" s="295">
        <v>4364914</v>
      </c>
      <c r="EB14" s="295">
        <v>4029812</v>
      </c>
      <c r="EC14" s="298">
        <v>12322651</v>
      </c>
      <c r="ED14" s="299">
        <v>12322651</v>
      </c>
      <c r="EE14" s="294">
        <v>0</v>
      </c>
      <c r="EF14" s="295">
        <v>0</v>
      </c>
      <c r="EG14" s="296">
        <v>0</v>
      </c>
      <c r="EH14" s="300"/>
      <c r="EI14" s="295">
        <v>85232</v>
      </c>
      <c r="EJ14" s="295">
        <v>131503</v>
      </c>
      <c r="EK14" s="295">
        <v>134220</v>
      </c>
      <c r="EL14" s="295">
        <v>110406</v>
      </c>
      <c r="EM14" s="295">
        <v>94695</v>
      </c>
      <c r="EN14" s="298">
        <v>556056</v>
      </c>
      <c r="EO14" s="299">
        <v>556056</v>
      </c>
      <c r="EP14" s="294">
        <v>0</v>
      </c>
      <c r="EQ14" s="295">
        <v>0</v>
      </c>
      <c r="ER14" s="296">
        <v>0</v>
      </c>
      <c r="ES14" s="300"/>
      <c r="ET14" s="295">
        <v>0</v>
      </c>
      <c r="EU14" s="295">
        <v>0</v>
      </c>
      <c r="EV14" s="295">
        <v>0</v>
      </c>
      <c r="EW14" s="295">
        <v>0</v>
      </c>
      <c r="EX14" s="295">
        <v>0</v>
      </c>
      <c r="EY14" s="298">
        <v>0</v>
      </c>
      <c r="EZ14" s="299">
        <v>0</v>
      </c>
      <c r="FA14" s="294">
        <v>0</v>
      </c>
      <c r="FB14" s="295">
        <v>0</v>
      </c>
      <c r="FC14" s="296">
        <v>0</v>
      </c>
      <c r="FD14" s="300"/>
      <c r="FE14" s="295">
        <v>0</v>
      </c>
      <c r="FF14" s="295">
        <v>0</v>
      </c>
      <c r="FG14" s="295">
        <v>0</v>
      </c>
      <c r="FH14" s="295">
        <v>322</v>
      </c>
      <c r="FI14" s="295">
        <v>2534</v>
      </c>
      <c r="FJ14" s="298">
        <v>2856</v>
      </c>
      <c r="FK14" s="299">
        <v>2856</v>
      </c>
      <c r="FL14" s="294">
        <v>0</v>
      </c>
      <c r="FM14" s="295">
        <v>0</v>
      </c>
      <c r="FN14" s="296">
        <v>0</v>
      </c>
      <c r="FO14" s="300"/>
      <c r="FP14" s="295">
        <v>0</v>
      </c>
      <c r="FQ14" s="295">
        <v>0</v>
      </c>
      <c r="FR14" s="295">
        <v>0</v>
      </c>
      <c r="FS14" s="295">
        <v>96813</v>
      </c>
      <c r="FT14" s="295">
        <v>69223</v>
      </c>
      <c r="FU14" s="298">
        <v>166036</v>
      </c>
      <c r="FV14" s="299">
        <v>166036</v>
      </c>
      <c r="FW14" s="294">
        <v>3798</v>
      </c>
      <c r="FX14" s="295">
        <v>29447</v>
      </c>
      <c r="FY14" s="296">
        <v>33245</v>
      </c>
      <c r="FZ14" s="297">
        <v>0</v>
      </c>
      <c r="GA14" s="295">
        <v>179422</v>
      </c>
      <c r="GB14" s="295">
        <v>287926</v>
      </c>
      <c r="GC14" s="295">
        <v>389324</v>
      </c>
      <c r="GD14" s="295">
        <v>419588</v>
      </c>
      <c r="GE14" s="295">
        <v>233541</v>
      </c>
      <c r="GF14" s="298">
        <v>1509801</v>
      </c>
      <c r="GG14" s="299">
        <v>1543046</v>
      </c>
      <c r="GH14" s="294">
        <v>0</v>
      </c>
      <c r="GI14" s="295">
        <v>0</v>
      </c>
      <c r="GJ14" s="296">
        <v>0</v>
      </c>
      <c r="GK14" s="297">
        <v>0</v>
      </c>
      <c r="GL14" s="295">
        <v>14</v>
      </c>
      <c r="GM14" s="295">
        <v>5890</v>
      </c>
      <c r="GN14" s="295">
        <v>12047</v>
      </c>
      <c r="GO14" s="295">
        <v>21</v>
      </c>
      <c r="GP14" s="295">
        <v>273</v>
      </c>
      <c r="GQ14" s="298">
        <v>18245</v>
      </c>
      <c r="GR14" s="299">
        <v>18245</v>
      </c>
      <c r="GS14" s="294">
        <v>0</v>
      </c>
      <c r="GT14" s="295">
        <v>0</v>
      </c>
      <c r="GU14" s="296">
        <v>0</v>
      </c>
      <c r="GV14" s="297">
        <v>0</v>
      </c>
      <c r="GW14" s="295">
        <v>0</v>
      </c>
      <c r="GX14" s="295">
        <v>0</v>
      </c>
      <c r="GY14" s="295">
        <v>0</v>
      </c>
      <c r="GZ14" s="295">
        <v>0</v>
      </c>
      <c r="HA14" s="295">
        <v>0</v>
      </c>
      <c r="HB14" s="298">
        <v>0</v>
      </c>
      <c r="HC14" s="299">
        <v>0</v>
      </c>
      <c r="HD14" s="294">
        <v>0</v>
      </c>
      <c r="HE14" s="295">
        <v>0</v>
      </c>
      <c r="HF14" s="296">
        <v>0</v>
      </c>
      <c r="HG14" s="300"/>
      <c r="HH14" s="295">
        <v>0</v>
      </c>
      <c r="HI14" s="295">
        <v>0</v>
      </c>
      <c r="HJ14" s="295">
        <v>0</v>
      </c>
      <c r="HK14" s="295">
        <v>0</v>
      </c>
      <c r="HL14" s="295">
        <v>0</v>
      </c>
      <c r="HM14" s="298">
        <v>0</v>
      </c>
      <c r="HN14" s="299">
        <v>0</v>
      </c>
      <c r="HO14" s="294">
        <v>6228</v>
      </c>
      <c r="HP14" s="295">
        <v>62952</v>
      </c>
      <c r="HQ14" s="296">
        <v>69180</v>
      </c>
      <c r="HR14" s="297">
        <v>0</v>
      </c>
      <c r="HS14" s="295">
        <v>1109590</v>
      </c>
      <c r="HT14" s="295">
        <v>2035866</v>
      </c>
      <c r="HU14" s="295">
        <v>6957550</v>
      </c>
      <c r="HV14" s="295">
        <v>9315812</v>
      </c>
      <c r="HW14" s="295">
        <v>8870211</v>
      </c>
      <c r="HX14" s="298">
        <v>28289029</v>
      </c>
      <c r="HY14" s="299">
        <v>28358209</v>
      </c>
    </row>
    <row r="15" spans="2:233" ht="21" customHeight="1" x14ac:dyDescent="0.2">
      <c r="B15" s="292" t="s">
        <v>11</v>
      </c>
      <c r="C15" s="294">
        <v>4900</v>
      </c>
      <c r="D15" s="295">
        <v>3760</v>
      </c>
      <c r="E15" s="296">
        <v>8660</v>
      </c>
      <c r="F15" s="297">
        <v>0</v>
      </c>
      <c r="G15" s="295">
        <v>889263</v>
      </c>
      <c r="H15" s="295">
        <v>923041</v>
      </c>
      <c r="I15" s="295">
        <v>2793582</v>
      </c>
      <c r="J15" s="295">
        <v>4263818</v>
      </c>
      <c r="K15" s="295">
        <v>2074775</v>
      </c>
      <c r="L15" s="298">
        <v>10944479</v>
      </c>
      <c r="M15" s="299">
        <v>10953139</v>
      </c>
      <c r="N15" s="294">
        <v>0</v>
      </c>
      <c r="O15" s="295">
        <v>0</v>
      </c>
      <c r="P15" s="296">
        <v>0</v>
      </c>
      <c r="Q15" s="300"/>
      <c r="R15" s="295">
        <v>2635</v>
      </c>
      <c r="S15" s="295">
        <v>103850</v>
      </c>
      <c r="T15" s="295">
        <v>1885830</v>
      </c>
      <c r="U15" s="295">
        <v>2826350</v>
      </c>
      <c r="V15" s="295">
        <v>1384815</v>
      </c>
      <c r="W15" s="298">
        <v>6203480</v>
      </c>
      <c r="X15" s="299">
        <v>6203480</v>
      </c>
      <c r="Y15" s="294">
        <v>0</v>
      </c>
      <c r="Z15" s="295">
        <v>0</v>
      </c>
      <c r="AA15" s="296">
        <v>0</v>
      </c>
      <c r="AB15" s="300"/>
      <c r="AC15" s="295">
        <v>774937</v>
      </c>
      <c r="AD15" s="295">
        <v>724972</v>
      </c>
      <c r="AE15" s="295">
        <v>704872</v>
      </c>
      <c r="AF15" s="295">
        <v>1096095</v>
      </c>
      <c r="AG15" s="295">
        <v>412030</v>
      </c>
      <c r="AH15" s="298">
        <v>3712906</v>
      </c>
      <c r="AI15" s="299">
        <v>3712906</v>
      </c>
      <c r="AJ15" s="294">
        <v>0</v>
      </c>
      <c r="AK15" s="295">
        <v>0</v>
      </c>
      <c r="AL15" s="296">
        <v>0</v>
      </c>
      <c r="AM15" s="300"/>
      <c r="AN15" s="295">
        <v>0</v>
      </c>
      <c r="AO15" s="295">
        <v>0</v>
      </c>
      <c r="AP15" s="295">
        <v>0</v>
      </c>
      <c r="AQ15" s="295">
        <v>0</v>
      </c>
      <c r="AR15" s="295">
        <v>0</v>
      </c>
      <c r="AS15" s="298">
        <v>0</v>
      </c>
      <c r="AT15" s="299">
        <v>0</v>
      </c>
      <c r="AU15" s="294">
        <v>0</v>
      </c>
      <c r="AV15" s="295">
        <v>0</v>
      </c>
      <c r="AW15" s="296">
        <v>0</v>
      </c>
      <c r="AX15" s="300"/>
      <c r="AY15" s="295">
        <v>24645</v>
      </c>
      <c r="AZ15" s="295">
        <v>2635</v>
      </c>
      <c r="BA15" s="295">
        <v>2635</v>
      </c>
      <c r="BB15" s="295">
        <v>98685</v>
      </c>
      <c r="BC15" s="295">
        <v>185155</v>
      </c>
      <c r="BD15" s="298">
        <v>313755</v>
      </c>
      <c r="BE15" s="299">
        <v>313755</v>
      </c>
      <c r="BF15" s="294">
        <v>0</v>
      </c>
      <c r="BG15" s="295">
        <v>0</v>
      </c>
      <c r="BH15" s="296">
        <v>0</v>
      </c>
      <c r="BI15" s="300"/>
      <c r="BJ15" s="295">
        <v>0</v>
      </c>
      <c r="BK15" s="295">
        <v>12720</v>
      </c>
      <c r="BL15" s="295">
        <v>0</v>
      </c>
      <c r="BM15" s="295">
        <v>0</v>
      </c>
      <c r="BN15" s="295">
        <v>0</v>
      </c>
      <c r="BO15" s="298">
        <v>12720</v>
      </c>
      <c r="BP15" s="299">
        <v>12720</v>
      </c>
      <c r="BQ15" s="294">
        <v>4900</v>
      </c>
      <c r="BR15" s="295">
        <v>3760</v>
      </c>
      <c r="BS15" s="296">
        <v>8660</v>
      </c>
      <c r="BT15" s="297">
        <v>0</v>
      </c>
      <c r="BU15" s="295">
        <v>85086</v>
      </c>
      <c r="BV15" s="295">
        <v>75654</v>
      </c>
      <c r="BW15" s="295">
        <v>200100</v>
      </c>
      <c r="BX15" s="295">
        <v>242688</v>
      </c>
      <c r="BY15" s="295">
        <v>91035</v>
      </c>
      <c r="BZ15" s="298">
        <v>694563</v>
      </c>
      <c r="CA15" s="299">
        <v>703223</v>
      </c>
      <c r="CB15" s="294">
        <v>0</v>
      </c>
      <c r="CC15" s="295">
        <v>0</v>
      </c>
      <c r="CD15" s="296">
        <v>0</v>
      </c>
      <c r="CE15" s="297">
        <v>0</v>
      </c>
      <c r="CF15" s="295">
        <v>1960</v>
      </c>
      <c r="CG15" s="295">
        <v>3210</v>
      </c>
      <c r="CH15" s="295">
        <v>145</v>
      </c>
      <c r="CI15" s="295">
        <v>0</v>
      </c>
      <c r="CJ15" s="295">
        <v>1740</v>
      </c>
      <c r="CK15" s="298">
        <v>7055</v>
      </c>
      <c r="CL15" s="299">
        <v>7055</v>
      </c>
      <c r="CM15" s="294">
        <v>0</v>
      </c>
      <c r="CN15" s="295">
        <v>0</v>
      </c>
      <c r="CO15" s="296">
        <v>0</v>
      </c>
      <c r="CP15" s="297">
        <v>0</v>
      </c>
      <c r="CQ15" s="295">
        <v>0</v>
      </c>
      <c r="CR15" s="295">
        <v>0</v>
      </c>
      <c r="CS15" s="295">
        <v>0</v>
      </c>
      <c r="CT15" s="295">
        <v>0</v>
      </c>
      <c r="CU15" s="295">
        <v>0</v>
      </c>
      <c r="CV15" s="298">
        <v>0</v>
      </c>
      <c r="CW15" s="299">
        <v>0</v>
      </c>
      <c r="CX15" s="294">
        <v>0</v>
      </c>
      <c r="CY15" s="295">
        <v>0</v>
      </c>
      <c r="CZ15" s="296">
        <v>0</v>
      </c>
      <c r="DA15" s="300"/>
      <c r="DB15" s="295">
        <v>0</v>
      </c>
      <c r="DC15" s="295">
        <v>0</v>
      </c>
      <c r="DD15" s="295">
        <v>0</v>
      </c>
      <c r="DE15" s="295">
        <v>0</v>
      </c>
      <c r="DF15" s="295">
        <v>0</v>
      </c>
      <c r="DG15" s="298">
        <v>0</v>
      </c>
      <c r="DH15" s="299">
        <v>0</v>
      </c>
      <c r="DI15" s="294">
        <v>7510</v>
      </c>
      <c r="DJ15" s="295">
        <v>3510</v>
      </c>
      <c r="DK15" s="296">
        <v>11020</v>
      </c>
      <c r="DL15" s="297">
        <v>0</v>
      </c>
      <c r="DM15" s="295">
        <v>341674</v>
      </c>
      <c r="DN15" s="295">
        <v>317779</v>
      </c>
      <c r="DO15" s="295">
        <v>2779781</v>
      </c>
      <c r="DP15" s="295">
        <v>3841144</v>
      </c>
      <c r="DQ15" s="295">
        <v>1818549</v>
      </c>
      <c r="DR15" s="298">
        <v>9098927</v>
      </c>
      <c r="DS15" s="301">
        <v>9109947</v>
      </c>
      <c r="DT15" s="294">
        <v>0</v>
      </c>
      <c r="DU15" s="295">
        <v>0</v>
      </c>
      <c r="DV15" s="296">
        <v>0</v>
      </c>
      <c r="DW15" s="300"/>
      <c r="DX15" s="295">
        <v>21576</v>
      </c>
      <c r="DY15" s="295">
        <v>96751</v>
      </c>
      <c r="DZ15" s="295">
        <v>2329966</v>
      </c>
      <c r="EA15" s="295">
        <v>3429942</v>
      </c>
      <c r="EB15" s="295">
        <v>1654503</v>
      </c>
      <c r="EC15" s="298">
        <v>7532738</v>
      </c>
      <c r="ED15" s="299">
        <v>7532738</v>
      </c>
      <c r="EE15" s="294">
        <v>0</v>
      </c>
      <c r="EF15" s="295">
        <v>0</v>
      </c>
      <c r="EG15" s="296">
        <v>0</v>
      </c>
      <c r="EH15" s="300"/>
      <c r="EI15" s="295">
        <v>199261</v>
      </c>
      <c r="EJ15" s="295">
        <v>133608</v>
      </c>
      <c r="EK15" s="295">
        <v>145363</v>
      </c>
      <c r="EL15" s="295">
        <v>121573</v>
      </c>
      <c r="EM15" s="295">
        <v>39341</v>
      </c>
      <c r="EN15" s="298">
        <v>639146</v>
      </c>
      <c r="EO15" s="299">
        <v>639146</v>
      </c>
      <c r="EP15" s="294">
        <v>0</v>
      </c>
      <c r="EQ15" s="295">
        <v>0</v>
      </c>
      <c r="ER15" s="296">
        <v>0</v>
      </c>
      <c r="ES15" s="300"/>
      <c r="ET15" s="295">
        <v>0</v>
      </c>
      <c r="EU15" s="295">
        <v>0</v>
      </c>
      <c r="EV15" s="295">
        <v>0</v>
      </c>
      <c r="EW15" s="295">
        <v>0</v>
      </c>
      <c r="EX15" s="295">
        <v>0</v>
      </c>
      <c r="EY15" s="298">
        <v>0</v>
      </c>
      <c r="EZ15" s="299">
        <v>0</v>
      </c>
      <c r="FA15" s="294">
        <v>0</v>
      </c>
      <c r="FB15" s="295">
        <v>0</v>
      </c>
      <c r="FC15" s="296">
        <v>0</v>
      </c>
      <c r="FD15" s="300"/>
      <c r="FE15" s="295">
        <v>217</v>
      </c>
      <c r="FF15" s="295">
        <v>217</v>
      </c>
      <c r="FG15" s="295">
        <v>217</v>
      </c>
      <c r="FH15" s="295">
        <v>24200</v>
      </c>
      <c r="FI15" s="295">
        <v>24837</v>
      </c>
      <c r="FJ15" s="298">
        <v>49688</v>
      </c>
      <c r="FK15" s="299">
        <v>49688</v>
      </c>
      <c r="FL15" s="294">
        <v>0</v>
      </c>
      <c r="FM15" s="295">
        <v>0</v>
      </c>
      <c r="FN15" s="296">
        <v>0</v>
      </c>
      <c r="FO15" s="300"/>
      <c r="FP15" s="295">
        <v>0</v>
      </c>
      <c r="FQ15" s="295">
        <v>11136</v>
      </c>
      <c r="FR15" s="295">
        <v>0</v>
      </c>
      <c r="FS15" s="295">
        <v>0</v>
      </c>
      <c r="FT15" s="295">
        <v>0</v>
      </c>
      <c r="FU15" s="298">
        <v>11136</v>
      </c>
      <c r="FV15" s="299">
        <v>11136</v>
      </c>
      <c r="FW15" s="294">
        <v>7510</v>
      </c>
      <c r="FX15" s="295">
        <v>3510</v>
      </c>
      <c r="FY15" s="296">
        <v>11020</v>
      </c>
      <c r="FZ15" s="297">
        <v>0</v>
      </c>
      <c r="GA15" s="295">
        <v>120585</v>
      </c>
      <c r="GB15" s="295">
        <v>76039</v>
      </c>
      <c r="GC15" s="295">
        <v>302803</v>
      </c>
      <c r="GD15" s="295">
        <v>265429</v>
      </c>
      <c r="GE15" s="295">
        <v>99777</v>
      </c>
      <c r="GF15" s="298">
        <v>864633</v>
      </c>
      <c r="GG15" s="299">
        <v>875653</v>
      </c>
      <c r="GH15" s="294">
        <v>0</v>
      </c>
      <c r="GI15" s="295">
        <v>0</v>
      </c>
      <c r="GJ15" s="296">
        <v>0</v>
      </c>
      <c r="GK15" s="297">
        <v>0</v>
      </c>
      <c r="GL15" s="295">
        <v>35</v>
      </c>
      <c r="GM15" s="295">
        <v>28</v>
      </c>
      <c r="GN15" s="295">
        <v>1432</v>
      </c>
      <c r="GO15" s="295">
        <v>0</v>
      </c>
      <c r="GP15" s="295">
        <v>91</v>
      </c>
      <c r="GQ15" s="298">
        <v>1586</v>
      </c>
      <c r="GR15" s="299">
        <v>1586</v>
      </c>
      <c r="GS15" s="294">
        <v>0</v>
      </c>
      <c r="GT15" s="295">
        <v>0</v>
      </c>
      <c r="GU15" s="296">
        <v>0</v>
      </c>
      <c r="GV15" s="297">
        <v>0</v>
      </c>
      <c r="GW15" s="295">
        <v>0</v>
      </c>
      <c r="GX15" s="295">
        <v>0</v>
      </c>
      <c r="GY15" s="295">
        <v>0</v>
      </c>
      <c r="GZ15" s="295">
        <v>0</v>
      </c>
      <c r="HA15" s="295">
        <v>0</v>
      </c>
      <c r="HB15" s="298">
        <v>0</v>
      </c>
      <c r="HC15" s="299">
        <v>0</v>
      </c>
      <c r="HD15" s="294">
        <v>0</v>
      </c>
      <c r="HE15" s="295">
        <v>0</v>
      </c>
      <c r="HF15" s="296">
        <v>0</v>
      </c>
      <c r="HG15" s="300"/>
      <c r="HH15" s="295">
        <v>0</v>
      </c>
      <c r="HI15" s="295">
        <v>0</v>
      </c>
      <c r="HJ15" s="295">
        <v>0</v>
      </c>
      <c r="HK15" s="295">
        <v>0</v>
      </c>
      <c r="HL15" s="295">
        <v>0</v>
      </c>
      <c r="HM15" s="298">
        <v>0</v>
      </c>
      <c r="HN15" s="299">
        <v>0</v>
      </c>
      <c r="HO15" s="294">
        <v>12410</v>
      </c>
      <c r="HP15" s="295">
        <v>7270</v>
      </c>
      <c r="HQ15" s="296">
        <v>19680</v>
      </c>
      <c r="HR15" s="297">
        <v>0</v>
      </c>
      <c r="HS15" s="295">
        <v>1230937</v>
      </c>
      <c r="HT15" s="295">
        <v>1240820</v>
      </c>
      <c r="HU15" s="295">
        <v>5573363</v>
      </c>
      <c r="HV15" s="295">
        <v>8104962</v>
      </c>
      <c r="HW15" s="295">
        <v>3893324</v>
      </c>
      <c r="HX15" s="298">
        <v>20043406</v>
      </c>
      <c r="HY15" s="299">
        <v>20063086</v>
      </c>
    </row>
    <row r="16" spans="2:233" ht="21" customHeight="1" x14ac:dyDescent="0.2">
      <c r="B16" s="292" t="s">
        <v>12</v>
      </c>
      <c r="C16" s="294">
        <v>3435</v>
      </c>
      <c r="D16" s="295">
        <v>10220</v>
      </c>
      <c r="E16" s="296">
        <v>13655</v>
      </c>
      <c r="F16" s="297">
        <v>0</v>
      </c>
      <c r="G16" s="295">
        <v>335155</v>
      </c>
      <c r="H16" s="295">
        <v>639580</v>
      </c>
      <c r="I16" s="295">
        <v>2598101</v>
      </c>
      <c r="J16" s="295">
        <v>3199399</v>
      </c>
      <c r="K16" s="295">
        <v>2234977</v>
      </c>
      <c r="L16" s="298">
        <v>9007212</v>
      </c>
      <c r="M16" s="299">
        <v>9020867</v>
      </c>
      <c r="N16" s="294">
        <v>0</v>
      </c>
      <c r="O16" s="295">
        <v>0</v>
      </c>
      <c r="P16" s="296">
        <v>0</v>
      </c>
      <c r="Q16" s="300"/>
      <c r="R16" s="295">
        <v>0</v>
      </c>
      <c r="S16" s="295">
        <v>97365</v>
      </c>
      <c r="T16" s="295">
        <v>1366280</v>
      </c>
      <c r="U16" s="295">
        <v>2136951</v>
      </c>
      <c r="V16" s="295">
        <v>1605964</v>
      </c>
      <c r="W16" s="298">
        <v>5206560</v>
      </c>
      <c r="X16" s="299">
        <v>5206560</v>
      </c>
      <c r="Y16" s="294">
        <v>0</v>
      </c>
      <c r="Z16" s="295">
        <v>0</v>
      </c>
      <c r="AA16" s="296">
        <v>0</v>
      </c>
      <c r="AB16" s="300"/>
      <c r="AC16" s="295">
        <v>274215</v>
      </c>
      <c r="AD16" s="295">
        <v>489480</v>
      </c>
      <c r="AE16" s="295">
        <v>813062</v>
      </c>
      <c r="AF16" s="295">
        <v>747009</v>
      </c>
      <c r="AG16" s="295">
        <v>338543</v>
      </c>
      <c r="AH16" s="298">
        <v>2662309</v>
      </c>
      <c r="AI16" s="299">
        <v>2662309</v>
      </c>
      <c r="AJ16" s="294">
        <v>0</v>
      </c>
      <c r="AK16" s="295">
        <v>0</v>
      </c>
      <c r="AL16" s="296">
        <v>0</v>
      </c>
      <c r="AM16" s="300"/>
      <c r="AN16" s="295">
        <v>0</v>
      </c>
      <c r="AO16" s="295">
        <v>0</v>
      </c>
      <c r="AP16" s="295">
        <v>0</v>
      </c>
      <c r="AQ16" s="295">
        <v>0</v>
      </c>
      <c r="AR16" s="295">
        <v>0</v>
      </c>
      <c r="AS16" s="298">
        <v>0</v>
      </c>
      <c r="AT16" s="299">
        <v>0</v>
      </c>
      <c r="AU16" s="294">
        <v>0</v>
      </c>
      <c r="AV16" s="295">
        <v>0</v>
      </c>
      <c r="AW16" s="296">
        <v>0</v>
      </c>
      <c r="AX16" s="300"/>
      <c r="AY16" s="295">
        <v>0</v>
      </c>
      <c r="AZ16" s="295">
        <v>0</v>
      </c>
      <c r="BA16" s="295">
        <v>0</v>
      </c>
      <c r="BB16" s="295">
        <v>5270</v>
      </c>
      <c r="BC16" s="295">
        <v>21235</v>
      </c>
      <c r="BD16" s="298">
        <v>26505</v>
      </c>
      <c r="BE16" s="299">
        <v>26505</v>
      </c>
      <c r="BF16" s="294">
        <v>0</v>
      </c>
      <c r="BG16" s="295">
        <v>0</v>
      </c>
      <c r="BH16" s="296">
        <v>0</v>
      </c>
      <c r="BI16" s="300"/>
      <c r="BJ16" s="295">
        <v>0</v>
      </c>
      <c r="BK16" s="295">
        <v>0</v>
      </c>
      <c r="BL16" s="295">
        <v>160580</v>
      </c>
      <c r="BM16" s="295">
        <v>95325</v>
      </c>
      <c r="BN16" s="295">
        <v>37975</v>
      </c>
      <c r="BO16" s="298">
        <v>293880</v>
      </c>
      <c r="BP16" s="299">
        <v>293880</v>
      </c>
      <c r="BQ16" s="294">
        <v>3435</v>
      </c>
      <c r="BR16" s="295">
        <v>10220</v>
      </c>
      <c r="BS16" s="296">
        <v>13655</v>
      </c>
      <c r="BT16" s="297">
        <v>0</v>
      </c>
      <c r="BU16" s="295">
        <v>60940</v>
      </c>
      <c r="BV16" s="295">
        <v>46240</v>
      </c>
      <c r="BW16" s="295">
        <v>258179</v>
      </c>
      <c r="BX16" s="295">
        <v>214699</v>
      </c>
      <c r="BY16" s="295">
        <v>231260</v>
      </c>
      <c r="BZ16" s="298">
        <v>811318</v>
      </c>
      <c r="CA16" s="299">
        <v>824973</v>
      </c>
      <c r="CB16" s="294">
        <v>0</v>
      </c>
      <c r="CC16" s="295">
        <v>0</v>
      </c>
      <c r="CD16" s="296">
        <v>0</v>
      </c>
      <c r="CE16" s="297">
        <v>0</v>
      </c>
      <c r="CF16" s="295">
        <v>0</v>
      </c>
      <c r="CG16" s="295">
        <v>6495</v>
      </c>
      <c r="CH16" s="295">
        <v>0</v>
      </c>
      <c r="CI16" s="295">
        <v>145</v>
      </c>
      <c r="CJ16" s="295">
        <v>0</v>
      </c>
      <c r="CK16" s="298">
        <v>6640</v>
      </c>
      <c r="CL16" s="299">
        <v>6640</v>
      </c>
      <c r="CM16" s="294">
        <v>0</v>
      </c>
      <c r="CN16" s="295">
        <v>0</v>
      </c>
      <c r="CO16" s="296">
        <v>0</v>
      </c>
      <c r="CP16" s="297">
        <v>0</v>
      </c>
      <c r="CQ16" s="295">
        <v>0</v>
      </c>
      <c r="CR16" s="295">
        <v>0</v>
      </c>
      <c r="CS16" s="295">
        <v>0</v>
      </c>
      <c r="CT16" s="295">
        <v>0</v>
      </c>
      <c r="CU16" s="295">
        <v>0</v>
      </c>
      <c r="CV16" s="298">
        <v>0</v>
      </c>
      <c r="CW16" s="299">
        <v>0</v>
      </c>
      <c r="CX16" s="294">
        <v>0</v>
      </c>
      <c r="CY16" s="295">
        <v>0</v>
      </c>
      <c r="CZ16" s="296">
        <v>0</v>
      </c>
      <c r="DA16" s="300"/>
      <c r="DB16" s="295">
        <v>0</v>
      </c>
      <c r="DC16" s="295">
        <v>0</v>
      </c>
      <c r="DD16" s="295">
        <v>0</v>
      </c>
      <c r="DE16" s="295">
        <v>0</v>
      </c>
      <c r="DF16" s="295">
        <v>0</v>
      </c>
      <c r="DG16" s="298">
        <v>0</v>
      </c>
      <c r="DH16" s="299">
        <v>0</v>
      </c>
      <c r="DI16" s="294">
        <v>2553</v>
      </c>
      <c r="DJ16" s="295">
        <v>10132</v>
      </c>
      <c r="DK16" s="296">
        <v>12685</v>
      </c>
      <c r="DL16" s="297">
        <v>0</v>
      </c>
      <c r="DM16" s="295">
        <v>124152</v>
      </c>
      <c r="DN16" s="295">
        <v>456402</v>
      </c>
      <c r="DO16" s="295">
        <v>2791077</v>
      </c>
      <c r="DP16" s="295">
        <v>3483651</v>
      </c>
      <c r="DQ16" s="295">
        <v>2515807</v>
      </c>
      <c r="DR16" s="298">
        <v>9371089</v>
      </c>
      <c r="DS16" s="301">
        <v>9383774</v>
      </c>
      <c r="DT16" s="294">
        <v>0</v>
      </c>
      <c r="DU16" s="295">
        <v>0</v>
      </c>
      <c r="DV16" s="296">
        <v>0</v>
      </c>
      <c r="DW16" s="300"/>
      <c r="DX16" s="295">
        <v>0</v>
      </c>
      <c r="DY16" s="295">
        <v>249188</v>
      </c>
      <c r="DZ16" s="295">
        <v>2081850</v>
      </c>
      <c r="EA16" s="295">
        <v>2906973</v>
      </c>
      <c r="EB16" s="295">
        <v>2134600</v>
      </c>
      <c r="EC16" s="298">
        <v>7372611</v>
      </c>
      <c r="ED16" s="299">
        <v>7372611</v>
      </c>
      <c r="EE16" s="294">
        <v>0</v>
      </c>
      <c r="EF16" s="295">
        <v>0</v>
      </c>
      <c r="EG16" s="296">
        <v>0</v>
      </c>
      <c r="EH16" s="300"/>
      <c r="EI16" s="295">
        <v>2198</v>
      </c>
      <c r="EJ16" s="295">
        <v>104935</v>
      </c>
      <c r="EK16" s="295">
        <v>125122</v>
      </c>
      <c r="EL16" s="295">
        <v>125945</v>
      </c>
      <c r="EM16" s="295">
        <v>48152</v>
      </c>
      <c r="EN16" s="298">
        <v>406352</v>
      </c>
      <c r="EO16" s="299">
        <v>406352</v>
      </c>
      <c r="EP16" s="294">
        <v>0</v>
      </c>
      <c r="EQ16" s="295">
        <v>0</v>
      </c>
      <c r="ER16" s="296">
        <v>0</v>
      </c>
      <c r="ES16" s="300"/>
      <c r="ET16" s="295">
        <v>0</v>
      </c>
      <c r="EU16" s="295">
        <v>0</v>
      </c>
      <c r="EV16" s="295">
        <v>0</v>
      </c>
      <c r="EW16" s="295">
        <v>0</v>
      </c>
      <c r="EX16" s="295">
        <v>0</v>
      </c>
      <c r="EY16" s="298">
        <v>0</v>
      </c>
      <c r="EZ16" s="299">
        <v>0</v>
      </c>
      <c r="FA16" s="294">
        <v>0</v>
      </c>
      <c r="FB16" s="295">
        <v>0</v>
      </c>
      <c r="FC16" s="296">
        <v>0</v>
      </c>
      <c r="FD16" s="300"/>
      <c r="FE16" s="295">
        <v>0</v>
      </c>
      <c r="FF16" s="295">
        <v>0</v>
      </c>
      <c r="FG16" s="295">
        <v>0</v>
      </c>
      <c r="FH16" s="295">
        <v>434</v>
      </c>
      <c r="FI16" s="295">
        <v>1456</v>
      </c>
      <c r="FJ16" s="298">
        <v>1890</v>
      </c>
      <c r="FK16" s="299">
        <v>1890</v>
      </c>
      <c r="FL16" s="294">
        <v>0</v>
      </c>
      <c r="FM16" s="295">
        <v>0</v>
      </c>
      <c r="FN16" s="296">
        <v>0</v>
      </c>
      <c r="FO16" s="300"/>
      <c r="FP16" s="295">
        <v>0</v>
      </c>
      <c r="FQ16" s="295">
        <v>0</v>
      </c>
      <c r="FR16" s="295">
        <v>261330</v>
      </c>
      <c r="FS16" s="295">
        <v>138260</v>
      </c>
      <c r="FT16" s="295">
        <v>79918</v>
      </c>
      <c r="FU16" s="298">
        <v>479508</v>
      </c>
      <c r="FV16" s="299">
        <v>479508</v>
      </c>
      <c r="FW16" s="294">
        <v>2553</v>
      </c>
      <c r="FX16" s="295">
        <v>10132</v>
      </c>
      <c r="FY16" s="296">
        <v>12685</v>
      </c>
      <c r="FZ16" s="297">
        <v>0</v>
      </c>
      <c r="GA16" s="295">
        <v>121954</v>
      </c>
      <c r="GB16" s="295">
        <v>97679</v>
      </c>
      <c r="GC16" s="295">
        <v>322775</v>
      </c>
      <c r="GD16" s="295">
        <v>312018</v>
      </c>
      <c r="GE16" s="295">
        <v>251681</v>
      </c>
      <c r="GF16" s="298">
        <v>1106107</v>
      </c>
      <c r="GG16" s="299">
        <v>1118792</v>
      </c>
      <c r="GH16" s="294">
        <v>0</v>
      </c>
      <c r="GI16" s="295">
        <v>0</v>
      </c>
      <c r="GJ16" s="296">
        <v>0</v>
      </c>
      <c r="GK16" s="297">
        <v>0</v>
      </c>
      <c r="GL16" s="295">
        <v>0</v>
      </c>
      <c r="GM16" s="295">
        <v>4600</v>
      </c>
      <c r="GN16" s="295">
        <v>0</v>
      </c>
      <c r="GO16" s="295">
        <v>21</v>
      </c>
      <c r="GP16" s="295">
        <v>0</v>
      </c>
      <c r="GQ16" s="298">
        <v>4621</v>
      </c>
      <c r="GR16" s="299">
        <v>4621</v>
      </c>
      <c r="GS16" s="294">
        <v>0</v>
      </c>
      <c r="GT16" s="295">
        <v>0</v>
      </c>
      <c r="GU16" s="296">
        <v>0</v>
      </c>
      <c r="GV16" s="297">
        <v>0</v>
      </c>
      <c r="GW16" s="295">
        <v>0</v>
      </c>
      <c r="GX16" s="295">
        <v>0</v>
      </c>
      <c r="GY16" s="295">
        <v>0</v>
      </c>
      <c r="GZ16" s="295">
        <v>0</v>
      </c>
      <c r="HA16" s="295">
        <v>0</v>
      </c>
      <c r="HB16" s="298">
        <v>0</v>
      </c>
      <c r="HC16" s="299">
        <v>0</v>
      </c>
      <c r="HD16" s="294">
        <v>0</v>
      </c>
      <c r="HE16" s="295">
        <v>0</v>
      </c>
      <c r="HF16" s="296">
        <v>0</v>
      </c>
      <c r="HG16" s="300"/>
      <c r="HH16" s="295">
        <v>0</v>
      </c>
      <c r="HI16" s="295">
        <v>0</v>
      </c>
      <c r="HJ16" s="295">
        <v>0</v>
      </c>
      <c r="HK16" s="295">
        <v>0</v>
      </c>
      <c r="HL16" s="295">
        <v>0</v>
      </c>
      <c r="HM16" s="298">
        <v>0</v>
      </c>
      <c r="HN16" s="299">
        <v>0</v>
      </c>
      <c r="HO16" s="294">
        <v>5988</v>
      </c>
      <c r="HP16" s="295">
        <v>20352</v>
      </c>
      <c r="HQ16" s="296">
        <v>26340</v>
      </c>
      <c r="HR16" s="297">
        <v>0</v>
      </c>
      <c r="HS16" s="295">
        <v>459307</v>
      </c>
      <c r="HT16" s="295">
        <v>1095982</v>
      </c>
      <c r="HU16" s="295">
        <v>5389178</v>
      </c>
      <c r="HV16" s="295">
        <v>6683050</v>
      </c>
      <c r="HW16" s="295">
        <v>4750784</v>
      </c>
      <c r="HX16" s="298">
        <v>18378301</v>
      </c>
      <c r="HY16" s="299">
        <v>18404641</v>
      </c>
    </row>
    <row r="17" spans="2:233" ht="21" customHeight="1" x14ac:dyDescent="0.2">
      <c r="B17" s="292" t="s">
        <v>13</v>
      </c>
      <c r="C17" s="294">
        <v>0</v>
      </c>
      <c r="D17" s="295">
        <v>0</v>
      </c>
      <c r="E17" s="296">
        <v>0</v>
      </c>
      <c r="F17" s="297">
        <v>0</v>
      </c>
      <c r="G17" s="295">
        <v>69110</v>
      </c>
      <c r="H17" s="295">
        <v>104870</v>
      </c>
      <c r="I17" s="295">
        <v>650281</v>
      </c>
      <c r="J17" s="295">
        <v>905795</v>
      </c>
      <c r="K17" s="295">
        <v>687002</v>
      </c>
      <c r="L17" s="298">
        <v>2417058</v>
      </c>
      <c r="M17" s="299">
        <v>2417058</v>
      </c>
      <c r="N17" s="294">
        <v>0</v>
      </c>
      <c r="O17" s="295">
        <v>0</v>
      </c>
      <c r="P17" s="296">
        <v>0</v>
      </c>
      <c r="Q17" s="300"/>
      <c r="R17" s="295">
        <v>2635</v>
      </c>
      <c r="S17" s="295">
        <v>35340</v>
      </c>
      <c r="T17" s="295">
        <v>409080</v>
      </c>
      <c r="U17" s="295">
        <v>862605</v>
      </c>
      <c r="V17" s="295">
        <v>653937</v>
      </c>
      <c r="W17" s="298">
        <v>1963597</v>
      </c>
      <c r="X17" s="299">
        <v>1963597</v>
      </c>
      <c r="Y17" s="294">
        <v>0</v>
      </c>
      <c r="Z17" s="295">
        <v>0</v>
      </c>
      <c r="AA17" s="296">
        <v>0</v>
      </c>
      <c r="AB17" s="300"/>
      <c r="AC17" s="295">
        <v>59985</v>
      </c>
      <c r="AD17" s="295">
        <v>64760</v>
      </c>
      <c r="AE17" s="295">
        <v>169297</v>
      </c>
      <c r="AF17" s="295">
        <v>22695</v>
      </c>
      <c r="AG17" s="295">
        <v>14790</v>
      </c>
      <c r="AH17" s="298">
        <v>331527</v>
      </c>
      <c r="AI17" s="299">
        <v>331527</v>
      </c>
      <c r="AJ17" s="294">
        <v>0</v>
      </c>
      <c r="AK17" s="295">
        <v>0</v>
      </c>
      <c r="AL17" s="296">
        <v>0</v>
      </c>
      <c r="AM17" s="300"/>
      <c r="AN17" s="295">
        <v>0</v>
      </c>
      <c r="AO17" s="295">
        <v>0</v>
      </c>
      <c r="AP17" s="295">
        <v>0</v>
      </c>
      <c r="AQ17" s="295">
        <v>0</v>
      </c>
      <c r="AR17" s="295">
        <v>0</v>
      </c>
      <c r="AS17" s="298">
        <v>0</v>
      </c>
      <c r="AT17" s="299">
        <v>0</v>
      </c>
      <c r="AU17" s="294">
        <v>0</v>
      </c>
      <c r="AV17" s="295">
        <v>0</v>
      </c>
      <c r="AW17" s="296">
        <v>0</v>
      </c>
      <c r="AX17" s="300"/>
      <c r="AY17" s="295">
        <v>0</v>
      </c>
      <c r="AZ17" s="295">
        <v>0</v>
      </c>
      <c r="BA17" s="295">
        <v>0</v>
      </c>
      <c r="BB17" s="295">
        <v>0</v>
      </c>
      <c r="BC17" s="295">
        <v>0</v>
      </c>
      <c r="BD17" s="298">
        <v>0</v>
      </c>
      <c r="BE17" s="299">
        <v>0</v>
      </c>
      <c r="BF17" s="294">
        <v>0</v>
      </c>
      <c r="BG17" s="295">
        <v>0</v>
      </c>
      <c r="BH17" s="296">
        <v>0</v>
      </c>
      <c r="BI17" s="300"/>
      <c r="BJ17" s="295">
        <v>0</v>
      </c>
      <c r="BK17" s="295">
        <v>0</v>
      </c>
      <c r="BL17" s="295">
        <v>0</v>
      </c>
      <c r="BM17" s="295">
        <v>0</v>
      </c>
      <c r="BN17" s="295">
        <v>0</v>
      </c>
      <c r="BO17" s="298">
        <v>0</v>
      </c>
      <c r="BP17" s="299">
        <v>0</v>
      </c>
      <c r="BQ17" s="294">
        <v>0</v>
      </c>
      <c r="BR17" s="295">
        <v>0</v>
      </c>
      <c r="BS17" s="296">
        <v>0</v>
      </c>
      <c r="BT17" s="297">
        <v>0</v>
      </c>
      <c r="BU17" s="295">
        <v>6490</v>
      </c>
      <c r="BV17" s="295">
        <v>2595</v>
      </c>
      <c r="BW17" s="295">
        <v>68989</v>
      </c>
      <c r="BX17" s="295">
        <v>20495</v>
      </c>
      <c r="BY17" s="295">
        <v>9045</v>
      </c>
      <c r="BZ17" s="298">
        <v>107614</v>
      </c>
      <c r="CA17" s="299">
        <v>107614</v>
      </c>
      <c r="CB17" s="294">
        <v>0</v>
      </c>
      <c r="CC17" s="295">
        <v>0</v>
      </c>
      <c r="CD17" s="296">
        <v>0</v>
      </c>
      <c r="CE17" s="297">
        <v>0</v>
      </c>
      <c r="CF17" s="295">
        <v>0</v>
      </c>
      <c r="CG17" s="295">
        <v>2175</v>
      </c>
      <c r="CH17" s="295">
        <v>2915</v>
      </c>
      <c r="CI17" s="295">
        <v>0</v>
      </c>
      <c r="CJ17" s="295">
        <v>9230</v>
      </c>
      <c r="CK17" s="298">
        <v>14320</v>
      </c>
      <c r="CL17" s="299">
        <v>14320</v>
      </c>
      <c r="CM17" s="294">
        <v>0</v>
      </c>
      <c r="CN17" s="295">
        <v>0</v>
      </c>
      <c r="CO17" s="296">
        <v>0</v>
      </c>
      <c r="CP17" s="297">
        <v>0</v>
      </c>
      <c r="CQ17" s="295">
        <v>0</v>
      </c>
      <c r="CR17" s="295">
        <v>0</v>
      </c>
      <c r="CS17" s="295">
        <v>0</v>
      </c>
      <c r="CT17" s="295">
        <v>0</v>
      </c>
      <c r="CU17" s="295">
        <v>0</v>
      </c>
      <c r="CV17" s="298">
        <v>0</v>
      </c>
      <c r="CW17" s="299">
        <v>0</v>
      </c>
      <c r="CX17" s="294">
        <v>0</v>
      </c>
      <c r="CY17" s="295">
        <v>0</v>
      </c>
      <c r="CZ17" s="296">
        <v>0</v>
      </c>
      <c r="DA17" s="300"/>
      <c r="DB17" s="295">
        <v>0</v>
      </c>
      <c r="DC17" s="295">
        <v>0</v>
      </c>
      <c r="DD17" s="295">
        <v>0</v>
      </c>
      <c r="DE17" s="295">
        <v>0</v>
      </c>
      <c r="DF17" s="295">
        <v>0</v>
      </c>
      <c r="DG17" s="298">
        <v>0</v>
      </c>
      <c r="DH17" s="299">
        <v>0</v>
      </c>
      <c r="DI17" s="294">
        <v>0</v>
      </c>
      <c r="DJ17" s="295">
        <v>0</v>
      </c>
      <c r="DK17" s="296">
        <v>0</v>
      </c>
      <c r="DL17" s="297">
        <v>0</v>
      </c>
      <c r="DM17" s="295">
        <v>55523</v>
      </c>
      <c r="DN17" s="295">
        <v>68816</v>
      </c>
      <c r="DO17" s="295">
        <v>751487</v>
      </c>
      <c r="DP17" s="295">
        <v>1065628</v>
      </c>
      <c r="DQ17" s="295">
        <v>818056</v>
      </c>
      <c r="DR17" s="298">
        <v>2759510</v>
      </c>
      <c r="DS17" s="301">
        <v>2759510</v>
      </c>
      <c r="DT17" s="294">
        <v>0</v>
      </c>
      <c r="DU17" s="295">
        <v>0</v>
      </c>
      <c r="DV17" s="296">
        <v>0</v>
      </c>
      <c r="DW17" s="300"/>
      <c r="DX17" s="295">
        <v>21576</v>
      </c>
      <c r="DY17" s="295">
        <v>58342</v>
      </c>
      <c r="DZ17" s="295">
        <v>580213</v>
      </c>
      <c r="EA17" s="295">
        <v>968287</v>
      </c>
      <c r="EB17" s="295">
        <v>756091</v>
      </c>
      <c r="EC17" s="298">
        <v>2384509</v>
      </c>
      <c r="ED17" s="299">
        <v>2384509</v>
      </c>
      <c r="EE17" s="294">
        <v>0</v>
      </c>
      <c r="EF17" s="295">
        <v>0</v>
      </c>
      <c r="EG17" s="296">
        <v>0</v>
      </c>
      <c r="EH17" s="300"/>
      <c r="EI17" s="295">
        <v>11532</v>
      </c>
      <c r="EJ17" s="295">
        <v>1708</v>
      </c>
      <c r="EK17" s="295">
        <v>61054</v>
      </c>
      <c r="EL17" s="295">
        <v>35885</v>
      </c>
      <c r="EM17" s="295">
        <v>22577</v>
      </c>
      <c r="EN17" s="298">
        <v>132756</v>
      </c>
      <c r="EO17" s="299">
        <v>132756</v>
      </c>
      <c r="EP17" s="294">
        <v>0</v>
      </c>
      <c r="EQ17" s="295">
        <v>0</v>
      </c>
      <c r="ER17" s="296">
        <v>0</v>
      </c>
      <c r="ES17" s="300"/>
      <c r="ET17" s="295">
        <v>0</v>
      </c>
      <c r="EU17" s="295">
        <v>0</v>
      </c>
      <c r="EV17" s="295">
        <v>0</v>
      </c>
      <c r="EW17" s="295">
        <v>0</v>
      </c>
      <c r="EX17" s="295">
        <v>0</v>
      </c>
      <c r="EY17" s="298">
        <v>0</v>
      </c>
      <c r="EZ17" s="299">
        <v>0</v>
      </c>
      <c r="FA17" s="294">
        <v>0</v>
      </c>
      <c r="FB17" s="295">
        <v>0</v>
      </c>
      <c r="FC17" s="296">
        <v>0</v>
      </c>
      <c r="FD17" s="300"/>
      <c r="FE17" s="295">
        <v>0</v>
      </c>
      <c r="FF17" s="295">
        <v>0</v>
      </c>
      <c r="FG17" s="295">
        <v>0</v>
      </c>
      <c r="FH17" s="295">
        <v>0</v>
      </c>
      <c r="FI17" s="295">
        <v>0</v>
      </c>
      <c r="FJ17" s="298">
        <v>0</v>
      </c>
      <c r="FK17" s="299">
        <v>0</v>
      </c>
      <c r="FL17" s="294">
        <v>0</v>
      </c>
      <c r="FM17" s="295">
        <v>0</v>
      </c>
      <c r="FN17" s="296">
        <v>0</v>
      </c>
      <c r="FO17" s="300"/>
      <c r="FP17" s="295">
        <v>0</v>
      </c>
      <c r="FQ17" s="295">
        <v>0</v>
      </c>
      <c r="FR17" s="295">
        <v>0</v>
      </c>
      <c r="FS17" s="295">
        <v>0</v>
      </c>
      <c r="FT17" s="295">
        <v>0</v>
      </c>
      <c r="FU17" s="298">
        <v>0</v>
      </c>
      <c r="FV17" s="299">
        <v>0</v>
      </c>
      <c r="FW17" s="294">
        <v>0</v>
      </c>
      <c r="FX17" s="295">
        <v>0</v>
      </c>
      <c r="FY17" s="296">
        <v>0</v>
      </c>
      <c r="FZ17" s="297">
        <v>0</v>
      </c>
      <c r="GA17" s="295">
        <v>22415</v>
      </c>
      <c r="GB17" s="295">
        <v>8654</v>
      </c>
      <c r="GC17" s="295">
        <v>110220</v>
      </c>
      <c r="GD17" s="295">
        <v>61456</v>
      </c>
      <c r="GE17" s="295">
        <v>39388</v>
      </c>
      <c r="GF17" s="298">
        <v>242133</v>
      </c>
      <c r="GG17" s="299">
        <v>242133</v>
      </c>
      <c r="GH17" s="294">
        <v>0</v>
      </c>
      <c r="GI17" s="295">
        <v>0</v>
      </c>
      <c r="GJ17" s="296">
        <v>0</v>
      </c>
      <c r="GK17" s="297">
        <v>0</v>
      </c>
      <c r="GL17" s="295">
        <v>0</v>
      </c>
      <c r="GM17" s="295">
        <v>112</v>
      </c>
      <c r="GN17" s="295">
        <v>0</v>
      </c>
      <c r="GO17" s="295">
        <v>0</v>
      </c>
      <c r="GP17" s="295">
        <v>0</v>
      </c>
      <c r="GQ17" s="298">
        <v>112</v>
      </c>
      <c r="GR17" s="299">
        <v>112</v>
      </c>
      <c r="GS17" s="294">
        <v>0</v>
      </c>
      <c r="GT17" s="295">
        <v>0</v>
      </c>
      <c r="GU17" s="296">
        <v>0</v>
      </c>
      <c r="GV17" s="297">
        <v>0</v>
      </c>
      <c r="GW17" s="295">
        <v>0</v>
      </c>
      <c r="GX17" s="295">
        <v>0</v>
      </c>
      <c r="GY17" s="295">
        <v>0</v>
      </c>
      <c r="GZ17" s="295">
        <v>0</v>
      </c>
      <c r="HA17" s="295">
        <v>0</v>
      </c>
      <c r="HB17" s="298">
        <v>0</v>
      </c>
      <c r="HC17" s="299">
        <v>0</v>
      </c>
      <c r="HD17" s="294">
        <v>0</v>
      </c>
      <c r="HE17" s="295">
        <v>0</v>
      </c>
      <c r="HF17" s="296">
        <v>0</v>
      </c>
      <c r="HG17" s="300"/>
      <c r="HH17" s="295">
        <v>0</v>
      </c>
      <c r="HI17" s="295">
        <v>0</v>
      </c>
      <c r="HJ17" s="295">
        <v>0</v>
      </c>
      <c r="HK17" s="295">
        <v>0</v>
      </c>
      <c r="HL17" s="295">
        <v>0</v>
      </c>
      <c r="HM17" s="298">
        <v>0</v>
      </c>
      <c r="HN17" s="299">
        <v>0</v>
      </c>
      <c r="HO17" s="294">
        <v>0</v>
      </c>
      <c r="HP17" s="295">
        <v>0</v>
      </c>
      <c r="HQ17" s="296">
        <v>0</v>
      </c>
      <c r="HR17" s="297">
        <v>0</v>
      </c>
      <c r="HS17" s="295">
        <v>124633</v>
      </c>
      <c r="HT17" s="295">
        <v>173686</v>
      </c>
      <c r="HU17" s="295">
        <v>1401768</v>
      </c>
      <c r="HV17" s="295">
        <v>1971423</v>
      </c>
      <c r="HW17" s="295">
        <v>1505058</v>
      </c>
      <c r="HX17" s="298">
        <v>5176568</v>
      </c>
      <c r="HY17" s="299">
        <v>5176568</v>
      </c>
    </row>
    <row r="18" spans="2:233" ht="21" customHeight="1" x14ac:dyDescent="0.2">
      <c r="B18" s="292" t="s">
        <v>15</v>
      </c>
      <c r="C18" s="294">
        <v>0</v>
      </c>
      <c r="D18" s="295">
        <v>0</v>
      </c>
      <c r="E18" s="296">
        <v>0</v>
      </c>
      <c r="F18" s="297">
        <v>0</v>
      </c>
      <c r="G18" s="295">
        <v>217670</v>
      </c>
      <c r="H18" s="295">
        <v>388983</v>
      </c>
      <c r="I18" s="295">
        <v>1571996</v>
      </c>
      <c r="J18" s="295">
        <v>2079950</v>
      </c>
      <c r="K18" s="295">
        <v>1545154</v>
      </c>
      <c r="L18" s="298">
        <v>5803753</v>
      </c>
      <c r="M18" s="299">
        <v>5803753</v>
      </c>
      <c r="N18" s="294">
        <v>0</v>
      </c>
      <c r="O18" s="295">
        <v>0</v>
      </c>
      <c r="P18" s="296">
        <v>0</v>
      </c>
      <c r="Q18" s="300"/>
      <c r="R18" s="295">
        <v>0</v>
      </c>
      <c r="S18" s="295">
        <v>35495</v>
      </c>
      <c r="T18" s="295">
        <v>958830</v>
      </c>
      <c r="U18" s="295">
        <v>1226185</v>
      </c>
      <c r="V18" s="295">
        <v>1254020</v>
      </c>
      <c r="W18" s="298">
        <v>3474530</v>
      </c>
      <c r="X18" s="299">
        <v>3474530</v>
      </c>
      <c r="Y18" s="294">
        <v>0</v>
      </c>
      <c r="Z18" s="295">
        <v>0</v>
      </c>
      <c r="AA18" s="296">
        <v>0</v>
      </c>
      <c r="AB18" s="300"/>
      <c r="AC18" s="295">
        <v>214575</v>
      </c>
      <c r="AD18" s="295">
        <v>308808</v>
      </c>
      <c r="AE18" s="295">
        <v>413848</v>
      </c>
      <c r="AF18" s="295">
        <v>499615</v>
      </c>
      <c r="AG18" s="295">
        <v>153241</v>
      </c>
      <c r="AH18" s="298">
        <v>1590087</v>
      </c>
      <c r="AI18" s="299">
        <v>1590087</v>
      </c>
      <c r="AJ18" s="294">
        <v>0</v>
      </c>
      <c r="AK18" s="295">
        <v>0</v>
      </c>
      <c r="AL18" s="296">
        <v>0</v>
      </c>
      <c r="AM18" s="300"/>
      <c r="AN18" s="295">
        <v>0</v>
      </c>
      <c r="AO18" s="295">
        <v>0</v>
      </c>
      <c r="AP18" s="295">
        <v>0</v>
      </c>
      <c r="AQ18" s="295">
        <v>0</v>
      </c>
      <c r="AR18" s="295">
        <v>0</v>
      </c>
      <c r="AS18" s="298">
        <v>0</v>
      </c>
      <c r="AT18" s="299">
        <v>0</v>
      </c>
      <c r="AU18" s="294">
        <v>0</v>
      </c>
      <c r="AV18" s="295">
        <v>0</v>
      </c>
      <c r="AW18" s="296">
        <v>0</v>
      </c>
      <c r="AX18" s="300"/>
      <c r="AY18" s="295">
        <v>0</v>
      </c>
      <c r="AZ18" s="295">
        <v>0</v>
      </c>
      <c r="BA18" s="295">
        <v>0</v>
      </c>
      <c r="BB18" s="295">
        <v>0</v>
      </c>
      <c r="BC18" s="295">
        <v>0</v>
      </c>
      <c r="BD18" s="298">
        <v>0</v>
      </c>
      <c r="BE18" s="299">
        <v>0</v>
      </c>
      <c r="BF18" s="294">
        <v>0</v>
      </c>
      <c r="BG18" s="295">
        <v>0</v>
      </c>
      <c r="BH18" s="296">
        <v>0</v>
      </c>
      <c r="BI18" s="300"/>
      <c r="BJ18" s="295">
        <v>0</v>
      </c>
      <c r="BK18" s="295">
        <v>0</v>
      </c>
      <c r="BL18" s="295">
        <v>108655</v>
      </c>
      <c r="BM18" s="295">
        <v>78585</v>
      </c>
      <c r="BN18" s="295">
        <v>81085</v>
      </c>
      <c r="BO18" s="298">
        <v>268325</v>
      </c>
      <c r="BP18" s="299">
        <v>268325</v>
      </c>
      <c r="BQ18" s="294">
        <v>0</v>
      </c>
      <c r="BR18" s="295">
        <v>0</v>
      </c>
      <c r="BS18" s="296">
        <v>0</v>
      </c>
      <c r="BT18" s="297">
        <v>0</v>
      </c>
      <c r="BU18" s="295">
        <v>920</v>
      </c>
      <c r="BV18" s="295">
        <v>38930</v>
      </c>
      <c r="BW18" s="295">
        <v>68693</v>
      </c>
      <c r="BX18" s="295">
        <v>275565</v>
      </c>
      <c r="BY18" s="295">
        <v>56808</v>
      </c>
      <c r="BZ18" s="298">
        <v>440916</v>
      </c>
      <c r="CA18" s="299">
        <v>440916</v>
      </c>
      <c r="CB18" s="294">
        <v>0</v>
      </c>
      <c r="CC18" s="295">
        <v>0</v>
      </c>
      <c r="CD18" s="296">
        <v>0</v>
      </c>
      <c r="CE18" s="297">
        <v>0</v>
      </c>
      <c r="CF18" s="295">
        <v>2175</v>
      </c>
      <c r="CG18" s="295">
        <v>5750</v>
      </c>
      <c r="CH18" s="295">
        <v>21970</v>
      </c>
      <c r="CI18" s="295">
        <v>0</v>
      </c>
      <c r="CJ18" s="295">
        <v>0</v>
      </c>
      <c r="CK18" s="298">
        <v>29895</v>
      </c>
      <c r="CL18" s="299">
        <v>29895</v>
      </c>
      <c r="CM18" s="294">
        <v>0</v>
      </c>
      <c r="CN18" s="295">
        <v>0</v>
      </c>
      <c r="CO18" s="296">
        <v>0</v>
      </c>
      <c r="CP18" s="297">
        <v>0</v>
      </c>
      <c r="CQ18" s="295">
        <v>0</v>
      </c>
      <c r="CR18" s="295">
        <v>0</v>
      </c>
      <c r="CS18" s="295">
        <v>0</v>
      </c>
      <c r="CT18" s="295">
        <v>0</v>
      </c>
      <c r="CU18" s="295">
        <v>0</v>
      </c>
      <c r="CV18" s="298">
        <v>0</v>
      </c>
      <c r="CW18" s="299">
        <v>0</v>
      </c>
      <c r="CX18" s="294">
        <v>0</v>
      </c>
      <c r="CY18" s="295">
        <v>0</v>
      </c>
      <c r="CZ18" s="296">
        <v>0</v>
      </c>
      <c r="DA18" s="300"/>
      <c r="DB18" s="295">
        <v>0</v>
      </c>
      <c r="DC18" s="295">
        <v>0</v>
      </c>
      <c r="DD18" s="295">
        <v>0</v>
      </c>
      <c r="DE18" s="295">
        <v>0</v>
      </c>
      <c r="DF18" s="295">
        <v>0</v>
      </c>
      <c r="DG18" s="298">
        <v>0</v>
      </c>
      <c r="DH18" s="299">
        <v>0</v>
      </c>
      <c r="DI18" s="294">
        <v>0</v>
      </c>
      <c r="DJ18" s="295">
        <v>0</v>
      </c>
      <c r="DK18" s="296">
        <v>0</v>
      </c>
      <c r="DL18" s="297">
        <v>0</v>
      </c>
      <c r="DM18" s="295">
        <v>21306</v>
      </c>
      <c r="DN18" s="295">
        <v>123919</v>
      </c>
      <c r="DO18" s="295">
        <v>1551954</v>
      </c>
      <c r="DP18" s="295">
        <v>1924467</v>
      </c>
      <c r="DQ18" s="295">
        <v>1554743</v>
      </c>
      <c r="DR18" s="298">
        <v>5176389</v>
      </c>
      <c r="DS18" s="301">
        <v>5176389</v>
      </c>
      <c r="DT18" s="294">
        <v>0</v>
      </c>
      <c r="DU18" s="295">
        <v>0</v>
      </c>
      <c r="DV18" s="296">
        <v>0</v>
      </c>
      <c r="DW18" s="300"/>
      <c r="DX18" s="295">
        <v>0</v>
      </c>
      <c r="DY18" s="295">
        <v>26505</v>
      </c>
      <c r="DZ18" s="295">
        <v>1126705</v>
      </c>
      <c r="EA18" s="295">
        <v>1364019</v>
      </c>
      <c r="EB18" s="295">
        <v>1361052</v>
      </c>
      <c r="EC18" s="298">
        <v>3878281</v>
      </c>
      <c r="ED18" s="299">
        <v>3878281</v>
      </c>
      <c r="EE18" s="294">
        <v>0</v>
      </c>
      <c r="EF18" s="295">
        <v>0</v>
      </c>
      <c r="EG18" s="296">
        <v>0</v>
      </c>
      <c r="EH18" s="300"/>
      <c r="EI18" s="295">
        <v>14053</v>
      </c>
      <c r="EJ18" s="295">
        <v>49114</v>
      </c>
      <c r="EK18" s="295">
        <v>50622</v>
      </c>
      <c r="EL18" s="295">
        <v>39689</v>
      </c>
      <c r="EM18" s="295">
        <v>23088</v>
      </c>
      <c r="EN18" s="298">
        <v>176566</v>
      </c>
      <c r="EO18" s="299">
        <v>176566</v>
      </c>
      <c r="EP18" s="294">
        <v>0</v>
      </c>
      <c r="EQ18" s="295">
        <v>0</v>
      </c>
      <c r="ER18" s="296">
        <v>0</v>
      </c>
      <c r="ES18" s="300"/>
      <c r="ET18" s="295">
        <v>0</v>
      </c>
      <c r="EU18" s="295">
        <v>0</v>
      </c>
      <c r="EV18" s="295">
        <v>0</v>
      </c>
      <c r="EW18" s="295">
        <v>0</v>
      </c>
      <c r="EX18" s="295">
        <v>0</v>
      </c>
      <c r="EY18" s="298">
        <v>0</v>
      </c>
      <c r="EZ18" s="299">
        <v>0</v>
      </c>
      <c r="FA18" s="294">
        <v>0</v>
      </c>
      <c r="FB18" s="295">
        <v>0</v>
      </c>
      <c r="FC18" s="296">
        <v>0</v>
      </c>
      <c r="FD18" s="300"/>
      <c r="FE18" s="295">
        <v>0</v>
      </c>
      <c r="FF18" s="295">
        <v>0</v>
      </c>
      <c r="FG18" s="295">
        <v>0</v>
      </c>
      <c r="FH18" s="295">
        <v>0</v>
      </c>
      <c r="FI18" s="295">
        <v>0</v>
      </c>
      <c r="FJ18" s="298">
        <v>0</v>
      </c>
      <c r="FK18" s="299">
        <v>0</v>
      </c>
      <c r="FL18" s="294">
        <v>0</v>
      </c>
      <c r="FM18" s="295">
        <v>0</v>
      </c>
      <c r="FN18" s="296">
        <v>0</v>
      </c>
      <c r="FO18" s="300"/>
      <c r="FP18" s="295">
        <v>0</v>
      </c>
      <c r="FQ18" s="295">
        <v>0</v>
      </c>
      <c r="FR18" s="295">
        <v>196602</v>
      </c>
      <c r="FS18" s="295">
        <v>183500</v>
      </c>
      <c r="FT18" s="295">
        <v>103638</v>
      </c>
      <c r="FU18" s="298">
        <v>483740</v>
      </c>
      <c r="FV18" s="299">
        <v>483740</v>
      </c>
      <c r="FW18" s="294">
        <v>0</v>
      </c>
      <c r="FX18" s="295">
        <v>0</v>
      </c>
      <c r="FY18" s="296">
        <v>0</v>
      </c>
      <c r="FZ18" s="297">
        <v>0</v>
      </c>
      <c r="GA18" s="295">
        <v>6790</v>
      </c>
      <c r="GB18" s="295">
        <v>46461</v>
      </c>
      <c r="GC18" s="295">
        <v>177843</v>
      </c>
      <c r="GD18" s="295">
        <v>337259</v>
      </c>
      <c r="GE18" s="295">
        <v>66965</v>
      </c>
      <c r="GF18" s="298">
        <v>635318</v>
      </c>
      <c r="GG18" s="299">
        <v>635318</v>
      </c>
      <c r="GH18" s="294">
        <v>0</v>
      </c>
      <c r="GI18" s="295">
        <v>0</v>
      </c>
      <c r="GJ18" s="296">
        <v>0</v>
      </c>
      <c r="GK18" s="297">
        <v>0</v>
      </c>
      <c r="GL18" s="295">
        <v>463</v>
      </c>
      <c r="GM18" s="295">
        <v>1839</v>
      </c>
      <c r="GN18" s="295">
        <v>182</v>
      </c>
      <c r="GO18" s="295">
        <v>0</v>
      </c>
      <c r="GP18" s="295">
        <v>0</v>
      </c>
      <c r="GQ18" s="298">
        <v>2484</v>
      </c>
      <c r="GR18" s="299">
        <v>2484</v>
      </c>
      <c r="GS18" s="294">
        <v>0</v>
      </c>
      <c r="GT18" s="295">
        <v>0</v>
      </c>
      <c r="GU18" s="296">
        <v>0</v>
      </c>
      <c r="GV18" s="297">
        <v>0</v>
      </c>
      <c r="GW18" s="295">
        <v>0</v>
      </c>
      <c r="GX18" s="295">
        <v>0</v>
      </c>
      <c r="GY18" s="295">
        <v>0</v>
      </c>
      <c r="GZ18" s="295">
        <v>0</v>
      </c>
      <c r="HA18" s="295">
        <v>0</v>
      </c>
      <c r="HB18" s="298">
        <v>0</v>
      </c>
      <c r="HC18" s="299">
        <v>0</v>
      </c>
      <c r="HD18" s="294">
        <v>0</v>
      </c>
      <c r="HE18" s="295">
        <v>0</v>
      </c>
      <c r="HF18" s="296">
        <v>0</v>
      </c>
      <c r="HG18" s="300"/>
      <c r="HH18" s="295">
        <v>0</v>
      </c>
      <c r="HI18" s="295">
        <v>0</v>
      </c>
      <c r="HJ18" s="295">
        <v>0</v>
      </c>
      <c r="HK18" s="295">
        <v>0</v>
      </c>
      <c r="HL18" s="295">
        <v>0</v>
      </c>
      <c r="HM18" s="298">
        <v>0</v>
      </c>
      <c r="HN18" s="299">
        <v>0</v>
      </c>
      <c r="HO18" s="294">
        <v>0</v>
      </c>
      <c r="HP18" s="295">
        <v>0</v>
      </c>
      <c r="HQ18" s="296">
        <v>0</v>
      </c>
      <c r="HR18" s="297">
        <v>0</v>
      </c>
      <c r="HS18" s="295">
        <v>238976</v>
      </c>
      <c r="HT18" s="295">
        <v>512902</v>
      </c>
      <c r="HU18" s="295">
        <v>3123950</v>
      </c>
      <c r="HV18" s="295">
        <v>4004417</v>
      </c>
      <c r="HW18" s="295">
        <v>3099897</v>
      </c>
      <c r="HX18" s="298">
        <v>10980142</v>
      </c>
      <c r="HY18" s="299">
        <v>10980142</v>
      </c>
    </row>
    <row r="19" spans="2:233" ht="21" customHeight="1" x14ac:dyDescent="0.2">
      <c r="B19" s="292" t="s">
        <v>16</v>
      </c>
      <c r="C19" s="294">
        <v>0</v>
      </c>
      <c r="D19" s="295">
        <v>0</v>
      </c>
      <c r="E19" s="296">
        <v>0</v>
      </c>
      <c r="F19" s="297">
        <v>0</v>
      </c>
      <c r="G19" s="295">
        <v>381600</v>
      </c>
      <c r="H19" s="295">
        <v>969535</v>
      </c>
      <c r="I19" s="295">
        <v>2789294</v>
      </c>
      <c r="J19" s="295">
        <v>3564269</v>
      </c>
      <c r="K19" s="295">
        <v>2359371</v>
      </c>
      <c r="L19" s="298">
        <v>10064069</v>
      </c>
      <c r="M19" s="299">
        <v>10064069</v>
      </c>
      <c r="N19" s="294">
        <v>0</v>
      </c>
      <c r="O19" s="295">
        <v>0</v>
      </c>
      <c r="P19" s="296">
        <v>0</v>
      </c>
      <c r="Q19" s="300"/>
      <c r="R19" s="295">
        <v>43245</v>
      </c>
      <c r="S19" s="295">
        <v>150340</v>
      </c>
      <c r="T19" s="295">
        <v>1869555</v>
      </c>
      <c r="U19" s="295">
        <v>2616519</v>
      </c>
      <c r="V19" s="295">
        <v>1581129</v>
      </c>
      <c r="W19" s="298">
        <v>6260788</v>
      </c>
      <c r="X19" s="299">
        <v>6260788</v>
      </c>
      <c r="Y19" s="294">
        <v>0</v>
      </c>
      <c r="Z19" s="295">
        <v>0</v>
      </c>
      <c r="AA19" s="296">
        <v>0</v>
      </c>
      <c r="AB19" s="300"/>
      <c r="AC19" s="295">
        <v>240310</v>
      </c>
      <c r="AD19" s="295">
        <v>747890</v>
      </c>
      <c r="AE19" s="295">
        <v>734823</v>
      </c>
      <c r="AF19" s="295">
        <v>631425</v>
      </c>
      <c r="AG19" s="295">
        <v>444232</v>
      </c>
      <c r="AH19" s="298">
        <v>2798680</v>
      </c>
      <c r="AI19" s="299">
        <v>2798680</v>
      </c>
      <c r="AJ19" s="294">
        <v>0</v>
      </c>
      <c r="AK19" s="295">
        <v>0</v>
      </c>
      <c r="AL19" s="296">
        <v>0</v>
      </c>
      <c r="AM19" s="300"/>
      <c r="AN19" s="295">
        <v>0</v>
      </c>
      <c r="AO19" s="295">
        <v>0</v>
      </c>
      <c r="AP19" s="295">
        <v>0</v>
      </c>
      <c r="AQ19" s="295">
        <v>0</v>
      </c>
      <c r="AR19" s="295">
        <v>0</v>
      </c>
      <c r="AS19" s="298">
        <v>0</v>
      </c>
      <c r="AT19" s="299">
        <v>0</v>
      </c>
      <c r="AU19" s="294">
        <v>0</v>
      </c>
      <c r="AV19" s="295">
        <v>0</v>
      </c>
      <c r="AW19" s="296">
        <v>0</v>
      </c>
      <c r="AX19" s="300"/>
      <c r="AY19" s="295">
        <v>35495</v>
      </c>
      <c r="AZ19" s="295">
        <v>0</v>
      </c>
      <c r="BA19" s="295">
        <v>32705</v>
      </c>
      <c r="BB19" s="295">
        <v>140565</v>
      </c>
      <c r="BC19" s="295">
        <v>129910</v>
      </c>
      <c r="BD19" s="298">
        <v>338675</v>
      </c>
      <c r="BE19" s="299">
        <v>338675</v>
      </c>
      <c r="BF19" s="294">
        <v>0</v>
      </c>
      <c r="BG19" s="295">
        <v>0</v>
      </c>
      <c r="BH19" s="296">
        <v>0</v>
      </c>
      <c r="BI19" s="300"/>
      <c r="BJ19" s="295">
        <v>0</v>
      </c>
      <c r="BK19" s="295">
        <v>29915</v>
      </c>
      <c r="BL19" s="295">
        <v>32550</v>
      </c>
      <c r="BM19" s="295">
        <v>106020</v>
      </c>
      <c r="BN19" s="295">
        <v>199530</v>
      </c>
      <c r="BO19" s="298">
        <v>368015</v>
      </c>
      <c r="BP19" s="299">
        <v>368015</v>
      </c>
      <c r="BQ19" s="294">
        <v>0</v>
      </c>
      <c r="BR19" s="295">
        <v>0</v>
      </c>
      <c r="BS19" s="296">
        <v>0</v>
      </c>
      <c r="BT19" s="297">
        <v>0</v>
      </c>
      <c r="BU19" s="295">
        <v>62550</v>
      </c>
      <c r="BV19" s="295">
        <v>41390</v>
      </c>
      <c r="BW19" s="295">
        <v>119661</v>
      </c>
      <c r="BX19" s="295">
        <v>68725</v>
      </c>
      <c r="BY19" s="295">
        <v>4570</v>
      </c>
      <c r="BZ19" s="298">
        <v>296896</v>
      </c>
      <c r="CA19" s="299">
        <v>296896</v>
      </c>
      <c r="CB19" s="294">
        <v>0</v>
      </c>
      <c r="CC19" s="295">
        <v>0</v>
      </c>
      <c r="CD19" s="296">
        <v>0</v>
      </c>
      <c r="CE19" s="297">
        <v>0</v>
      </c>
      <c r="CF19" s="295">
        <v>0</v>
      </c>
      <c r="CG19" s="295">
        <v>0</v>
      </c>
      <c r="CH19" s="295">
        <v>0</v>
      </c>
      <c r="CI19" s="295">
        <v>1015</v>
      </c>
      <c r="CJ19" s="295">
        <v>0</v>
      </c>
      <c r="CK19" s="298">
        <v>1015</v>
      </c>
      <c r="CL19" s="299">
        <v>1015</v>
      </c>
      <c r="CM19" s="294">
        <v>0</v>
      </c>
      <c r="CN19" s="295">
        <v>0</v>
      </c>
      <c r="CO19" s="296">
        <v>0</v>
      </c>
      <c r="CP19" s="297">
        <v>0</v>
      </c>
      <c r="CQ19" s="295">
        <v>0</v>
      </c>
      <c r="CR19" s="295">
        <v>0</v>
      </c>
      <c r="CS19" s="295">
        <v>0</v>
      </c>
      <c r="CT19" s="295">
        <v>0</v>
      </c>
      <c r="CU19" s="295">
        <v>0</v>
      </c>
      <c r="CV19" s="298">
        <v>0</v>
      </c>
      <c r="CW19" s="299">
        <v>0</v>
      </c>
      <c r="CX19" s="294">
        <v>0</v>
      </c>
      <c r="CY19" s="295">
        <v>0</v>
      </c>
      <c r="CZ19" s="296">
        <v>0</v>
      </c>
      <c r="DA19" s="300"/>
      <c r="DB19" s="295">
        <v>0</v>
      </c>
      <c r="DC19" s="295">
        <v>0</v>
      </c>
      <c r="DD19" s="295">
        <v>0</v>
      </c>
      <c r="DE19" s="295">
        <v>0</v>
      </c>
      <c r="DF19" s="295">
        <v>0</v>
      </c>
      <c r="DG19" s="298">
        <v>0</v>
      </c>
      <c r="DH19" s="299">
        <v>0</v>
      </c>
      <c r="DI19" s="294">
        <v>0</v>
      </c>
      <c r="DJ19" s="295">
        <v>0</v>
      </c>
      <c r="DK19" s="296">
        <v>0</v>
      </c>
      <c r="DL19" s="297">
        <v>0</v>
      </c>
      <c r="DM19" s="295">
        <v>336811</v>
      </c>
      <c r="DN19" s="295">
        <v>817073</v>
      </c>
      <c r="DO19" s="295">
        <v>3051841</v>
      </c>
      <c r="DP19" s="295">
        <v>3986830</v>
      </c>
      <c r="DQ19" s="295">
        <v>2413987</v>
      </c>
      <c r="DR19" s="298">
        <v>10606542</v>
      </c>
      <c r="DS19" s="301">
        <v>10606542</v>
      </c>
      <c r="DT19" s="294">
        <v>0</v>
      </c>
      <c r="DU19" s="295">
        <v>0</v>
      </c>
      <c r="DV19" s="296">
        <v>0</v>
      </c>
      <c r="DW19" s="300"/>
      <c r="DX19" s="295">
        <v>76942</v>
      </c>
      <c r="DY19" s="295">
        <v>337490</v>
      </c>
      <c r="DZ19" s="295">
        <v>2481840</v>
      </c>
      <c r="EA19" s="295">
        <v>3474710</v>
      </c>
      <c r="EB19" s="295">
        <v>2027106</v>
      </c>
      <c r="EC19" s="298">
        <v>8398088</v>
      </c>
      <c r="ED19" s="299">
        <v>8398088</v>
      </c>
      <c r="EE19" s="294">
        <v>0</v>
      </c>
      <c r="EF19" s="295">
        <v>0</v>
      </c>
      <c r="EG19" s="296">
        <v>0</v>
      </c>
      <c r="EH19" s="300"/>
      <c r="EI19" s="295">
        <v>169031</v>
      </c>
      <c r="EJ19" s="295">
        <v>311467</v>
      </c>
      <c r="EK19" s="295">
        <v>261542</v>
      </c>
      <c r="EL19" s="295">
        <v>226261</v>
      </c>
      <c r="EM19" s="295">
        <v>81708</v>
      </c>
      <c r="EN19" s="298">
        <v>1050009</v>
      </c>
      <c r="EO19" s="299">
        <v>1050009</v>
      </c>
      <c r="EP19" s="294">
        <v>0</v>
      </c>
      <c r="EQ19" s="295">
        <v>0</v>
      </c>
      <c r="ER19" s="296">
        <v>0</v>
      </c>
      <c r="ES19" s="300"/>
      <c r="ET19" s="295">
        <v>0</v>
      </c>
      <c r="EU19" s="295">
        <v>0</v>
      </c>
      <c r="EV19" s="295">
        <v>0</v>
      </c>
      <c r="EW19" s="295">
        <v>0</v>
      </c>
      <c r="EX19" s="295">
        <v>0</v>
      </c>
      <c r="EY19" s="298">
        <v>0</v>
      </c>
      <c r="EZ19" s="299">
        <v>0</v>
      </c>
      <c r="FA19" s="294">
        <v>0</v>
      </c>
      <c r="FB19" s="295">
        <v>0</v>
      </c>
      <c r="FC19" s="296">
        <v>0</v>
      </c>
      <c r="FD19" s="300"/>
      <c r="FE19" s="295">
        <v>11687</v>
      </c>
      <c r="FF19" s="295">
        <v>0</v>
      </c>
      <c r="FG19" s="295">
        <v>217</v>
      </c>
      <c r="FH19" s="295">
        <v>24151</v>
      </c>
      <c r="FI19" s="295">
        <v>24368</v>
      </c>
      <c r="FJ19" s="298">
        <v>60423</v>
      </c>
      <c r="FK19" s="299">
        <v>60423</v>
      </c>
      <c r="FL19" s="294">
        <v>0</v>
      </c>
      <c r="FM19" s="295">
        <v>0</v>
      </c>
      <c r="FN19" s="296">
        <v>0</v>
      </c>
      <c r="FO19" s="300"/>
      <c r="FP19" s="295">
        <v>0</v>
      </c>
      <c r="FQ19" s="295">
        <v>64728</v>
      </c>
      <c r="FR19" s="295">
        <v>86304</v>
      </c>
      <c r="FS19" s="295">
        <v>175026</v>
      </c>
      <c r="FT19" s="295">
        <v>258836</v>
      </c>
      <c r="FU19" s="298">
        <v>584894</v>
      </c>
      <c r="FV19" s="299">
        <v>584894</v>
      </c>
      <c r="FW19" s="294">
        <v>0</v>
      </c>
      <c r="FX19" s="295">
        <v>0</v>
      </c>
      <c r="FY19" s="296">
        <v>0</v>
      </c>
      <c r="FZ19" s="297">
        <v>0</v>
      </c>
      <c r="GA19" s="295">
        <v>79151</v>
      </c>
      <c r="GB19" s="295">
        <v>103388</v>
      </c>
      <c r="GC19" s="295">
        <v>221938</v>
      </c>
      <c r="GD19" s="295">
        <v>83818</v>
      </c>
      <c r="GE19" s="295">
        <v>21969</v>
      </c>
      <c r="GF19" s="298">
        <v>510264</v>
      </c>
      <c r="GG19" s="299">
        <v>510264</v>
      </c>
      <c r="GH19" s="294">
        <v>0</v>
      </c>
      <c r="GI19" s="295">
        <v>0</v>
      </c>
      <c r="GJ19" s="296">
        <v>0</v>
      </c>
      <c r="GK19" s="297">
        <v>0</v>
      </c>
      <c r="GL19" s="295">
        <v>0</v>
      </c>
      <c r="GM19" s="295">
        <v>0</v>
      </c>
      <c r="GN19" s="295">
        <v>0</v>
      </c>
      <c r="GO19" s="295">
        <v>2864</v>
      </c>
      <c r="GP19" s="295">
        <v>0</v>
      </c>
      <c r="GQ19" s="298">
        <v>2864</v>
      </c>
      <c r="GR19" s="299">
        <v>2864</v>
      </c>
      <c r="GS19" s="294">
        <v>0</v>
      </c>
      <c r="GT19" s="295">
        <v>0</v>
      </c>
      <c r="GU19" s="296">
        <v>0</v>
      </c>
      <c r="GV19" s="297">
        <v>0</v>
      </c>
      <c r="GW19" s="295">
        <v>0</v>
      </c>
      <c r="GX19" s="295">
        <v>0</v>
      </c>
      <c r="GY19" s="295">
        <v>0</v>
      </c>
      <c r="GZ19" s="295">
        <v>0</v>
      </c>
      <c r="HA19" s="295">
        <v>0</v>
      </c>
      <c r="HB19" s="298">
        <v>0</v>
      </c>
      <c r="HC19" s="299">
        <v>0</v>
      </c>
      <c r="HD19" s="294">
        <v>0</v>
      </c>
      <c r="HE19" s="295">
        <v>0</v>
      </c>
      <c r="HF19" s="296">
        <v>0</v>
      </c>
      <c r="HG19" s="300"/>
      <c r="HH19" s="295">
        <v>0</v>
      </c>
      <c r="HI19" s="295">
        <v>0</v>
      </c>
      <c r="HJ19" s="295">
        <v>0</v>
      </c>
      <c r="HK19" s="295">
        <v>0</v>
      </c>
      <c r="HL19" s="295">
        <v>0</v>
      </c>
      <c r="HM19" s="298">
        <v>0</v>
      </c>
      <c r="HN19" s="299">
        <v>0</v>
      </c>
      <c r="HO19" s="294">
        <v>0</v>
      </c>
      <c r="HP19" s="295">
        <v>0</v>
      </c>
      <c r="HQ19" s="296">
        <v>0</v>
      </c>
      <c r="HR19" s="297">
        <v>0</v>
      </c>
      <c r="HS19" s="295">
        <v>718411</v>
      </c>
      <c r="HT19" s="295">
        <v>1786608</v>
      </c>
      <c r="HU19" s="295">
        <v>5841135</v>
      </c>
      <c r="HV19" s="295">
        <v>7551099</v>
      </c>
      <c r="HW19" s="295">
        <v>4773358</v>
      </c>
      <c r="HX19" s="298">
        <v>20670611</v>
      </c>
      <c r="HY19" s="299">
        <v>20670611</v>
      </c>
    </row>
    <row r="20" spans="2:233" ht="21" customHeight="1" x14ac:dyDescent="0.2">
      <c r="B20" s="292" t="s">
        <v>17</v>
      </c>
      <c r="C20" s="294">
        <v>0</v>
      </c>
      <c r="D20" s="295">
        <v>0</v>
      </c>
      <c r="E20" s="296">
        <v>0</v>
      </c>
      <c r="F20" s="297">
        <v>0</v>
      </c>
      <c r="G20" s="295">
        <v>211109</v>
      </c>
      <c r="H20" s="295">
        <v>942441</v>
      </c>
      <c r="I20" s="295">
        <v>2954635</v>
      </c>
      <c r="J20" s="295">
        <v>2975832</v>
      </c>
      <c r="K20" s="295">
        <v>2649679</v>
      </c>
      <c r="L20" s="298">
        <v>9733696</v>
      </c>
      <c r="M20" s="299">
        <v>9733696</v>
      </c>
      <c r="N20" s="294">
        <v>0</v>
      </c>
      <c r="O20" s="295">
        <v>0</v>
      </c>
      <c r="P20" s="296">
        <v>0</v>
      </c>
      <c r="Q20" s="300"/>
      <c r="R20" s="295">
        <v>25580</v>
      </c>
      <c r="S20" s="295">
        <v>214700</v>
      </c>
      <c r="T20" s="295">
        <v>1589900</v>
      </c>
      <c r="U20" s="295">
        <v>2225145</v>
      </c>
      <c r="V20" s="295">
        <v>1977634</v>
      </c>
      <c r="W20" s="298">
        <v>6032959</v>
      </c>
      <c r="X20" s="299">
        <v>6032959</v>
      </c>
      <c r="Y20" s="294">
        <v>0</v>
      </c>
      <c r="Z20" s="295">
        <v>0</v>
      </c>
      <c r="AA20" s="296">
        <v>0</v>
      </c>
      <c r="AB20" s="300"/>
      <c r="AC20" s="295">
        <v>155155</v>
      </c>
      <c r="AD20" s="295">
        <v>624015</v>
      </c>
      <c r="AE20" s="295">
        <v>850875</v>
      </c>
      <c r="AF20" s="295">
        <v>358697</v>
      </c>
      <c r="AG20" s="295">
        <v>215910</v>
      </c>
      <c r="AH20" s="298">
        <v>2204652</v>
      </c>
      <c r="AI20" s="299">
        <v>2204652</v>
      </c>
      <c r="AJ20" s="294">
        <v>0</v>
      </c>
      <c r="AK20" s="295">
        <v>0</v>
      </c>
      <c r="AL20" s="296">
        <v>0</v>
      </c>
      <c r="AM20" s="300"/>
      <c r="AN20" s="295">
        <v>0</v>
      </c>
      <c r="AO20" s="295">
        <v>0</v>
      </c>
      <c r="AP20" s="295">
        <v>0</v>
      </c>
      <c r="AQ20" s="295">
        <v>0</v>
      </c>
      <c r="AR20" s="295">
        <v>35340</v>
      </c>
      <c r="AS20" s="298">
        <v>35340</v>
      </c>
      <c r="AT20" s="299">
        <v>35340</v>
      </c>
      <c r="AU20" s="294">
        <v>0</v>
      </c>
      <c r="AV20" s="295">
        <v>0</v>
      </c>
      <c r="AW20" s="296">
        <v>0</v>
      </c>
      <c r="AX20" s="300"/>
      <c r="AY20" s="295">
        <v>0</v>
      </c>
      <c r="AZ20" s="295">
        <v>0</v>
      </c>
      <c r="BA20" s="295">
        <v>0</v>
      </c>
      <c r="BB20" s="295">
        <v>2635</v>
      </c>
      <c r="BC20" s="295">
        <v>35340</v>
      </c>
      <c r="BD20" s="298">
        <v>37975</v>
      </c>
      <c r="BE20" s="299">
        <v>37975</v>
      </c>
      <c r="BF20" s="294">
        <v>0</v>
      </c>
      <c r="BG20" s="295">
        <v>0</v>
      </c>
      <c r="BH20" s="296">
        <v>0</v>
      </c>
      <c r="BI20" s="300"/>
      <c r="BJ20" s="295">
        <v>0</v>
      </c>
      <c r="BK20" s="295">
        <v>2635</v>
      </c>
      <c r="BL20" s="295">
        <v>209405</v>
      </c>
      <c r="BM20" s="295">
        <v>151745</v>
      </c>
      <c r="BN20" s="295">
        <v>252015</v>
      </c>
      <c r="BO20" s="298">
        <v>615800</v>
      </c>
      <c r="BP20" s="299">
        <v>615800</v>
      </c>
      <c r="BQ20" s="294">
        <v>0</v>
      </c>
      <c r="BR20" s="295">
        <v>0</v>
      </c>
      <c r="BS20" s="296">
        <v>0</v>
      </c>
      <c r="BT20" s="297">
        <v>0</v>
      </c>
      <c r="BU20" s="295">
        <v>28594</v>
      </c>
      <c r="BV20" s="295">
        <v>96775</v>
      </c>
      <c r="BW20" s="295">
        <v>301120</v>
      </c>
      <c r="BX20" s="295">
        <v>237610</v>
      </c>
      <c r="BY20" s="295">
        <v>104325</v>
      </c>
      <c r="BZ20" s="298">
        <v>768424</v>
      </c>
      <c r="CA20" s="299">
        <v>768424</v>
      </c>
      <c r="CB20" s="294">
        <v>0</v>
      </c>
      <c r="CC20" s="295">
        <v>0</v>
      </c>
      <c r="CD20" s="296">
        <v>0</v>
      </c>
      <c r="CE20" s="297">
        <v>0</v>
      </c>
      <c r="CF20" s="295">
        <v>1780</v>
      </c>
      <c r="CG20" s="295">
        <v>4316</v>
      </c>
      <c r="CH20" s="295">
        <v>3335</v>
      </c>
      <c r="CI20" s="295">
        <v>0</v>
      </c>
      <c r="CJ20" s="295">
        <v>29115</v>
      </c>
      <c r="CK20" s="298">
        <v>38546</v>
      </c>
      <c r="CL20" s="299">
        <v>38546</v>
      </c>
      <c r="CM20" s="294">
        <v>0</v>
      </c>
      <c r="CN20" s="295">
        <v>0</v>
      </c>
      <c r="CO20" s="296">
        <v>0</v>
      </c>
      <c r="CP20" s="297">
        <v>0</v>
      </c>
      <c r="CQ20" s="295">
        <v>0</v>
      </c>
      <c r="CR20" s="295">
        <v>0</v>
      </c>
      <c r="CS20" s="295">
        <v>0</v>
      </c>
      <c r="CT20" s="295">
        <v>0</v>
      </c>
      <c r="CU20" s="295">
        <v>0</v>
      </c>
      <c r="CV20" s="298">
        <v>0</v>
      </c>
      <c r="CW20" s="299">
        <v>0</v>
      </c>
      <c r="CX20" s="294">
        <v>0</v>
      </c>
      <c r="CY20" s="295">
        <v>0</v>
      </c>
      <c r="CZ20" s="296">
        <v>0</v>
      </c>
      <c r="DA20" s="300"/>
      <c r="DB20" s="295">
        <v>0</v>
      </c>
      <c r="DC20" s="295">
        <v>0</v>
      </c>
      <c r="DD20" s="295">
        <v>0</v>
      </c>
      <c r="DE20" s="295">
        <v>0</v>
      </c>
      <c r="DF20" s="295">
        <v>0</v>
      </c>
      <c r="DG20" s="298">
        <v>0</v>
      </c>
      <c r="DH20" s="299">
        <v>0</v>
      </c>
      <c r="DI20" s="294">
        <v>0</v>
      </c>
      <c r="DJ20" s="295">
        <v>0</v>
      </c>
      <c r="DK20" s="296">
        <v>0</v>
      </c>
      <c r="DL20" s="297">
        <v>0</v>
      </c>
      <c r="DM20" s="295">
        <v>63548</v>
      </c>
      <c r="DN20" s="295">
        <v>442457</v>
      </c>
      <c r="DO20" s="295">
        <v>3041335</v>
      </c>
      <c r="DP20" s="295">
        <v>3600392</v>
      </c>
      <c r="DQ20" s="295">
        <v>2904447</v>
      </c>
      <c r="DR20" s="298">
        <v>10052179</v>
      </c>
      <c r="DS20" s="301">
        <v>10052179</v>
      </c>
      <c r="DT20" s="294">
        <v>0</v>
      </c>
      <c r="DU20" s="295">
        <v>0</v>
      </c>
      <c r="DV20" s="296">
        <v>0</v>
      </c>
      <c r="DW20" s="300"/>
      <c r="DX20" s="295">
        <v>24779</v>
      </c>
      <c r="DY20" s="295">
        <v>249736</v>
      </c>
      <c r="DZ20" s="295">
        <v>2253283</v>
      </c>
      <c r="EA20" s="295">
        <v>3045669</v>
      </c>
      <c r="EB20" s="295">
        <v>2339133</v>
      </c>
      <c r="EC20" s="298">
        <v>7912600</v>
      </c>
      <c r="ED20" s="299">
        <v>7912600</v>
      </c>
      <c r="EE20" s="294">
        <v>0</v>
      </c>
      <c r="EF20" s="295">
        <v>0</v>
      </c>
      <c r="EG20" s="296">
        <v>0</v>
      </c>
      <c r="EH20" s="300"/>
      <c r="EI20" s="295">
        <v>2170</v>
      </c>
      <c r="EJ20" s="295">
        <v>52817</v>
      </c>
      <c r="EK20" s="295">
        <v>90417</v>
      </c>
      <c r="EL20" s="295">
        <v>29344</v>
      </c>
      <c r="EM20" s="295">
        <v>26867</v>
      </c>
      <c r="EN20" s="298">
        <v>201615</v>
      </c>
      <c r="EO20" s="299">
        <v>201615</v>
      </c>
      <c r="EP20" s="294">
        <v>0</v>
      </c>
      <c r="EQ20" s="295">
        <v>0</v>
      </c>
      <c r="ER20" s="296">
        <v>0</v>
      </c>
      <c r="ES20" s="300"/>
      <c r="ET20" s="295">
        <v>0</v>
      </c>
      <c r="EU20" s="295">
        <v>0</v>
      </c>
      <c r="EV20" s="295">
        <v>0</v>
      </c>
      <c r="EW20" s="295">
        <v>0</v>
      </c>
      <c r="EX20" s="295">
        <v>217</v>
      </c>
      <c r="EY20" s="298">
        <v>217</v>
      </c>
      <c r="EZ20" s="299">
        <v>217</v>
      </c>
      <c r="FA20" s="294">
        <v>0</v>
      </c>
      <c r="FB20" s="295">
        <v>0</v>
      </c>
      <c r="FC20" s="296">
        <v>0</v>
      </c>
      <c r="FD20" s="300"/>
      <c r="FE20" s="295">
        <v>0</v>
      </c>
      <c r="FF20" s="295">
        <v>0</v>
      </c>
      <c r="FG20" s="295">
        <v>0</v>
      </c>
      <c r="FH20" s="295">
        <v>217</v>
      </c>
      <c r="FI20" s="295">
        <v>434</v>
      </c>
      <c r="FJ20" s="298">
        <v>651</v>
      </c>
      <c r="FK20" s="299">
        <v>651</v>
      </c>
      <c r="FL20" s="294">
        <v>0</v>
      </c>
      <c r="FM20" s="295">
        <v>0</v>
      </c>
      <c r="FN20" s="296">
        <v>0</v>
      </c>
      <c r="FO20" s="300"/>
      <c r="FP20" s="295">
        <v>0</v>
      </c>
      <c r="FQ20" s="295">
        <v>10881</v>
      </c>
      <c r="FR20" s="295">
        <v>325562</v>
      </c>
      <c r="FS20" s="295">
        <v>270909</v>
      </c>
      <c r="FT20" s="295">
        <v>394502</v>
      </c>
      <c r="FU20" s="298">
        <v>1001854</v>
      </c>
      <c r="FV20" s="299">
        <v>1001854</v>
      </c>
      <c r="FW20" s="294">
        <v>0</v>
      </c>
      <c r="FX20" s="295">
        <v>0</v>
      </c>
      <c r="FY20" s="296">
        <v>0</v>
      </c>
      <c r="FZ20" s="297">
        <v>0</v>
      </c>
      <c r="GA20" s="295">
        <v>36571</v>
      </c>
      <c r="GB20" s="295">
        <v>128911</v>
      </c>
      <c r="GC20" s="295">
        <v>371870</v>
      </c>
      <c r="GD20" s="295">
        <v>254253</v>
      </c>
      <c r="GE20" s="295">
        <v>130645</v>
      </c>
      <c r="GF20" s="298">
        <v>922250</v>
      </c>
      <c r="GG20" s="299">
        <v>922250</v>
      </c>
      <c r="GH20" s="294">
        <v>0</v>
      </c>
      <c r="GI20" s="295">
        <v>0</v>
      </c>
      <c r="GJ20" s="296">
        <v>0</v>
      </c>
      <c r="GK20" s="297">
        <v>0</v>
      </c>
      <c r="GL20" s="295">
        <v>28</v>
      </c>
      <c r="GM20" s="295">
        <v>112</v>
      </c>
      <c r="GN20" s="295">
        <v>203</v>
      </c>
      <c r="GO20" s="295">
        <v>0</v>
      </c>
      <c r="GP20" s="295">
        <v>12649</v>
      </c>
      <c r="GQ20" s="298">
        <v>12992</v>
      </c>
      <c r="GR20" s="299">
        <v>12992</v>
      </c>
      <c r="GS20" s="294">
        <v>0</v>
      </c>
      <c r="GT20" s="295">
        <v>0</v>
      </c>
      <c r="GU20" s="296">
        <v>0</v>
      </c>
      <c r="GV20" s="297">
        <v>0</v>
      </c>
      <c r="GW20" s="295">
        <v>0</v>
      </c>
      <c r="GX20" s="295">
        <v>0</v>
      </c>
      <c r="GY20" s="295">
        <v>0</v>
      </c>
      <c r="GZ20" s="295">
        <v>0</v>
      </c>
      <c r="HA20" s="295">
        <v>0</v>
      </c>
      <c r="HB20" s="298">
        <v>0</v>
      </c>
      <c r="HC20" s="299">
        <v>0</v>
      </c>
      <c r="HD20" s="294">
        <v>0</v>
      </c>
      <c r="HE20" s="295">
        <v>0</v>
      </c>
      <c r="HF20" s="296">
        <v>0</v>
      </c>
      <c r="HG20" s="300"/>
      <c r="HH20" s="295">
        <v>0</v>
      </c>
      <c r="HI20" s="295">
        <v>0</v>
      </c>
      <c r="HJ20" s="295">
        <v>0</v>
      </c>
      <c r="HK20" s="295">
        <v>0</v>
      </c>
      <c r="HL20" s="295">
        <v>0</v>
      </c>
      <c r="HM20" s="298">
        <v>0</v>
      </c>
      <c r="HN20" s="299">
        <v>0</v>
      </c>
      <c r="HO20" s="294">
        <v>0</v>
      </c>
      <c r="HP20" s="295">
        <v>0</v>
      </c>
      <c r="HQ20" s="296">
        <v>0</v>
      </c>
      <c r="HR20" s="297">
        <v>0</v>
      </c>
      <c r="HS20" s="295">
        <v>274657</v>
      </c>
      <c r="HT20" s="295">
        <v>1384898</v>
      </c>
      <c r="HU20" s="295">
        <v>5995970</v>
      </c>
      <c r="HV20" s="295">
        <v>6576224</v>
      </c>
      <c r="HW20" s="295">
        <v>5554126</v>
      </c>
      <c r="HX20" s="298">
        <v>19785875</v>
      </c>
      <c r="HY20" s="299">
        <v>19785875</v>
      </c>
    </row>
    <row r="21" spans="2:233" ht="21" customHeight="1" x14ac:dyDescent="0.2">
      <c r="B21" s="292" t="s">
        <v>18</v>
      </c>
      <c r="C21" s="294">
        <v>0</v>
      </c>
      <c r="D21" s="295">
        <v>3435</v>
      </c>
      <c r="E21" s="296">
        <v>3435</v>
      </c>
      <c r="F21" s="297">
        <v>0</v>
      </c>
      <c r="G21" s="295">
        <v>196990</v>
      </c>
      <c r="H21" s="295">
        <v>300721</v>
      </c>
      <c r="I21" s="295">
        <v>2215640</v>
      </c>
      <c r="J21" s="295">
        <v>3543612</v>
      </c>
      <c r="K21" s="295">
        <v>2809752</v>
      </c>
      <c r="L21" s="298">
        <v>9066715</v>
      </c>
      <c r="M21" s="299">
        <v>9070150</v>
      </c>
      <c r="N21" s="294">
        <v>0</v>
      </c>
      <c r="O21" s="295">
        <v>0</v>
      </c>
      <c r="P21" s="296">
        <v>0</v>
      </c>
      <c r="Q21" s="300"/>
      <c r="R21" s="295">
        <v>27900</v>
      </c>
      <c r="S21" s="295">
        <v>93930</v>
      </c>
      <c r="T21" s="295">
        <v>1398570</v>
      </c>
      <c r="U21" s="295">
        <v>2853512</v>
      </c>
      <c r="V21" s="295">
        <v>2162927</v>
      </c>
      <c r="W21" s="298">
        <v>6536839</v>
      </c>
      <c r="X21" s="299">
        <v>6536839</v>
      </c>
      <c r="Y21" s="294">
        <v>0</v>
      </c>
      <c r="Z21" s="295">
        <v>0</v>
      </c>
      <c r="AA21" s="296">
        <v>0</v>
      </c>
      <c r="AB21" s="300"/>
      <c r="AC21" s="295">
        <v>147845</v>
      </c>
      <c r="AD21" s="295">
        <v>111227</v>
      </c>
      <c r="AE21" s="295">
        <v>411735</v>
      </c>
      <c r="AF21" s="295">
        <v>528780</v>
      </c>
      <c r="AG21" s="295">
        <v>374805</v>
      </c>
      <c r="AH21" s="298">
        <v>1574392</v>
      </c>
      <c r="AI21" s="299">
        <v>1574392</v>
      </c>
      <c r="AJ21" s="294">
        <v>0</v>
      </c>
      <c r="AK21" s="295">
        <v>0</v>
      </c>
      <c r="AL21" s="296">
        <v>0</v>
      </c>
      <c r="AM21" s="300"/>
      <c r="AN21" s="295">
        <v>0</v>
      </c>
      <c r="AO21" s="295">
        <v>0</v>
      </c>
      <c r="AP21" s="295">
        <v>0</v>
      </c>
      <c r="AQ21" s="295">
        <v>2635</v>
      </c>
      <c r="AR21" s="295">
        <v>17175</v>
      </c>
      <c r="AS21" s="298">
        <v>19810</v>
      </c>
      <c r="AT21" s="299">
        <v>19810</v>
      </c>
      <c r="AU21" s="294">
        <v>0</v>
      </c>
      <c r="AV21" s="295">
        <v>0</v>
      </c>
      <c r="AW21" s="296">
        <v>0</v>
      </c>
      <c r="AX21" s="300"/>
      <c r="AY21" s="295">
        <v>0</v>
      </c>
      <c r="AZ21" s="295">
        <v>0</v>
      </c>
      <c r="BA21" s="295">
        <v>24645</v>
      </c>
      <c r="BB21" s="295">
        <v>24645</v>
      </c>
      <c r="BC21" s="295">
        <v>148395</v>
      </c>
      <c r="BD21" s="298">
        <v>197685</v>
      </c>
      <c r="BE21" s="299">
        <v>197685</v>
      </c>
      <c r="BF21" s="294">
        <v>0</v>
      </c>
      <c r="BG21" s="295">
        <v>0</v>
      </c>
      <c r="BH21" s="296">
        <v>0</v>
      </c>
      <c r="BI21" s="300"/>
      <c r="BJ21" s="295">
        <v>0</v>
      </c>
      <c r="BK21" s="295">
        <v>2550</v>
      </c>
      <c r="BL21" s="295">
        <v>35340</v>
      </c>
      <c r="BM21" s="295">
        <v>81560</v>
      </c>
      <c r="BN21" s="295">
        <v>40695</v>
      </c>
      <c r="BO21" s="298">
        <v>160145</v>
      </c>
      <c r="BP21" s="299">
        <v>160145</v>
      </c>
      <c r="BQ21" s="294">
        <v>0</v>
      </c>
      <c r="BR21" s="295">
        <v>3435</v>
      </c>
      <c r="BS21" s="296">
        <v>3435</v>
      </c>
      <c r="BT21" s="297">
        <v>0</v>
      </c>
      <c r="BU21" s="295">
        <v>19555</v>
      </c>
      <c r="BV21" s="295">
        <v>92724</v>
      </c>
      <c r="BW21" s="295">
        <v>345350</v>
      </c>
      <c r="BX21" s="295">
        <v>45360</v>
      </c>
      <c r="BY21" s="295">
        <v>65755</v>
      </c>
      <c r="BZ21" s="298">
        <v>568744</v>
      </c>
      <c r="CA21" s="299">
        <v>572179</v>
      </c>
      <c r="CB21" s="294">
        <v>0</v>
      </c>
      <c r="CC21" s="295">
        <v>0</v>
      </c>
      <c r="CD21" s="296">
        <v>0</v>
      </c>
      <c r="CE21" s="297">
        <v>0</v>
      </c>
      <c r="CF21" s="295">
        <v>1690</v>
      </c>
      <c r="CG21" s="295">
        <v>290</v>
      </c>
      <c r="CH21" s="295">
        <v>0</v>
      </c>
      <c r="CI21" s="295">
        <v>7120</v>
      </c>
      <c r="CJ21" s="295">
        <v>0</v>
      </c>
      <c r="CK21" s="298">
        <v>9100</v>
      </c>
      <c r="CL21" s="299">
        <v>9100</v>
      </c>
      <c r="CM21" s="294">
        <v>0</v>
      </c>
      <c r="CN21" s="295">
        <v>0</v>
      </c>
      <c r="CO21" s="296">
        <v>0</v>
      </c>
      <c r="CP21" s="297">
        <v>0</v>
      </c>
      <c r="CQ21" s="295">
        <v>0</v>
      </c>
      <c r="CR21" s="295">
        <v>0</v>
      </c>
      <c r="CS21" s="295">
        <v>0</v>
      </c>
      <c r="CT21" s="295">
        <v>0</v>
      </c>
      <c r="CU21" s="295">
        <v>0</v>
      </c>
      <c r="CV21" s="298">
        <v>0</v>
      </c>
      <c r="CW21" s="299">
        <v>0</v>
      </c>
      <c r="CX21" s="294">
        <v>0</v>
      </c>
      <c r="CY21" s="295">
        <v>0</v>
      </c>
      <c r="CZ21" s="296">
        <v>0</v>
      </c>
      <c r="DA21" s="300"/>
      <c r="DB21" s="295">
        <v>0</v>
      </c>
      <c r="DC21" s="295">
        <v>0</v>
      </c>
      <c r="DD21" s="295">
        <v>0</v>
      </c>
      <c r="DE21" s="295">
        <v>0</v>
      </c>
      <c r="DF21" s="295">
        <v>0</v>
      </c>
      <c r="DG21" s="298">
        <v>0</v>
      </c>
      <c r="DH21" s="299">
        <v>0</v>
      </c>
      <c r="DI21" s="294">
        <v>0</v>
      </c>
      <c r="DJ21" s="295">
        <v>3558</v>
      </c>
      <c r="DK21" s="296">
        <v>3558</v>
      </c>
      <c r="DL21" s="297">
        <v>0</v>
      </c>
      <c r="DM21" s="295">
        <v>168644</v>
      </c>
      <c r="DN21" s="295">
        <v>401131</v>
      </c>
      <c r="DO21" s="295">
        <v>2833375</v>
      </c>
      <c r="DP21" s="295">
        <v>3963741</v>
      </c>
      <c r="DQ21" s="295">
        <v>3157320</v>
      </c>
      <c r="DR21" s="298">
        <v>10524211</v>
      </c>
      <c r="DS21" s="301">
        <v>10527769</v>
      </c>
      <c r="DT21" s="294">
        <v>0</v>
      </c>
      <c r="DU21" s="295">
        <v>0</v>
      </c>
      <c r="DV21" s="296">
        <v>0</v>
      </c>
      <c r="DW21" s="300"/>
      <c r="DX21" s="295">
        <v>63612</v>
      </c>
      <c r="DY21" s="295">
        <v>185566</v>
      </c>
      <c r="DZ21" s="295">
        <v>2143167</v>
      </c>
      <c r="EA21" s="295">
        <v>3683925</v>
      </c>
      <c r="EB21" s="295">
        <v>2689254</v>
      </c>
      <c r="EC21" s="298">
        <v>8765524</v>
      </c>
      <c r="ED21" s="299">
        <v>8765524</v>
      </c>
      <c r="EE21" s="294">
        <v>0</v>
      </c>
      <c r="EF21" s="295">
        <v>0</v>
      </c>
      <c r="EG21" s="296">
        <v>0</v>
      </c>
      <c r="EH21" s="300"/>
      <c r="EI21" s="295">
        <v>37526</v>
      </c>
      <c r="EJ21" s="295">
        <v>69599</v>
      </c>
      <c r="EK21" s="295">
        <v>94681</v>
      </c>
      <c r="EL21" s="295">
        <v>41564</v>
      </c>
      <c r="EM21" s="295">
        <v>110437</v>
      </c>
      <c r="EN21" s="298">
        <v>353807</v>
      </c>
      <c r="EO21" s="299">
        <v>353807</v>
      </c>
      <c r="EP21" s="294">
        <v>0</v>
      </c>
      <c r="EQ21" s="295">
        <v>0</v>
      </c>
      <c r="ER21" s="296">
        <v>0</v>
      </c>
      <c r="ES21" s="300"/>
      <c r="ET21" s="295">
        <v>0</v>
      </c>
      <c r="EU21" s="295">
        <v>0</v>
      </c>
      <c r="EV21" s="295">
        <v>0</v>
      </c>
      <c r="EW21" s="295">
        <v>217</v>
      </c>
      <c r="EX21" s="295">
        <v>11470</v>
      </c>
      <c r="EY21" s="298">
        <v>11687</v>
      </c>
      <c r="EZ21" s="299">
        <v>11687</v>
      </c>
      <c r="FA21" s="294">
        <v>0</v>
      </c>
      <c r="FB21" s="295">
        <v>0</v>
      </c>
      <c r="FC21" s="296">
        <v>0</v>
      </c>
      <c r="FD21" s="300"/>
      <c r="FE21" s="295">
        <v>0</v>
      </c>
      <c r="FF21" s="295">
        <v>0</v>
      </c>
      <c r="FG21" s="295">
        <v>217</v>
      </c>
      <c r="FH21" s="295">
        <v>217</v>
      </c>
      <c r="FI21" s="295">
        <v>12912</v>
      </c>
      <c r="FJ21" s="298">
        <v>13346</v>
      </c>
      <c r="FK21" s="299">
        <v>13346</v>
      </c>
      <c r="FL21" s="294">
        <v>0</v>
      </c>
      <c r="FM21" s="295">
        <v>0</v>
      </c>
      <c r="FN21" s="296">
        <v>0</v>
      </c>
      <c r="FO21" s="300"/>
      <c r="FP21" s="295">
        <v>0</v>
      </c>
      <c r="FQ21" s="295">
        <v>21576</v>
      </c>
      <c r="FR21" s="295">
        <v>62518</v>
      </c>
      <c r="FS21" s="295">
        <v>205772</v>
      </c>
      <c r="FT21" s="295">
        <v>107062</v>
      </c>
      <c r="FU21" s="298">
        <v>396928</v>
      </c>
      <c r="FV21" s="299">
        <v>396928</v>
      </c>
      <c r="FW21" s="294">
        <v>0</v>
      </c>
      <c r="FX21" s="295">
        <v>3558</v>
      </c>
      <c r="FY21" s="296">
        <v>3558</v>
      </c>
      <c r="FZ21" s="297">
        <v>0</v>
      </c>
      <c r="GA21" s="295">
        <v>65150</v>
      </c>
      <c r="GB21" s="295">
        <v>124369</v>
      </c>
      <c r="GC21" s="295">
        <v>532792</v>
      </c>
      <c r="GD21" s="295">
        <v>29407</v>
      </c>
      <c r="GE21" s="295">
        <v>226185</v>
      </c>
      <c r="GF21" s="298">
        <v>977903</v>
      </c>
      <c r="GG21" s="299">
        <v>981461</v>
      </c>
      <c r="GH21" s="294">
        <v>0</v>
      </c>
      <c r="GI21" s="295">
        <v>0</v>
      </c>
      <c r="GJ21" s="296">
        <v>0</v>
      </c>
      <c r="GK21" s="297">
        <v>0</v>
      </c>
      <c r="GL21" s="295">
        <v>2356</v>
      </c>
      <c r="GM21" s="295">
        <v>21</v>
      </c>
      <c r="GN21" s="295">
        <v>0</v>
      </c>
      <c r="GO21" s="295">
        <v>2639</v>
      </c>
      <c r="GP21" s="295">
        <v>0</v>
      </c>
      <c r="GQ21" s="298">
        <v>5016</v>
      </c>
      <c r="GR21" s="299">
        <v>5016</v>
      </c>
      <c r="GS21" s="294">
        <v>0</v>
      </c>
      <c r="GT21" s="295">
        <v>0</v>
      </c>
      <c r="GU21" s="296">
        <v>0</v>
      </c>
      <c r="GV21" s="297">
        <v>0</v>
      </c>
      <c r="GW21" s="295">
        <v>0</v>
      </c>
      <c r="GX21" s="295">
        <v>0</v>
      </c>
      <c r="GY21" s="295">
        <v>0</v>
      </c>
      <c r="GZ21" s="295">
        <v>0</v>
      </c>
      <c r="HA21" s="295">
        <v>0</v>
      </c>
      <c r="HB21" s="298">
        <v>0</v>
      </c>
      <c r="HC21" s="299">
        <v>0</v>
      </c>
      <c r="HD21" s="294">
        <v>0</v>
      </c>
      <c r="HE21" s="295">
        <v>0</v>
      </c>
      <c r="HF21" s="296">
        <v>0</v>
      </c>
      <c r="HG21" s="300"/>
      <c r="HH21" s="295">
        <v>0</v>
      </c>
      <c r="HI21" s="295">
        <v>0</v>
      </c>
      <c r="HJ21" s="295">
        <v>0</v>
      </c>
      <c r="HK21" s="295">
        <v>0</v>
      </c>
      <c r="HL21" s="295">
        <v>0</v>
      </c>
      <c r="HM21" s="298">
        <v>0</v>
      </c>
      <c r="HN21" s="299">
        <v>0</v>
      </c>
      <c r="HO21" s="294">
        <v>0</v>
      </c>
      <c r="HP21" s="295">
        <v>6993</v>
      </c>
      <c r="HQ21" s="296">
        <v>6993</v>
      </c>
      <c r="HR21" s="297">
        <v>0</v>
      </c>
      <c r="HS21" s="295">
        <v>365634</v>
      </c>
      <c r="HT21" s="295">
        <v>701852</v>
      </c>
      <c r="HU21" s="295">
        <v>5049015</v>
      </c>
      <c r="HV21" s="295">
        <v>7507353</v>
      </c>
      <c r="HW21" s="295">
        <v>5967072</v>
      </c>
      <c r="HX21" s="298">
        <v>19590926</v>
      </c>
      <c r="HY21" s="299">
        <v>19597919</v>
      </c>
    </row>
    <row r="22" spans="2:233" ht="21" customHeight="1" x14ac:dyDescent="0.2">
      <c r="B22" s="292" t="s">
        <v>19</v>
      </c>
      <c r="C22" s="294">
        <v>0</v>
      </c>
      <c r="D22" s="295">
        <v>0</v>
      </c>
      <c r="E22" s="296">
        <v>0</v>
      </c>
      <c r="F22" s="297">
        <v>0</v>
      </c>
      <c r="G22" s="295">
        <v>105285</v>
      </c>
      <c r="H22" s="295">
        <v>339898</v>
      </c>
      <c r="I22" s="295">
        <v>1569545</v>
      </c>
      <c r="J22" s="295">
        <v>1317230</v>
      </c>
      <c r="K22" s="295">
        <v>1055560</v>
      </c>
      <c r="L22" s="298">
        <v>4387518</v>
      </c>
      <c r="M22" s="299">
        <v>4387518</v>
      </c>
      <c r="N22" s="294">
        <v>0</v>
      </c>
      <c r="O22" s="295">
        <v>0</v>
      </c>
      <c r="P22" s="296">
        <v>0</v>
      </c>
      <c r="Q22" s="300"/>
      <c r="R22" s="295">
        <v>0</v>
      </c>
      <c r="S22" s="295">
        <v>78740</v>
      </c>
      <c r="T22" s="295">
        <v>967785</v>
      </c>
      <c r="U22" s="295">
        <v>994645</v>
      </c>
      <c r="V22" s="295">
        <v>856240</v>
      </c>
      <c r="W22" s="298">
        <v>2897410</v>
      </c>
      <c r="X22" s="299">
        <v>2897410</v>
      </c>
      <c r="Y22" s="294">
        <v>0</v>
      </c>
      <c r="Z22" s="295">
        <v>0</v>
      </c>
      <c r="AA22" s="296">
        <v>0</v>
      </c>
      <c r="AB22" s="300"/>
      <c r="AC22" s="295">
        <v>76955</v>
      </c>
      <c r="AD22" s="295">
        <v>215005</v>
      </c>
      <c r="AE22" s="295">
        <v>536570</v>
      </c>
      <c r="AF22" s="295">
        <v>259510</v>
      </c>
      <c r="AG22" s="295">
        <v>165110</v>
      </c>
      <c r="AH22" s="298">
        <v>1253150</v>
      </c>
      <c r="AI22" s="299">
        <v>1253150</v>
      </c>
      <c r="AJ22" s="294">
        <v>0</v>
      </c>
      <c r="AK22" s="295">
        <v>0</v>
      </c>
      <c r="AL22" s="296">
        <v>0</v>
      </c>
      <c r="AM22" s="300"/>
      <c r="AN22" s="295">
        <v>0</v>
      </c>
      <c r="AO22" s="295">
        <v>0</v>
      </c>
      <c r="AP22" s="295">
        <v>0</v>
      </c>
      <c r="AQ22" s="295">
        <v>0</v>
      </c>
      <c r="AR22" s="295">
        <v>0</v>
      </c>
      <c r="AS22" s="298">
        <v>0</v>
      </c>
      <c r="AT22" s="299">
        <v>0</v>
      </c>
      <c r="AU22" s="294">
        <v>0</v>
      </c>
      <c r="AV22" s="295">
        <v>0</v>
      </c>
      <c r="AW22" s="296">
        <v>0</v>
      </c>
      <c r="AX22" s="300"/>
      <c r="AY22" s="295">
        <v>0</v>
      </c>
      <c r="AZ22" s="295">
        <v>0</v>
      </c>
      <c r="BA22" s="295">
        <v>0</v>
      </c>
      <c r="BB22" s="295">
        <v>0</v>
      </c>
      <c r="BC22" s="295">
        <v>0</v>
      </c>
      <c r="BD22" s="298">
        <v>0</v>
      </c>
      <c r="BE22" s="299">
        <v>0</v>
      </c>
      <c r="BF22" s="294">
        <v>0</v>
      </c>
      <c r="BG22" s="295">
        <v>0</v>
      </c>
      <c r="BH22" s="296">
        <v>0</v>
      </c>
      <c r="BI22" s="300"/>
      <c r="BJ22" s="295">
        <v>0</v>
      </c>
      <c r="BK22" s="295">
        <v>0</v>
      </c>
      <c r="BL22" s="295">
        <v>0</v>
      </c>
      <c r="BM22" s="295">
        <v>0</v>
      </c>
      <c r="BN22" s="295">
        <v>0</v>
      </c>
      <c r="BO22" s="298">
        <v>0</v>
      </c>
      <c r="BP22" s="299">
        <v>0</v>
      </c>
      <c r="BQ22" s="294">
        <v>0</v>
      </c>
      <c r="BR22" s="295">
        <v>0</v>
      </c>
      <c r="BS22" s="296">
        <v>0</v>
      </c>
      <c r="BT22" s="297">
        <v>0</v>
      </c>
      <c r="BU22" s="295">
        <v>25120</v>
      </c>
      <c r="BV22" s="295">
        <v>42383</v>
      </c>
      <c r="BW22" s="295">
        <v>62965</v>
      </c>
      <c r="BX22" s="295">
        <v>60900</v>
      </c>
      <c r="BY22" s="295">
        <v>34210</v>
      </c>
      <c r="BZ22" s="298">
        <v>225578</v>
      </c>
      <c r="CA22" s="299">
        <v>225578</v>
      </c>
      <c r="CB22" s="294">
        <v>0</v>
      </c>
      <c r="CC22" s="295">
        <v>0</v>
      </c>
      <c r="CD22" s="296">
        <v>0</v>
      </c>
      <c r="CE22" s="297">
        <v>0</v>
      </c>
      <c r="CF22" s="295">
        <v>3210</v>
      </c>
      <c r="CG22" s="295">
        <v>3770</v>
      </c>
      <c r="CH22" s="295">
        <v>2225</v>
      </c>
      <c r="CI22" s="295">
        <v>2175</v>
      </c>
      <c r="CJ22" s="295">
        <v>0</v>
      </c>
      <c r="CK22" s="298">
        <v>11380</v>
      </c>
      <c r="CL22" s="299">
        <v>11380</v>
      </c>
      <c r="CM22" s="294">
        <v>0</v>
      </c>
      <c r="CN22" s="295">
        <v>0</v>
      </c>
      <c r="CO22" s="296">
        <v>0</v>
      </c>
      <c r="CP22" s="297">
        <v>0</v>
      </c>
      <c r="CQ22" s="295">
        <v>0</v>
      </c>
      <c r="CR22" s="295">
        <v>0</v>
      </c>
      <c r="CS22" s="295">
        <v>0</v>
      </c>
      <c r="CT22" s="295">
        <v>0</v>
      </c>
      <c r="CU22" s="295">
        <v>0</v>
      </c>
      <c r="CV22" s="298">
        <v>0</v>
      </c>
      <c r="CW22" s="299">
        <v>0</v>
      </c>
      <c r="CX22" s="294">
        <v>0</v>
      </c>
      <c r="CY22" s="295">
        <v>0</v>
      </c>
      <c r="CZ22" s="296">
        <v>0</v>
      </c>
      <c r="DA22" s="300"/>
      <c r="DB22" s="295">
        <v>0</v>
      </c>
      <c r="DC22" s="295">
        <v>0</v>
      </c>
      <c r="DD22" s="295">
        <v>0</v>
      </c>
      <c r="DE22" s="295">
        <v>0</v>
      </c>
      <c r="DF22" s="295">
        <v>0</v>
      </c>
      <c r="DG22" s="298">
        <v>0</v>
      </c>
      <c r="DH22" s="299">
        <v>0</v>
      </c>
      <c r="DI22" s="294">
        <v>0</v>
      </c>
      <c r="DJ22" s="295">
        <v>0</v>
      </c>
      <c r="DK22" s="296">
        <v>0</v>
      </c>
      <c r="DL22" s="297">
        <v>0</v>
      </c>
      <c r="DM22" s="295">
        <v>37122</v>
      </c>
      <c r="DN22" s="295">
        <v>232267</v>
      </c>
      <c r="DO22" s="295">
        <v>1497820</v>
      </c>
      <c r="DP22" s="295">
        <v>1607462</v>
      </c>
      <c r="DQ22" s="295">
        <v>1051019</v>
      </c>
      <c r="DR22" s="298">
        <v>4425690</v>
      </c>
      <c r="DS22" s="301">
        <v>4425690</v>
      </c>
      <c r="DT22" s="294">
        <v>0</v>
      </c>
      <c r="DU22" s="295">
        <v>0</v>
      </c>
      <c r="DV22" s="296">
        <v>0</v>
      </c>
      <c r="DW22" s="300"/>
      <c r="DX22" s="295">
        <v>0</v>
      </c>
      <c r="DY22" s="295">
        <v>120838</v>
      </c>
      <c r="DZ22" s="295">
        <v>1366623</v>
      </c>
      <c r="EA22" s="295">
        <v>1524315</v>
      </c>
      <c r="EB22" s="295">
        <v>974908</v>
      </c>
      <c r="EC22" s="298">
        <v>3986684</v>
      </c>
      <c r="ED22" s="299">
        <v>3986684</v>
      </c>
      <c r="EE22" s="294">
        <v>0</v>
      </c>
      <c r="EF22" s="295">
        <v>0</v>
      </c>
      <c r="EG22" s="296">
        <v>0</v>
      </c>
      <c r="EH22" s="300"/>
      <c r="EI22" s="295">
        <v>12625</v>
      </c>
      <c r="EJ22" s="295">
        <v>44518</v>
      </c>
      <c r="EK22" s="295">
        <v>60576</v>
      </c>
      <c r="EL22" s="295">
        <v>18978</v>
      </c>
      <c r="EM22" s="295">
        <v>23618</v>
      </c>
      <c r="EN22" s="298">
        <v>160315</v>
      </c>
      <c r="EO22" s="299">
        <v>160315</v>
      </c>
      <c r="EP22" s="294">
        <v>0</v>
      </c>
      <c r="EQ22" s="295">
        <v>0</v>
      </c>
      <c r="ER22" s="296">
        <v>0</v>
      </c>
      <c r="ES22" s="300"/>
      <c r="ET22" s="295">
        <v>0</v>
      </c>
      <c r="EU22" s="295">
        <v>0</v>
      </c>
      <c r="EV22" s="295">
        <v>0</v>
      </c>
      <c r="EW22" s="295">
        <v>0</v>
      </c>
      <c r="EX22" s="295">
        <v>0</v>
      </c>
      <c r="EY22" s="298">
        <v>0</v>
      </c>
      <c r="EZ22" s="299">
        <v>0</v>
      </c>
      <c r="FA22" s="294">
        <v>0</v>
      </c>
      <c r="FB22" s="295">
        <v>0</v>
      </c>
      <c r="FC22" s="296">
        <v>0</v>
      </c>
      <c r="FD22" s="300"/>
      <c r="FE22" s="295">
        <v>0</v>
      </c>
      <c r="FF22" s="295">
        <v>0</v>
      </c>
      <c r="FG22" s="295">
        <v>0</v>
      </c>
      <c r="FH22" s="295">
        <v>0</v>
      </c>
      <c r="FI22" s="295">
        <v>0</v>
      </c>
      <c r="FJ22" s="298">
        <v>0</v>
      </c>
      <c r="FK22" s="299">
        <v>0</v>
      </c>
      <c r="FL22" s="294">
        <v>0</v>
      </c>
      <c r="FM22" s="295">
        <v>0</v>
      </c>
      <c r="FN22" s="296">
        <v>0</v>
      </c>
      <c r="FO22" s="300"/>
      <c r="FP22" s="295">
        <v>0</v>
      </c>
      <c r="FQ22" s="295">
        <v>0</v>
      </c>
      <c r="FR22" s="295">
        <v>0</v>
      </c>
      <c r="FS22" s="295">
        <v>0</v>
      </c>
      <c r="FT22" s="295">
        <v>0</v>
      </c>
      <c r="FU22" s="298">
        <v>0</v>
      </c>
      <c r="FV22" s="299">
        <v>0</v>
      </c>
      <c r="FW22" s="294">
        <v>0</v>
      </c>
      <c r="FX22" s="295">
        <v>0</v>
      </c>
      <c r="FY22" s="296">
        <v>0</v>
      </c>
      <c r="FZ22" s="297">
        <v>0</v>
      </c>
      <c r="GA22" s="295">
        <v>22328</v>
      </c>
      <c r="GB22" s="295">
        <v>56171</v>
      </c>
      <c r="GC22" s="295">
        <v>68473</v>
      </c>
      <c r="GD22" s="295">
        <v>55577</v>
      </c>
      <c r="GE22" s="295">
        <v>52493</v>
      </c>
      <c r="GF22" s="298">
        <v>255042</v>
      </c>
      <c r="GG22" s="299">
        <v>255042</v>
      </c>
      <c r="GH22" s="294">
        <v>0</v>
      </c>
      <c r="GI22" s="295">
        <v>0</v>
      </c>
      <c r="GJ22" s="296">
        <v>0</v>
      </c>
      <c r="GK22" s="297">
        <v>0</v>
      </c>
      <c r="GL22" s="295">
        <v>2169</v>
      </c>
      <c r="GM22" s="295">
        <v>10740</v>
      </c>
      <c r="GN22" s="295">
        <v>2148</v>
      </c>
      <c r="GO22" s="295">
        <v>8592</v>
      </c>
      <c r="GP22" s="295">
        <v>0</v>
      </c>
      <c r="GQ22" s="298">
        <v>23649</v>
      </c>
      <c r="GR22" s="299">
        <v>23649</v>
      </c>
      <c r="GS22" s="294">
        <v>0</v>
      </c>
      <c r="GT22" s="295">
        <v>0</v>
      </c>
      <c r="GU22" s="296">
        <v>0</v>
      </c>
      <c r="GV22" s="297">
        <v>0</v>
      </c>
      <c r="GW22" s="295">
        <v>0</v>
      </c>
      <c r="GX22" s="295">
        <v>0</v>
      </c>
      <c r="GY22" s="295">
        <v>0</v>
      </c>
      <c r="GZ22" s="295">
        <v>0</v>
      </c>
      <c r="HA22" s="295">
        <v>0</v>
      </c>
      <c r="HB22" s="298">
        <v>0</v>
      </c>
      <c r="HC22" s="299">
        <v>0</v>
      </c>
      <c r="HD22" s="294">
        <v>0</v>
      </c>
      <c r="HE22" s="295">
        <v>0</v>
      </c>
      <c r="HF22" s="296">
        <v>0</v>
      </c>
      <c r="HG22" s="300"/>
      <c r="HH22" s="295">
        <v>0</v>
      </c>
      <c r="HI22" s="295">
        <v>0</v>
      </c>
      <c r="HJ22" s="295">
        <v>0</v>
      </c>
      <c r="HK22" s="295">
        <v>0</v>
      </c>
      <c r="HL22" s="295">
        <v>0</v>
      </c>
      <c r="HM22" s="298">
        <v>0</v>
      </c>
      <c r="HN22" s="299">
        <v>0</v>
      </c>
      <c r="HO22" s="294">
        <v>0</v>
      </c>
      <c r="HP22" s="295">
        <v>0</v>
      </c>
      <c r="HQ22" s="296">
        <v>0</v>
      </c>
      <c r="HR22" s="297">
        <v>0</v>
      </c>
      <c r="HS22" s="295">
        <v>142407</v>
      </c>
      <c r="HT22" s="295">
        <v>572165</v>
      </c>
      <c r="HU22" s="295">
        <v>3067365</v>
      </c>
      <c r="HV22" s="295">
        <v>2924692</v>
      </c>
      <c r="HW22" s="295">
        <v>2106579</v>
      </c>
      <c r="HX22" s="298">
        <v>8813208</v>
      </c>
      <c r="HY22" s="299">
        <v>8813208</v>
      </c>
    </row>
    <row r="23" spans="2:233" ht="21" customHeight="1" x14ac:dyDescent="0.2">
      <c r="B23" s="292" t="s">
        <v>20</v>
      </c>
      <c r="C23" s="294">
        <v>0</v>
      </c>
      <c r="D23" s="295">
        <v>0</v>
      </c>
      <c r="E23" s="296">
        <v>0</v>
      </c>
      <c r="F23" s="297">
        <v>0</v>
      </c>
      <c r="G23" s="295">
        <v>63970</v>
      </c>
      <c r="H23" s="295">
        <v>482195</v>
      </c>
      <c r="I23" s="295">
        <v>1223035</v>
      </c>
      <c r="J23" s="295">
        <v>1739140</v>
      </c>
      <c r="K23" s="295">
        <v>595755</v>
      </c>
      <c r="L23" s="298">
        <v>4104095</v>
      </c>
      <c r="M23" s="299">
        <v>4104095</v>
      </c>
      <c r="N23" s="294">
        <v>0</v>
      </c>
      <c r="O23" s="295">
        <v>0</v>
      </c>
      <c r="P23" s="296">
        <v>0</v>
      </c>
      <c r="Q23" s="300"/>
      <c r="R23" s="295">
        <v>5270</v>
      </c>
      <c r="S23" s="295">
        <v>165850</v>
      </c>
      <c r="T23" s="295">
        <v>933690</v>
      </c>
      <c r="U23" s="295">
        <v>1467555</v>
      </c>
      <c r="V23" s="295">
        <v>498515</v>
      </c>
      <c r="W23" s="298">
        <v>3070880</v>
      </c>
      <c r="X23" s="299">
        <v>3070880</v>
      </c>
      <c r="Y23" s="294">
        <v>0</v>
      </c>
      <c r="Z23" s="295">
        <v>0</v>
      </c>
      <c r="AA23" s="296">
        <v>0</v>
      </c>
      <c r="AB23" s="300"/>
      <c r="AC23" s="295">
        <v>40610</v>
      </c>
      <c r="AD23" s="295">
        <v>226980</v>
      </c>
      <c r="AE23" s="295">
        <v>192195</v>
      </c>
      <c r="AF23" s="295">
        <v>204095</v>
      </c>
      <c r="AG23" s="295">
        <v>92365</v>
      </c>
      <c r="AH23" s="298">
        <v>756245</v>
      </c>
      <c r="AI23" s="299">
        <v>756245</v>
      </c>
      <c r="AJ23" s="294">
        <v>0</v>
      </c>
      <c r="AK23" s="295">
        <v>0</v>
      </c>
      <c r="AL23" s="296">
        <v>0</v>
      </c>
      <c r="AM23" s="300"/>
      <c r="AN23" s="295">
        <v>0</v>
      </c>
      <c r="AO23" s="295">
        <v>0</v>
      </c>
      <c r="AP23" s="295">
        <v>0</v>
      </c>
      <c r="AQ23" s="295">
        <v>0</v>
      </c>
      <c r="AR23" s="295">
        <v>0</v>
      </c>
      <c r="AS23" s="298">
        <v>0</v>
      </c>
      <c r="AT23" s="299">
        <v>0</v>
      </c>
      <c r="AU23" s="294">
        <v>0</v>
      </c>
      <c r="AV23" s="295">
        <v>0</v>
      </c>
      <c r="AW23" s="296">
        <v>0</v>
      </c>
      <c r="AX23" s="300"/>
      <c r="AY23" s="295">
        <v>0</v>
      </c>
      <c r="AZ23" s="295">
        <v>0</v>
      </c>
      <c r="BA23" s="295">
        <v>0</v>
      </c>
      <c r="BB23" s="295">
        <v>0</v>
      </c>
      <c r="BC23" s="295">
        <v>0</v>
      </c>
      <c r="BD23" s="298">
        <v>0</v>
      </c>
      <c r="BE23" s="299">
        <v>0</v>
      </c>
      <c r="BF23" s="294">
        <v>0</v>
      </c>
      <c r="BG23" s="295">
        <v>0</v>
      </c>
      <c r="BH23" s="296">
        <v>0</v>
      </c>
      <c r="BI23" s="300"/>
      <c r="BJ23" s="295">
        <v>0</v>
      </c>
      <c r="BK23" s="295">
        <v>0</v>
      </c>
      <c r="BL23" s="295">
        <v>0</v>
      </c>
      <c r="BM23" s="295">
        <v>0</v>
      </c>
      <c r="BN23" s="295">
        <v>0</v>
      </c>
      <c r="BO23" s="298">
        <v>0</v>
      </c>
      <c r="BP23" s="299">
        <v>0</v>
      </c>
      <c r="BQ23" s="294">
        <v>0</v>
      </c>
      <c r="BR23" s="295">
        <v>0</v>
      </c>
      <c r="BS23" s="296">
        <v>0</v>
      </c>
      <c r="BT23" s="297">
        <v>0</v>
      </c>
      <c r="BU23" s="295">
        <v>18090</v>
      </c>
      <c r="BV23" s="295">
        <v>88930</v>
      </c>
      <c r="BW23" s="295">
        <v>95555</v>
      </c>
      <c r="BX23" s="295">
        <v>67490</v>
      </c>
      <c r="BY23" s="295">
        <v>4875</v>
      </c>
      <c r="BZ23" s="298">
        <v>274940</v>
      </c>
      <c r="CA23" s="299">
        <v>274940</v>
      </c>
      <c r="CB23" s="294">
        <v>0</v>
      </c>
      <c r="CC23" s="295">
        <v>0</v>
      </c>
      <c r="CD23" s="296">
        <v>0</v>
      </c>
      <c r="CE23" s="297">
        <v>0</v>
      </c>
      <c r="CF23" s="295">
        <v>0</v>
      </c>
      <c r="CG23" s="295">
        <v>435</v>
      </c>
      <c r="CH23" s="295">
        <v>1595</v>
      </c>
      <c r="CI23" s="295">
        <v>0</v>
      </c>
      <c r="CJ23" s="295">
        <v>0</v>
      </c>
      <c r="CK23" s="298">
        <v>2030</v>
      </c>
      <c r="CL23" s="299">
        <v>2030</v>
      </c>
      <c r="CM23" s="294">
        <v>0</v>
      </c>
      <c r="CN23" s="295">
        <v>0</v>
      </c>
      <c r="CO23" s="296">
        <v>0</v>
      </c>
      <c r="CP23" s="297">
        <v>0</v>
      </c>
      <c r="CQ23" s="295">
        <v>0</v>
      </c>
      <c r="CR23" s="295">
        <v>0</v>
      </c>
      <c r="CS23" s="295">
        <v>0</v>
      </c>
      <c r="CT23" s="295">
        <v>0</v>
      </c>
      <c r="CU23" s="295">
        <v>0</v>
      </c>
      <c r="CV23" s="298">
        <v>0</v>
      </c>
      <c r="CW23" s="299">
        <v>0</v>
      </c>
      <c r="CX23" s="294">
        <v>0</v>
      </c>
      <c r="CY23" s="295">
        <v>0</v>
      </c>
      <c r="CZ23" s="296">
        <v>0</v>
      </c>
      <c r="DA23" s="300"/>
      <c r="DB23" s="295">
        <v>0</v>
      </c>
      <c r="DC23" s="295">
        <v>0</v>
      </c>
      <c r="DD23" s="295">
        <v>0</v>
      </c>
      <c r="DE23" s="295">
        <v>0</v>
      </c>
      <c r="DF23" s="295">
        <v>0</v>
      </c>
      <c r="DG23" s="298">
        <v>0</v>
      </c>
      <c r="DH23" s="299">
        <v>0</v>
      </c>
      <c r="DI23" s="294">
        <v>0</v>
      </c>
      <c r="DJ23" s="295">
        <v>0</v>
      </c>
      <c r="DK23" s="296">
        <v>0</v>
      </c>
      <c r="DL23" s="297">
        <v>0</v>
      </c>
      <c r="DM23" s="295">
        <v>104170</v>
      </c>
      <c r="DN23" s="295">
        <v>606851</v>
      </c>
      <c r="DO23" s="295">
        <v>1842602</v>
      </c>
      <c r="DP23" s="295">
        <v>2428742</v>
      </c>
      <c r="DQ23" s="295">
        <v>924323</v>
      </c>
      <c r="DR23" s="298">
        <v>5906688</v>
      </c>
      <c r="DS23" s="301">
        <v>5906688</v>
      </c>
      <c r="DT23" s="294">
        <v>0</v>
      </c>
      <c r="DU23" s="295">
        <v>0</v>
      </c>
      <c r="DV23" s="296">
        <v>0</v>
      </c>
      <c r="DW23" s="300"/>
      <c r="DX23" s="295">
        <v>25916</v>
      </c>
      <c r="DY23" s="295">
        <v>325903</v>
      </c>
      <c r="DZ23" s="295">
        <v>1552533</v>
      </c>
      <c r="EA23" s="295">
        <v>2230690</v>
      </c>
      <c r="EB23" s="295">
        <v>899268</v>
      </c>
      <c r="EC23" s="298">
        <v>5034310</v>
      </c>
      <c r="ED23" s="299">
        <v>5034310</v>
      </c>
      <c r="EE23" s="294">
        <v>0</v>
      </c>
      <c r="EF23" s="295">
        <v>0</v>
      </c>
      <c r="EG23" s="296">
        <v>0</v>
      </c>
      <c r="EH23" s="300"/>
      <c r="EI23" s="295">
        <v>11749</v>
      </c>
      <c r="EJ23" s="295">
        <v>37081</v>
      </c>
      <c r="EK23" s="295">
        <v>13884</v>
      </c>
      <c r="EL23" s="295">
        <v>25199</v>
      </c>
      <c r="EM23" s="295">
        <v>1519</v>
      </c>
      <c r="EN23" s="298">
        <v>89432</v>
      </c>
      <c r="EO23" s="299">
        <v>89432</v>
      </c>
      <c r="EP23" s="294">
        <v>0</v>
      </c>
      <c r="EQ23" s="295">
        <v>0</v>
      </c>
      <c r="ER23" s="296">
        <v>0</v>
      </c>
      <c r="ES23" s="300"/>
      <c r="ET23" s="295">
        <v>0</v>
      </c>
      <c r="EU23" s="295">
        <v>0</v>
      </c>
      <c r="EV23" s="295">
        <v>0</v>
      </c>
      <c r="EW23" s="295">
        <v>0</v>
      </c>
      <c r="EX23" s="295">
        <v>0</v>
      </c>
      <c r="EY23" s="298">
        <v>0</v>
      </c>
      <c r="EZ23" s="299">
        <v>0</v>
      </c>
      <c r="FA23" s="294">
        <v>0</v>
      </c>
      <c r="FB23" s="295">
        <v>0</v>
      </c>
      <c r="FC23" s="296">
        <v>0</v>
      </c>
      <c r="FD23" s="300"/>
      <c r="FE23" s="295">
        <v>0</v>
      </c>
      <c r="FF23" s="295">
        <v>0</v>
      </c>
      <c r="FG23" s="295">
        <v>0</v>
      </c>
      <c r="FH23" s="295">
        <v>0</v>
      </c>
      <c r="FI23" s="295">
        <v>0</v>
      </c>
      <c r="FJ23" s="298">
        <v>0</v>
      </c>
      <c r="FK23" s="299">
        <v>0</v>
      </c>
      <c r="FL23" s="294">
        <v>0</v>
      </c>
      <c r="FM23" s="295">
        <v>0</v>
      </c>
      <c r="FN23" s="296">
        <v>0</v>
      </c>
      <c r="FO23" s="300"/>
      <c r="FP23" s="295">
        <v>0</v>
      </c>
      <c r="FQ23" s="295">
        <v>0</v>
      </c>
      <c r="FR23" s="295">
        <v>0</v>
      </c>
      <c r="FS23" s="295">
        <v>0</v>
      </c>
      <c r="FT23" s="295">
        <v>0</v>
      </c>
      <c r="FU23" s="298">
        <v>0</v>
      </c>
      <c r="FV23" s="299">
        <v>0</v>
      </c>
      <c r="FW23" s="294">
        <v>0</v>
      </c>
      <c r="FX23" s="295">
        <v>0</v>
      </c>
      <c r="FY23" s="296">
        <v>0</v>
      </c>
      <c r="FZ23" s="297">
        <v>0</v>
      </c>
      <c r="GA23" s="295">
        <v>66505</v>
      </c>
      <c r="GB23" s="295">
        <v>242077</v>
      </c>
      <c r="GC23" s="295">
        <v>273279</v>
      </c>
      <c r="GD23" s="295">
        <v>172853</v>
      </c>
      <c r="GE23" s="295">
        <v>23536</v>
      </c>
      <c r="GF23" s="298">
        <v>778250</v>
      </c>
      <c r="GG23" s="299">
        <v>778250</v>
      </c>
      <c r="GH23" s="294">
        <v>0</v>
      </c>
      <c r="GI23" s="295">
        <v>0</v>
      </c>
      <c r="GJ23" s="296">
        <v>0</v>
      </c>
      <c r="GK23" s="297">
        <v>0</v>
      </c>
      <c r="GL23" s="295">
        <v>0</v>
      </c>
      <c r="GM23" s="295">
        <v>1790</v>
      </c>
      <c r="GN23" s="295">
        <v>2906</v>
      </c>
      <c r="GO23" s="295">
        <v>0</v>
      </c>
      <c r="GP23" s="295">
        <v>0</v>
      </c>
      <c r="GQ23" s="298">
        <v>4696</v>
      </c>
      <c r="GR23" s="299">
        <v>4696</v>
      </c>
      <c r="GS23" s="294">
        <v>0</v>
      </c>
      <c r="GT23" s="295">
        <v>0</v>
      </c>
      <c r="GU23" s="296">
        <v>0</v>
      </c>
      <c r="GV23" s="297">
        <v>0</v>
      </c>
      <c r="GW23" s="295">
        <v>0</v>
      </c>
      <c r="GX23" s="295">
        <v>0</v>
      </c>
      <c r="GY23" s="295">
        <v>0</v>
      </c>
      <c r="GZ23" s="295">
        <v>0</v>
      </c>
      <c r="HA23" s="295">
        <v>0</v>
      </c>
      <c r="HB23" s="298">
        <v>0</v>
      </c>
      <c r="HC23" s="299">
        <v>0</v>
      </c>
      <c r="HD23" s="294">
        <v>0</v>
      </c>
      <c r="HE23" s="295">
        <v>0</v>
      </c>
      <c r="HF23" s="296">
        <v>0</v>
      </c>
      <c r="HG23" s="300"/>
      <c r="HH23" s="295">
        <v>0</v>
      </c>
      <c r="HI23" s="295">
        <v>0</v>
      </c>
      <c r="HJ23" s="295">
        <v>0</v>
      </c>
      <c r="HK23" s="295">
        <v>0</v>
      </c>
      <c r="HL23" s="295">
        <v>0</v>
      </c>
      <c r="HM23" s="298">
        <v>0</v>
      </c>
      <c r="HN23" s="299">
        <v>0</v>
      </c>
      <c r="HO23" s="294">
        <v>0</v>
      </c>
      <c r="HP23" s="295">
        <v>0</v>
      </c>
      <c r="HQ23" s="296">
        <v>0</v>
      </c>
      <c r="HR23" s="297">
        <v>0</v>
      </c>
      <c r="HS23" s="295">
        <v>168140</v>
      </c>
      <c r="HT23" s="295">
        <v>1089046</v>
      </c>
      <c r="HU23" s="295">
        <v>3065637</v>
      </c>
      <c r="HV23" s="295">
        <v>4167882</v>
      </c>
      <c r="HW23" s="295">
        <v>1520078</v>
      </c>
      <c r="HX23" s="298">
        <v>10010783</v>
      </c>
      <c r="HY23" s="299">
        <v>10010783</v>
      </c>
    </row>
    <row r="24" spans="2:233" ht="21" customHeight="1" x14ac:dyDescent="0.2">
      <c r="B24" s="292" t="s">
        <v>21</v>
      </c>
      <c r="C24" s="294">
        <v>0</v>
      </c>
      <c r="D24" s="295">
        <v>0</v>
      </c>
      <c r="E24" s="296">
        <v>0</v>
      </c>
      <c r="F24" s="297">
        <v>0</v>
      </c>
      <c r="G24" s="295">
        <v>181210</v>
      </c>
      <c r="H24" s="295">
        <v>379340</v>
      </c>
      <c r="I24" s="295">
        <v>2150209</v>
      </c>
      <c r="J24" s="295">
        <v>1755957</v>
      </c>
      <c r="K24" s="295">
        <v>1463767</v>
      </c>
      <c r="L24" s="298">
        <v>5930483</v>
      </c>
      <c r="M24" s="299">
        <v>5930483</v>
      </c>
      <c r="N24" s="294">
        <v>0</v>
      </c>
      <c r="O24" s="295">
        <v>0</v>
      </c>
      <c r="P24" s="296">
        <v>0</v>
      </c>
      <c r="Q24" s="300"/>
      <c r="R24" s="295">
        <v>2635</v>
      </c>
      <c r="S24" s="295">
        <v>177005</v>
      </c>
      <c r="T24" s="295">
        <v>1739870</v>
      </c>
      <c r="U24" s="295">
        <v>1285470</v>
      </c>
      <c r="V24" s="295">
        <v>1145582</v>
      </c>
      <c r="W24" s="298">
        <v>4350562</v>
      </c>
      <c r="X24" s="299">
        <v>4350562</v>
      </c>
      <c r="Y24" s="294">
        <v>0</v>
      </c>
      <c r="Z24" s="295">
        <v>0</v>
      </c>
      <c r="AA24" s="296">
        <v>0</v>
      </c>
      <c r="AB24" s="300"/>
      <c r="AC24" s="295">
        <v>113855</v>
      </c>
      <c r="AD24" s="295">
        <v>161855</v>
      </c>
      <c r="AE24" s="295">
        <v>242320</v>
      </c>
      <c r="AF24" s="295">
        <v>224757</v>
      </c>
      <c r="AG24" s="295">
        <v>198695</v>
      </c>
      <c r="AH24" s="298">
        <v>941482</v>
      </c>
      <c r="AI24" s="299">
        <v>941482</v>
      </c>
      <c r="AJ24" s="294">
        <v>0</v>
      </c>
      <c r="AK24" s="295">
        <v>0</v>
      </c>
      <c r="AL24" s="296">
        <v>0</v>
      </c>
      <c r="AM24" s="300"/>
      <c r="AN24" s="295">
        <v>0</v>
      </c>
      <c r="AO24" s="295">
        <v>0</v>
      </c>
      <c r="AP24" s="295">
        <v>2635</v>
      </c>
      <c r="AQ24" s="295">
        <v>32705</v>
      </c>
      <c r="AR24" s="295">
        <v>2635</v>
      </c>
      <c r="AS24" s="298">
        <v>37975</v>
      </c>
      <c r="AT24" s="299">
        <v>37975</v>
      </c>
      <c r="AU24" s="294">
        <v>0</v>
      </c>
      <c r="AV24" s="295">
        <v>0</v>
      </c>
      <c r="AW24" s="296">
        <v>0</v>
      </c>
      <c r="AX24" s="300"/>
      <c r="AY24" s="295">
        <v>0</v>
      </c>
      <c r="AZ24" s="295">
        <v>0</v>
      </c>
      <c r="BA24" s="295">
        <v>35495</v>
      </c>
      <c r="BB24" s="295">
        <v>105920</v>
      </c>
      <c r="BC24" s="295">
        <v>77450</v>
      </c>
      <c r="BD24" s="298">
        <v>218865</v>
      </c>
      <c r="BE24" s="299">
        <v>218865</v>
      </c>
      <c r="BF24" s="294">
        <v>0</v>
      </c>
      <c r="BG24" s="295">
        <v>0</v>
      </c>
      <c r="BH24" s="296">
        <v>0</v>
      </c>
      <c r="BI24" s="300"/>
      <c r="BJ24" s="295">
        <v>0</v>
      </c>
      <c r="BK24" s="295">
        <v>0</v>
      </c>
      <c r="BL24" s="295">
        <v>0</v>
      </c>
      <c r="BM24" s="295">
        <v>0</v>
      </c>
      <c r="BN24" s="295">
        <v>0</v>
      </c>
      <c r="BO24" s="298">
        <v>0</v>
      </c>
      <c r="BP24" s="299">
        <v>0</v>
      </c>
      <c r="BQ24" s="294">
        <v>0</v>
      </c>
      <c r="BR24" s="295">
        <v>0</v>
      </c>
      <c r="BS24" s="296">
        <v>0</v>
      </c>
      <c r="BT24" s="297">
        <v>0</v>
      </c>
      <c r="BU24" s="295">
        <v>64720</v>
      </c>
      <c r="BV24" s="295">
        <v>39465</v>
      </c>
      <c r="BW24" s="295">
        <v>129454</v>
      </c>
      <c r="BX24" s="295">
        <v>102390</v>
      </c>
      <c r="BY24" s="295">
        <v>39405</v>
      </c>
      <c r="BZ24" s="298">
        <v>375434</v>
      </c>
      <c r="CA24" s="299">
        <v>375434</v>
      </c>
      <c r="CB24" s="294">
        <v>0</v>
      </c>
      <c r="CC24" s="295">
        <v>0</v>
      </c>
      <c r="CD24" s="296">
        <v>0</v>
      </c>
      <c r="CE24" s="297">
        <v>0</v>
      </c>
      <c r="CF24" s="295">
        <v>0</v>
      </c>
      <c r="CG24" s="295">
        <v>1015</v>
      </c>
      <c r="CH24" s="295">
        <v>435</v>
      </c>
      <c r="CI24" s="295">
        <v>4715</v>
      </c>
      <c r="CJ24" s="295">
        <v>0</v>
      </c>
      <c r="CK24" s="298">
        <v>6165</v>
      </c>
      <c r="CL24" s="299">
        <v>6165</v>
      </c>
      <c r="CM24" s="294">
        <v>0</v>
      </c>
      <c r="CN24" s="295">
        <v>0</v>
      </c>
      <c r="CO24" s="296">
        <v>0</v>
      </c>
      <c r="CP24" s="297">
        <v>0</v>
      </c>
      <c r="CQ24" s="295">
        <v>0</v>
      </c>
      <c r="CR24" s="295">
        <v>0</v>
      </c>
      <c r="CS24" s="295">
        <v>0</v>
      </c>
      <c r="CT24" s="295">
        <v>0</v>
      </c>
      <c r="CU24" s="295">
        <v>0</v>
      </c>
      <c r="CV24" s="298">
        <v>0</v>
      </c>
      <c r="CW24" s="299">
        <v>0</v>
      </c>
      <c r="CX24" s="294">
        <v>0</v>
      </c>
      <c r="CY24" s="295">
        <v>0</v>
      </c>
      <c r="CZ24" s="296">
        <v>0</v>
      </c>
      <c r="DA24" s="300"/>
      <c r="DB24" s="295">
        <v>0</v>
      </c>
      <c r="DC24" s="295">
        <v>0</v>
      </c>
      <c r="DD24" s="295">
        <v>0</v>
      </c>
      <c r="DE24" s="295">
        <v>0</v>
      </c>
      <c r="DF24" s="295">
        <v>0</v>
      </c>
      <c r="DG24" s="298">
        <v>0</v>
      </c>
      <c r="DH24" s="299">
        <v>0</v>
      </c>
      <c r="DI24" s="294">
        <v>0</v>
      </c>
      <c r="DJ24" s="295">
        <v>0</v>
      </c>
      <c r="DK24" s="296">
        <v>0</v>
      </c>
      <c r="DL24" s="297">
        <v>0</v>
      </c>
      <c r="DM24" s="295">
        <v>120313</v>
      </c>
      <c r="DN24" s="295">
        <v>342113</v>
      </c>
      <c r="DO24" s="295">
        <v>2401582</v>
      </c>
      <c r="DP24" s="295">
        <v>2135090</v>
      </c>
      <c r="DQ24" s="295">
        <v>1497020</v>
      </c>
      <c r="DR24" s="298">
        <v>6496118</v>
      </c>
      <c r="DS24" s="301">
        <v>6496118</v>
      </c>
      <c r="DT24" s="294">
        <v>0</v>
      </c>
      <c r="DU24" s="295">
        <v>0</v>
      </c>
      <c r="DV24" s="296">
        <v>0</v>
      </c>
      <c r="DW24" s="300"/>
      <c r="DX24" s="295">
        <v>15035</v>
      </c>
      <c r="DY24" s="295">
        <v>190587</v>
      </c>
      <c r="DZ24" s="295">
        <v>2128960</v>
      </c>
      <c r="EA24" s="295">
        <v>1893755</v>
      </c>
      <c r="EB24" s="295">
        <v>1371426</v>
      </c>
      <c r="EC24" s="298">
        <v>5599763</v>
      </c>
      <c r="ED24" s="299">
        <v>5599763</v>
      </c>
      <c r="EE24" s="294">
        <v>0</v>
      </c>
      <c r="EF24" s="295">
        <v>0</v>
      </c>
      <c r="EG24" s="296">
        <v>0</v>
      </c>
      <c r="EH24" s="300"/>
      <c r="EI24" s="295">
        <v>2611</v>
      </c>
      <c r="EJ24" s="295">
        <v>46419</v>
      </c>
      <c r="EK24" s="295">
        <v>26364</v>
      </c>
      <c r="EL24" s="295">
        <v>10207</v>
      </c>
      <c r="EM24" s="295">
        <v>25320</v>
      </c>
      <c r="EN24" s="298">
        <v>110921</v>
      </c>
      <c r="EO24" s="299">
        <v>110921</v>
      </c>
      <c r="EP24" s="294">
        <v>0</v>
      </c>
      <c r="EQ24" s="295">
        <v>0</v>
      </c>
      <c r="ER24" s="296">
        <v>0</v>
      </c>
      <c r="ES24" s="300"/>
      <c r="ET24" s="295">
        <v>0</v>
      </c>
      <c r="EU24" s="295">
        <v>0</v>
      </c>
      <c r="EV24" s="295">
        <v>217</v>
      </c>
      <c r="EW24" s="295">
        <v>0</v>
      </c>
      <c r="EX24" s="295">
        <v>0</v>
      </c>
      <c r="EY24" s="298">
        <v>217</v>
      </c>
      <c r="EZ24" s="299">
        <v>217</v>
      </c>
      <c r="FA24" s="294">
        <v>0</v>
      </c>
      <c r="FB24" s="295">
        <v>0</v>
      </c>
      <c r="FC24" s="296">
        <v>0</v>
      </c>
      <c r="FD24" s="300"/>
      <c r="FE24" s="295">
        <v>0</v>
      </c>
      <c r="FF24" s="295">
        <v>0</v>
      </c>
      <c r="FG24" s="295">
        <v>11687</v>
      </c>
      <c r="FH24" s="295">
        <v>1050</v>
      </c>
      <c r="FI24" s="295">
        <v>868</v>
      </c>
      <c r="FJ24" s="298">
        <v>13605</v>
      </c>
      <c r="FK24" s="299">
        <v>13605</v>
      </c>
      <c r="FL24" s="294">
        <v>0</v>
      </c>
      <c r="FM24" s="295">
        <v>0</v>
      </c>
      <c r="FN24" s="296">
        <v>0</v>
      </c>
      <c r="FO24" s="300"/>
      <c r="FP24" s="295">
        <v>0</v>
      </c>
      <c r="FQ24" s="295">
        <v>0</v>
      </c>
      <c r="FR24" s="295">
        <v>0</v>
      </c>
      <c r="FS24" s="295">
        <v>0</v>
      </c>
      <c r="FT24" s="295">
        <v>0</v>
      </c>
      <c r="FU24" s="298">
        <v>0</v>
      </c>
      <c r="FV24" s="299">
        <v>0</v>
      </c>
      <c r="FW24" s="294">
        <v>0</v>
      </c>
      <c r="FX24" s="295">
        <v>0</v>
      </c>
      <c r="FY24" s="296">
        <v>0</v>
      </c>
      <c r="FZ24" s="297">
        <v>0</v>
      </c>
      <c r="GA24" s="295">
        <v>102667</v>
      </c>
      <c r="GB24" s="295">
        <v>102243</v>
      </c>
      <c r="GC24" s="295">
        <v>234319</v>
      </c>
      <c r="GD24" s="295">
        <v>225345</v>
      </c>
      <c r="GE24" s="295">
        <v>99406</v>
      </c>
      <c r="GF24" s="298">
        <v>763980</v>
      </c>
      <c r="GG24" s="299">
        <v>763980</v>
      </c>
      <c r="GH24" s="294">
        <v>0</v>
      </c>
      <c r="GI24" s="295">
        <v>0</v>
      </c>
      <c r="GJ24" s="296">
        <v>0</v>
      </c>
      <c r="GK24" s="297">
        <v>0</v>
      </c>
      <c r="GL24" s="295">
        <v>0</v>
      </c>
      <c r="GM24" s="295">
        <v>2864</v>
      </c>
      <c r="GN24" s="295">
        <v>35</v>
      </c>
      <c r="GO24" s="295">
        <v>4733</v>
      </c>
      <c r="GP24" s="295">
        <v>0</v>
      </c>
      <c r="GQ24" s="298">
        <v>7632</v>
      </c>
      <c r="GR24" s="299">
        <v>7632</v>
      </c>
      <c r="GS24" s="294">
        <v>0</v>
      </c>
      <c r="GT24" s="295">
        <v>0</v>
      </c>
      <c r="GU24" s="296">
        <v>0</v>
      </c>
      <c r="GV24" s="297">
        <v>0</v>
      </c>
      <c r="GW24" s="295">
        <v>0</v>
      </c>
      <c r="GX24" s="295">
        <v>0</v>
      </c>
      <c r="GY24" s="295">
        <v>0</v>
      </c>
      <c r="GZ24" s="295">
        <v>0</v>
      </c>
      <c r="HA24" s="295">
        <v>0</v>
      </c>
      <c r="HB24" s="298">
        <v>0</v>
      </c>
      <c r="HC24" s="299">
        <v>0</v>
      </c>
      <c r="HD24" s="294">
        <v>0</v>
      </c>
      <c r="HE24" s="295">
        <v>0</v>
      </c>
      <c r="HF24" s="296">
        <v>0</v>
      </c>
      <c r="HG24" s="300"/>
      <c r="HH24" s="295">
        <v>0</v>
      </c>
      <c r="HI24" s="295">
        <v>0</v>
      </c>
      <c r="HJ24" s="295">
        <v>0</v>
      </c>
      <c r="HK24" s="295">
        <v>0</v>
      </c>
      <c r="HL24" s="295">
        <v>0</v>
      </c>
      <c r="HM24" s="298">
        <v>0</v>
      </c>
      <c r="HN24" s="299">
        <v>0</v>
      </c>
      <c r="HO24" s="294">
        <v>0</v>
      </c>
      <c r="HP24" s="295">
        <v>0</v>
      </c>
      <c r="HQ24" s="296">
        <v>0</v>
      </c>
      <c r="HR24" s="297">
        <v>0</v>
      </c>
      <c r="HS24" s="295">
        <v>301523</v>
      </c>
      <c r="HT24" s="295">
        <v>721453</v>
      </c>
      <c r="HU24" s="295">
        <v>4551791</v>
      </c>
      <c r="HV24" s="295">
        <v>3891047</v>
      </c>
      <c r="HW24" s="295">
        <v>2960787</v>
      </c>
      <c r="HX24" s="298">
        <v>12426601</v>
      </c>
      <c r="HY24" s="299">
        <v>12426601</v>
      </c>
    </row>
    <row r="25" spans="2:233" ht="21" customHeight="1" x14ac:dyDescent="0.2">
      <c r="B25" s="292" t="s">
        <v>22</v>
      </c>
      <c r="C25" s="294">
        <v>0</v>
      </c>
      <c r="D25" s="295">
        <v>0</v>
      </c>
      <c r="E25" s="296">
        <v>0</v>
      </c>
      <c r="F25" s="297">
        <v>0</v>
      </c>
      <c r="G25" s="295">
        <v>79885</v>
      </c>
      <c r="H25" s="295">
        <v>326757</v>
      </c>
      <c r="I25" s="295">
        <v>663399</v>
      </c>
      <c r="J25" s="295">
        <v>903965</v>
      </c>
      <c r="K25" s="295">
        <v>478435</v>
      </c>
      <c r="L25" s="298">
        <v>2452441</v>
      </c>
      <c r="M25" s="299">
        <v>2452441</v>
      </c>
      <c r="N25" s="294">
        <v>0</v>
      </c>
      <c r="O25" s="295">
        <v>0</v>
      </c>
      <c r="P25" s="296">
        <v>0</v>
      </c>
      <c r="Q25" s="300"/>
      <c r="R25" s="295">
        <v>0</v>
      </c>
      <c r="S25" s="295">
        <v>28922</v>
      </c>
      <c r="T25" s="295">
        <v>430163</v>
      </c>
      <c r="U25" s="295">
        <v>505610</v>
      </c>
      <c r="V25" s="295">
        <v>288295</v>
      </c>
      <c r="W25" s="298">
        <v>1252990</v>
      </c>
      <c r="X25" s="299">
        <v>1252990</v>
      </c>
      <c r="Y25" s="294">
        <v>0</v>
      </c>
      <c r="Z25" s="295">
        <v>0</v>
      </c>
      <c r="AA25" s="296">
        <v>0</v>
      </c>
      <c r="AB25" s="300"/>
      <c r="AC25" s="295">
        <v>75005</v>
      </c>
      <c r="AD25" s="295">
        <v>268280</v>
      </c>
      <c r="AE25" s="295">
        <v>141800</v>
      </c>
      <c r="AF25" s="295">
        <v>281815</v>
      </c>
      <c r="AG25" s="295">
        <v>128015</v>
      </c>
      <c r="AH25" s="298">
        <v>894915</v>
      </c>
      <c r="AI25" s="299">
        <v>894915</v>
      </c>
      <c r="AJ25" s="294">
        <v>0</v>
      </c>
      <c r="AK25" s="295">
        <v>0</v>
      </c>
      <c r="AL25" s="296">
        <v>0</v>
      </c>
      <c r="AM25" s="300"/>
      <c r="AN25" s="295">
        <v>0</v>
      </c>
      <c r="AO25" s="295">
        <v>0</v>
      </c>
      <c r="AP25" s="295">
        <v>0</v>
      </c>
      <c r="AQ25" s="295">
        <v>0</v>
      </c>
      <c r="AR25" s="295">
        <v>0</v>
      </c>
      <c r="AS25" s="298">
        <v>0</v>
      </c>
      <c r="AT25" s="299">
        <v>0</v>
      </c>
      <c r="AU25" s="294">
        <v>0</v>
      </c>
      <c r="AV25" s="295">
        <v>0</v>
      </c>
      <c r="AW25" s="296">
        <v>0</v>
      </c>
      <c r="AX25" s="300"/>
      <c r="AY25" s="295">
        <v>0</v>
      </c>
      <c r="AZ25" s="295">
        <v>0</v>
      </c>
      <c r="BA25" s="295">
        <v>0</v>
      </c>
      <c r="BB25" s="295">
        <v>2635</v>
      </c>
      <c r="BC25" s="295">
        <v>49290</v>
      </c>
      <c r="BD25" s="298">
        <v>51925</v>
      </c>
      <c r="BE25" s="299">
        <v>51925</v>
      </c>
      <c r="BF25" s="294">
        <v>0</v>
      </c>
      <c r="BG25" s="295">
        <v>0</v>
      </c>
      <c r="BH25" s="296">
        <v>0</v>
      </c>
      <c r="BI25" s="300"/>
      <c r="BJ25" s="295">
        <v>0</v>
      </c>
      <c r="BK25" s="295">
        <v>0</v>
      </c>
      <c r="BL25" s="295">
        <v>24645</v>
      </c>
      <c r="BM25" s="295">
        <v>98045</v>
      </c>
      <c r="BN25" s="295">
        <v>7905</v>
      </c>
      <c r="BO25" s="298">
        <v>130595</v>
      </c>
      <c r="BP25" s="299">
        <v>130595</v>
      </c>
      <c r="BQ25" s="294">
        <v>0</v>
      </c>
      <c r="BR25" s="295">
        <v>0</v>
      </c>
      <c r="BS25" s="296">
        <v>0</v>
      </c>
      <c r="BT25" s="297">
        <v>0</v>
      </c>
      <c r="BU25" s="295">
        <v>4880</v>
      </c>
      <c r="BV25" s="295">
        <v>29265</v>
      </c>
      <c r="BW25" s="295">
        <v>66791</v>
      </c>
      <c r="BX25" s="295">
        <v>8990</v>
      </c>
      <c r="BY25" s="295">
        <v>4495</v>
      </c>
      <c r="BZ25" s="298">
        <v>114421</v>
      </c>
      <c r="CA25" s="299">
        <v>114421</v>
      </c>
      <c r="CB25" s="294">
        <v>0</v>
      </c>
      <c r="CC25" s="295">
        <v>0</v>
      </c>
      <c r="CD25" s="296">
        <v>0</v>
      </c>
      <c r="CE25" s="297">
        <v>0</v>
      </c>
      <c r="CF25" s="295">
        <v>0</v>
      </c>
      <c r="CG25" s="295">
        <v>290</v>
      </c>
      <c r="CH25" s="295">
        <v>0</v>
      </c>
      <c r="CI25" s="295">
        <v>6870</v>
      </c>
      <c r="CJ25" s="295">
        <v>435</v>
      </c>
      <c r="CK25" s="298">
        <v>7595</v>
      </c>
      <c r="CL25" s="299">
        <v>7595</v>
      </c>
      <c r="CM25" s="294">
        <v>0</v>
      </c>
      <c r="CN25" s="295">
        <v>0</v>
      </c>
      <c r="CO25" s="296">
        <v>0</v>
      </c>
      <c r="CP25" s="297">
        <v>0</v>
      </c>
      <c r="CQ25" s="295">
        <v>0</v>
      </c>
      <c r="CR25" s="295">
        <v>0</v>
      </c>
      <c r="CS25" s="295">
        <v>0</v>
      </c>
      <c r="CT25" s="295">
        <v>0</v>
      </c>
      <c r="CU25" s="295">
        <v>0</v>
      </c>
      <c r="CV25" s="298">
        <v>0</v>
      </c>
      <c r="CW25" s="299">
        <v>0</v>
      </c>
      <c r="CX25" s="294">
        <v>0</v>
      </c>
      <c r="CY25" s="295">
        <v>0</v>
      </c>
      <c r="CZ25" s="296">
        <v>0</v>
      </c>
      <c r="DA25" s="300"/>
      <c r="DB25" s="295">
        <v>0</v>
      </c>
      <c r="DC25" s="295">
        <v>0</v>
      </c>
      <c r="DD25" s="295">
        <v>0</v>
      </c>
      <c r="DE25" s="295">
        <v>0</v>
      </c>
      <c r="DF25" s="295">
        <v>0</v>
      </c>
      <c r="DG25" s="298">
        <v>0</v>
      </c>
      <c r="DH25" s="299">
        <v>0</v>
      </c>
      <c r="DI25" s="294">
        <v>0</v>
      </c>
      <c r="DJ25" s="295">
        <v>0</v>
      </c>
      <c r="DK25" s="296">
        <v>0</v>
      </c>
      <c r="DL25" s="297">
        <v>0</v>
      </c>
      <c r="DM25" s="295">
        <v>9508</v>
      </c>
      <c r="DN25" s="295">
        <v>112564</v>
      </c>
      <c r="DO25" s="295">
        <v>542985</v>
      </c>
      <c r="DP25" s="295">
        <v>942229</v>
      </c>
      <c r="DQ25" s="295">
        <v>412525</v>
      </c>
      <c r="DR25" s="298">
        <v>2019811</v>
      </c>
      <c r="DS25" s="301">
        <v>2019811</v>
      </c>
      <c r="DT25" s="294">
        <v>0</v>
      </c>
      <c r="DU25" s="295">
        <v>0</v>
      </c>
      <c r="DV25" s="296">
        <v>0</v>
      </c>
      <c r="DW25" s="300"/>
      <c r="DX25" s="295">
        <v>0</v>
      </c>
      <c r="DY25" s="295">
        <v>15035</v>
      </c>
      <c r="DZ25" s="295">
        <v>423341</v>
      </c>
      <c r="EA25" s="295">
        <v>718650</v>
      </c>
      <c r="EB25" s="295">
        <v>312128</v>
      </c>
      <c r="EC25" s="298">
        <v>1469154</v>
      </c>
      <c r="ED25" s="299">
        <v>1469154</v>
      </c>
      <c r="EE25" s="294">
        <v>0</v>
      </c>
      <c r="EF25" s="295">
        <v>0</v>
      </c>
      <c r="EG25" s="296">
        <v>0</v>
      </c>
      <c r="EH25" s="300"/>
      <c r="EI25" s="295">
        <v>4684</v>
      </c>
      <c r="EJ25" s="295">
        <v>71157</v>
      </c>
      <c r="EK25" s="295">
        <v>2436</v>
      </c>
      <c r="EL25" s="295">
        <v>33820</v>
      </c>
      <c r="EM25" s="295">
        <v>12555</v>
      </c>
      <c r="EN25" s="298">
        <v>124652</v>
      </c>
      <c r="EO25" s="299">
        <v>124652</v>
      </c>
      <c r="EP25" s="294">
        <v>0</v>
      </c>
      <c r="EQ25" s="295">
        <v>0</v>
      </c>
      <c r="ER25" s="296">
        <v>0</v>
      </c>
      <c r="ES25" s="300"/>
      <c r="ET25" s="295">
        <v>0</v>
      </c>
      <c r="EU25" s="295">
        <v>0</v>
      </c>
      <c r="EV25" s="295">
        <v>0</v>
      </c>
      <c r="EW25" s="295">
        <v>0</v>
      </c>
      <c r="EX25" s="295">
        <v>0</v>
      </c>
      <c r="EY25" s="298">
        <v>0</v>
      </c>
      <c r="EZ25" s="299">
        <v>0</v>
      </c>
      <c r="FA25" s="294">
        <v>0</v>
      </c>
      <c r="FB25" s="295">
        <v>0</v>
      </c>
      <c r="FC25" s="296">
        <v>0</v>
      </c>
      <c r="FD25" s="300"/>
      <c r="FE25" s="295">
        <v>0</v>
      </c>
      <c r="FF25" s="295">
        <v>0</v>
      </c>
      <c r="FG25" s="295">
        <v>0</v>
      </c>
      <c r="FH25" s="295">
        <v>217</v>
      </c>
      <c r="FI25" s="295">
        <v>11315</v>
      </c>
      <c r="FJ25" s="298">
        <v>11532</v>
      </c>
      <c r="FK25" s="299">
        <v>11532</v>
      </c>
      <c r="FL25" s="294">
        <v>0</v>
      </c>
      <c r="FM25" s="295">
        <v>0</v>
      </c>
      <c r="FN25" s="296">
        <v>0</v>
      </c>
      <c r="FO25" s="300"/>
      <c r="FP25" s="295">
        <v>0</v>
      </c>
      <c r="FQ25" s="295">
        <v>0</v>
      </c>
      <c r="FR25" s="295">
        <v>21390</v>
      </c>
      <c r="FS25" s="295">
        <v>159410</v>
      </c>
      <c r="FT25" s="295">
        <v>64170</v>
      </c>
      <c r="FU25" s="298">
        <v>244970</v>
      </c>
      <c r="FV25" s="299">
        <v>244970</v>
      </c>
      <c r="FW25" s="294">
        <v>0</v>
      </c>
      <c r="FX25" s="295">
        <v>0</v>
      </c>
      <c r="FY25" s="296">
        <v>0</v>
      </c>
      <c r="FZ25" s="297">
        <v>0</v>
      </c>
      <c r="GA25" s="295">
        <v>4824</v>
      </c>
      <c r="GB25" s="295">
        <v>25656</v>
      </c>
      <c r="GC25" s="295">
        <v>95818</v>
      </c>
      <c r="GD25" s="295">
        <v>27870</v>
      </c>
      <c r="GE25" s="295">
        <v>11283</v>
      </c>
      <c r="GF25" s="298">
        <v>165451</v>
      </c>
      <c r="GG25" s="299">
        <v>165451</v>
      </c>
      <c r="GH25" s="294">
        <v>0</v>
      </c>
      <c r="GI25" s="295">
        <v>0</v>
      </c>
      <c r="GJ25" s="296">
        <v>0</v>
      </c>
      <c r="GK25" s="297">
        <v>0</v>
      </c>
      <c r="GL25" s="295">
        <v>0</v>
      </c>
      <c r="GM25" s="295">
        <v>716</v>
      </c>
      <c r="GN25" s="295">
        <v>0</v>
      </c>
      <c r="GO25" s="295">
        <v>2262</v>
      </c>
      <c r="GP25" s="295">
        <v>1074</v>
      </c>
      <c r="GQ25" s="298">
        <v>4052</v>
      </c>
      <c r="GR25" s="299">
        <v>4052</v>
      </c>
      <c r="GS25" s="294">
        <v>0</v>
      </c>
      <c r="GT25" s="295">
        <v>0</v>
      </c>
      <c r="GU25" s="296">
        <v>0</v>
      </c>
      <c r="GV25" s="297">
        <v>0</v>
      </c>
      <c r="GW25" s="295">
        <v>0</v>
      </c>
      <c r="GX25" s="295">
        <v>0</v>
      </c>
      <c r="GY25" s="295">
        <v>0</v>
      </c>
      <c r="GZ25" s="295">
        <v>0</v>
      </c>
      <c r="HA25" s="295">
        <v>0</v>
      </c>
      <c r="HB25" s="298">
        <v>0</v>
      </c>
      <c r="HC25" s="299">
        <v>0</v>
      </c>
      <c r="HD25" s="294">
        <v>0</v>
      </c>
      <c r="HE25" s="295">
        <v>0</v>
      </c>
      <c r="HF25" s="296">
        <v>0</v>
      </c>
      <c r="HG25" s="300"/>
      <c r="HH25" s="295">
        <v>0</v>
      </c>
      <c r="HI25" s="295">
        <v>0</v>
      </c>
      <c r="HJ25" s="295">
        <v>0</v>
      </c>
      <c r="HK25" s="295">
        <v>0</v>
      </c>
      <c r="HL25" s="295">
        <v>0</v>
      </c>
      <c r="HM25" s="298">
        <v>0</v>
      </c>
      <c r="HN25" s="299">
        <v>0</v>
      </c>
      <c r="HO25" s="294">
        <v>0</v>
      </c>
      <c r="HP25" s="295">
        <v>0</v>
      </c>
      <c r="HQ25" s="296">
        <v>0</v>
      </c>
      <c r="HR25" s="297">
        <v>0</v>
      </c>
      <c r="HS25" s="295">
        <v>89393</v>
      </c>
      <c r="HT25" s="295">
        <v>439321</v>
      </c>
      <c r="HU25" s="295">
        <v>1206384</v>
      </c>
      <c r="HV25" s="295">
        <v>1846194</v>
      </c>
      <c r="HW25" s="295">
        <v>890960</v>
      </c>
      <c r="HX25" s="298">
        <v>4472252</v>
      </c>
      <c r="HY25" s="299">
        <v>4472252</v>
      </c>
    </row>
    <row r="26" spans="2:233" ht="21" customHeight="1" x14ac:dyDescent="0.2">
      <c r="B26" s="292" t="s">
        <v>23</v>
      </c>
      <c r="C26" s="294">
        <v>0</v>
      </c>
      <c r="D26" s="295">
        <v>580</v>
      </c>
      <c r="E26" s="296">
        <v>580</v>
      </c>
      <c r="F26" s="297">
        <v>0</v>
      </c>
      <c r="G26" s="295">
        <v>165940</v>
      </c>
      <c r="H26" s="295">
        <v>307630</v>
      </c>
      <c r="I26" s="295">
        <v>1095850</v>
      </c>
      <c r="J26" s="295">
        <v>1349945</v>
      </c>
      <c r="K26" s="295">
        <v>973028</v>
      </c>
      <c r="L26" s="298">
        <v>3892393</v>
      </c>
      <c r="M26" s="299">
        <v>3892973</v>
      </c>
      <c r="N26" s="294">
        <v>0</v>
      </c>
      <c r="O26" s="295">
        <v>0</v>
      </c>
      <c r="P26" s="296">
        <v>0</v>
      </c>
      <c r="Q26" s="300"/>
      <c r="R26" s="295">
        <v>57350</v>
      </c>
      <c r="S26" s="295">
        <v>136090</v>
      </c>
      <c r="T26" s="295">
        <v>759150</v>
      </c>
      <c r="U26" s="295">
        <v>1036285</v>
      </c>
      <c r="V26" s="295">
        <v>638145</v>
      </c>
      <c r="W26" s="298">
        <v>2627020</v>
      </c>
      <c r="X26" s="299">
        <v>2627020</v>
      </c>
      <c r="Y26" s="294">
        <v>0</v>
      </c>
      <c r="Z26" s="295">
        <v>0</v>
      </c>
      <c r="AA26" s="296">
        <v>0</v>
      </c>
      <c r="AB26" s="300"/>
      <c r="AC26" s="295">
        <v>86320</v>
      </c>
      <c r="AD26" s="295">
        <v>139945</v>
      </c>
      <c r="AE26" s="295">
        <v>227580</v>
      </c>
      <c r="AF26" s="295">
        <v>233740</v>
      </c>
      <c r="AG26" s="295">
        <v>236598</v>
      </c>
      <c r="AH26" s="298">
        <v>924183</v>
      </c>
      <c r="AI26" s="299">
        <v>924183</v>
      </c>
      <c r="AJ26" s="294">
        <v>0</v>
      </c>
      <c r="AK26" s="295">
        <v>0</v>
      </c>
      <c r="AL26" s="296">
        <v>0</v>
      </c>
      <c r="AM26" s="300"/>
      <c r="AN26" s="295">
        <v>0</v>
      </c>
      <c r="AO26" s="295">
        <v>0</v>
      </c>
      <c r="AP26" s="295">
        <v>0</v>
      </c>
      <c r="AQ26" s="295">
        <v>0</v>
      </c>
      <c r="AR26" s="295">
        <v>32705</v>
      </c>
      <c r="AS26" s="298">
        <v>32705</v>
      </c>
      <c r="AT26" s="299">
        <v>32705</v>
      </c>
      <c r="AU26" s="294">
        <v>0</v>
      </c>
      <c r="AV26" s="295">
        <v>0</v>
      </c>
      <c r="AW26" s="296">
        <v>0</v>
      </c>
      <c r="AX26" s="300"/>
      <c r="AY26" s="295">
        <v>0</v>
      </c>
      <c r="AZ26" s="295">
        <v>0</v>
      </c>
      <c r="BA26" s="295">
        <v>0</v>
      </c>
      <c r="BB26" s="295">
        <v>24645</v>
      </c>
      <c r="BC26" s="295">
        <v>49910</v>
      </c>
      <c r="BD26" s="298">
        <v>74555</v>
      </c>
      <c r="BE26" s="299">
        <v>74555</v>
      </c>
      <c r="BF26" s="294">
        <v>0</v>
      </c>
      <c r="BG26" s="295">
        <v>0</v>
      </c>
      <c r="BH26" s="296">
        <v>0</v>
      </c>
      <c r="BI26" s="300"/>
      <c r="BJ26" s="295">
        <v>0</v>
      </c>
      <c r="BK26" s="295">
        <v>0</v>
      </c>
      <c r="BL26" s="295">
        <v>0</v>
      </c>
      <c r="BM26" s="295">
        <v>0</v>
      </c>
      <c r="BN26" s="295">
        <v>0</v>
      </c>
      <c r="BO26" s="298">
        <v>0</v>
      </c>
      <c r="BP26" s="299">
        <v>0</v>
      </c>
      <c r="BQ26" s="294">
        <v>0</v>
      </c>
      <c r="BR26" s="295">
        <v>580</v>
      </c>
      <c r="BS26" s="296">
        <v>580</v>
      </c>
      <c r="BT26" s="297">
        <v>0</v>
      </c>
      <c r="BU26" s="295">
        <v>22270</v>
      </c>
      <c r="BV26" s="295">
        <v>31595</v>
      </c>
      <c r="BW26" s="295">
        <v>98885</v>
      </c>
      <c r="BX26" s="295">
        <v>55275</v>
      </c>
      <c r="BY26" s="295">
        <v>15670</v>
      </c>
      <c r="BZ26" s="298">
        <v>223695</v>
      </c>
      <c r="CA26" s="299">
        <v>224275</v>
      </c>
      <c r="CB26" s="294">
        <v>0</v>
      </c>
      <c r="CC26" s="295">
        <v>0</v>
      </c>
      <c r="CD26" s="296">
        <v>0</v>
      </c>
      <c r="CE26" s="297">
        <v>0</v>
      </c>
      <c r="CF26" s="295">
        <v>0</v>
      </c>
      <c r="CG26" s="295">
        <v>0</v>
      </c>
      <c r="CH26" s="295">
        <v>10235</v>
      </c>
      <c r="CI26" s="295">
        <v>0</v>
      </c>
      <c r="CJ26" s="295">
        <v>0</v>
      </c>
      <c r="CK26" s="298">
        <v>10235</v>
      </c>
      <c r="CL26" s="299">
        <v>10235</v>
      </c>
      <c r="CM26" s="294">
        <v>0</v>
      </c>
      <c r="CN26" s="295">
        <v>0</v>
      </c>
      <c r="CO26" s="296">
        <v>0</v>
      </c>
      <c r="CP26" s="297">
        <v>0</v>
      </c>
      <c r="CQ26" s="295">
        <v>0</v>
      </c>
      <c r="CR26" s="295">
        <v>0</v>
      </c>
      <c r="CS26" s="295">
        <v>0</v>
      </c>
      <c r="CT26" s="295">
        <v>0</v>
      </c>
      <c r="CU26" s="295">
        <v>0</v>
      </c>
      <c r="CV26" s="298">
        <v>0</v>
      </c>
      <c r="CW26" s="299">
        <v>0</v>
      </c>
      <c r="CX26" s="294">
        <v>0</v>
      </c>
      <c r="CY26" s="295">
        <v>0</v>
      </c>
      <c r="CZ26" s="296">
        <v>0</v>
      </c>
      <c r="DA26" s="300"/>
      <c r="DB26" s="295">
        <v>0</v>
      </c>
      <c r="DC26" s="295">
        <v>0</v>
      </c>
      <c r="DD26" s="295">
        <v>0</v>
      </c>
      <c r="DE26" s="295">
        <v>0</v>
      </c>
      <c r="DF26" s="295">
        <v>0</v>
      </c>
      <c r="DG26" s="298">
        <v>0</v>
      </c>
      <c r="DH26" s="299">
        <v>0</v>
      </c>
      <c r="DI26" s="294">
        <v>0</v>
      </c>
      <c r="DJ26" s="295">
        <v>2784</v>
      </c>
      <c r="DK26" s="296">
        <v>2784</v>
      </c>
      <c r="DL26" s="297">
        <v>0</v>
      </c>
      <c r="DM26" s="295">
        <v>85370</v>
      </c>
      <c r="DN26" s="295">
        <v>211113</v>
      </c>
      <c r="DO26" s="295">
        <v>987938</v>
      </c>
      <c r="DP26" s="295">
        <v>1337914</v>
      </c>
      <c r="DQ26" s="295">
        <v>831893</v>
      </c>
      <c r="DR26" s="298">
        <v>3454228</v>
      </c>
      <c r="DS26" s="301">
        <v>3457012</v>
      </c>
      <c r="DT26" s="294">
        <v>0</v>
      </c>
      <c r="DU26" s="295">
        <v>0</v>
      </c>
      <c r="DV26" s="296">
        <v>0</v>
      </c>
      <c r="DW26" s="300"/>
      <c r="DX26" s="295">
        <v>33046</v>
      </c>
      <c r="DY26" s="295">
        <v>159836</v>
      </c>
      <c r="DZ26" s="295">
        <v>875813</v>
      </c>
      <c r="EA26" s="295">
        <v>1157413</v>
      </c>
      <c r="EB26" s="295">
        <v>764990</v>
      </c>
      <c r="EC26" s="298">
        <v>2991098</v>
      </c>
      <c r="ED26" s="299">
        <v>2991098</v>
      </c>
      <c r="EE26" s="294">
        <v>0</v>
      </c>
      <c r="EF26" s="295">
        <v>0</v>
      </c>
      <c r="EG26" s="296">
        <v>0</v>
      </c>
      <c r="EH26" s="300"/>
      <c r="EI26" s="295">
        <v>9322</v>
      </c>
      <c r="EJ26" s="295">
        <v>2737</v>
      </c>
      <c r="EK26" s="295">
        <v>2023</v>
      </c>
      <c r="EL26" s="295">
        <v>52576</v>
      </c>
      <c r="EM26" s="295">
        <v>55116</v>
      </c>
      <c r="EN26" s="298">
        <v>121774</v>
      </c>
      <c r="EO26" s="299">
        <v>121774</v>
      </c>
      <c r="EP26" s="294">
        <v>0</v>
      </c>
      <c r="EQ26" s="295">
        <v>0</v>
      </c>
      <c r="ER26" s="296">
        <v>0</v>
      </c>
      <c r="ES26" s="300"/>
      <c r="ET26" s="295">
        <v>0</v>
      </c>
      <c r="EU26" s="295">
        <v>0</v>
      </c>
      <c r="EV26" s="295">
        <v>0</v>
      </c>
      <c r="EW26" s="295">
        <v>0</v>
      </c>
      <c r="EX26" s="295">
        <v>217</v>
      </c>
      <c r="EY26" s="298">
        <v>217</v>
      </c>
      <c r="EZ26" s="299">
        <v>217</v>
      </c>
      <c r="FA26" s="294">
        <v>0</v>
      </c>
      <c r="FB26" s="295">
        <v>0</v>
      </c>
      <c r="FC26" s="296">
        <v>0</v>
      </c>
      <c r="FD26" s="300"/>
      <c r="FE26" s="295">
        <v>0</v>
      </c>
      <c r="FF26" s="295">
        <v>0</v>
      </c>
      <c r="FG26" s="295">
        <v>0</v>
      </c>
      <c r="FH26" s="295">
        <v>217</v>
      </c>
      <c r="FI26" s="295">
        <v>434</v>
      </c>
      <c r="FJ26" s="298">
        <v>651</v>
      </c>
      <c r="FK26" s="299">
        <v>651</v>
      </c>
      <c r="FL26" s="294">
        <v>0</v>
      </c>
      <c r="FM26" s="295">
        <v>0</v>
      </c>
      <c r="FN26" s="296">
        <v>0</v>
      </c>
      <c r="FO26" s="300"/>
      <c r="FP26" s="295">
        <v>0</v>
      </c>
      <c r="FQ26" s="295">
        <v>0</v>
      </c>
      <c r="FR26" s="295">
        <v>0</v>
      </c>
      <c r="FS26" s="295">
        <v>0</v>
      </c>
      <c r="FT26" s="295">
        <v>0</v>
      </c>
      <c r="FU26" s="298">
        <v>0</v>
      </c>
      <c r="FV26" s="299">
        <v>0</v>
      </c>
      <c r="FW26" s="294">
        <v>0</v>
      </c>
      <c r="FX26" s="295">
        <v>2784</v>
      </c>
      <c r="FY26" s="296">
        <v>2784</v>
      </c>
      <c r="FZ26" s="297">
        <v>0</v>
      </c>
      <c r="GA26" s="295">
        <v>43002</v>
      </c>
      <c r="GB26" s="295">
        <v>48540</v>
      </c>
      <c r="GC26" s="295">
        <v>101868</v>
      </c>
      <c r="GD26" s="295">
        <v>127708</v>
      </c>
      <c r="GE26" s="295">
        <v>11136</v>
      </c>
      <c r="GF26" s="298">
        <v>332254</v>
      </c>
      <c r="GG26" s="299">
        <v>335038</v>
      </c>
      <c r="GH26" s="294">
        <v>0</v>
      </c>
      <c r="GI26" s="295">
        <v>0</v>
      </c>
      <c r="GJ26" s="296">
        <v>0</v>
      </c>
      <c r="GK26" s="297">
        <v>0</v>
      </c>
      <c r="GL26" s="295">
        <v>0</v>
      </c>
      <c r="GM26" s="295">
        <v>0</v>
      </c>
      <c r="GN26" s="295">
        <v>8234</v>
      </c>
      <c r="GO26" s="295">
        <v>0</v>
      </c>
      <c r="GP26" s="295">
        <v>0</v>
      </c>
      <c r="GQ26" s="298">
        <v>8234</v>
      </c>
      <c r="GR26" s="299">
        <v>8234</v>
      </c>
      <c r="GS26" s="294">
        <v>0</v>
      </c>
      <c r="GT26" s="295">
        <v>0</v>
      </c>
      <c r="GU26" s="296">
        <v>0</v>
      </c>
      <c r="GV26" s="297">
        <v>0</v>
      </c>
      <c r="GW26" s="295">
        <v>0</v>
      </c>
      <c r="GX26" s="295">
        <v>0</v>
      </c>
      <c r="GY26" s="295">
        <v>0</v>
      </c>
      <c r="GZ26" s="295">
        <v>0</v>
      </c>
      <c r="HA26" s="295">
        <v>0</v>
      </c>
      <c r="HB26" s="298">
        <v>0</v>
      </c>
      <c r="HC26" s="299">
        <v>0</v>
      </c>
      <c r="HD26" s="294">
        <v>0</v>
      </c>
      <c r="HE26" s="295">
        <v>0</v>
      </c>
      <c r="HF26" s="296">
        <v>0</v>
      </c>
      <c r="HG26" s="300"/>
      <c r="HH26" s="295">
        <v>0</v>
      </c>
      <c r="HI26" s="295">
        <v>0</v>
      </c>
      <c r="HJ26" s="295">
        <v>0</v>
      </c>
      <c r="HK26" s="295">
        <v>0</v>
      </c>
      <c r="HL26" s="295">
        <v>0</v>
      </c>
      <c r="HM26" s="298">
        <v>0</v>
      </c>
      <c r="HN26" s="299">
        <v>0</v>
      </c>
      <c r="HO26" s="294">
        <v>0</v>
      </c>
      <c r="HP26" s="295">
        <v>3364</v>
      </c>
      <c r="HQ26" s="296">
        <v>3364</v>
      </c>
      <c r="HR26" s="297">
        <v>0</v>
      </c>
      <c r="HS26" s="295">
        <v>251310</v>
      </c>
      <c r="HT26" s="295">
        <v>518743</v>
      </c>
      <c r="HU26" s="295">
        <v>2083788</v>
      </c>
      <c r="HV26" s="295">
        <v>2687859</v>
      </c>
      <c r="HW26" s="295">
        <v>1804921</v>
      </c>
      <c r="HX26" s="298">
        <v>7346621</v>
      </c>
      <c r="HY26" s="299">
        <v>7349985</v>
      </c>
    </row>
    <row r="27" spans="2:233" ht="21" customHeight="1" x14ac:dyDescent="0.2">
      <c r="B27" s="292" t="s">
        <v>24</v>
      </c>
      <c r="C27" s="294">
        <v>0</v>
      </c>
      <c r="D27" s="295">
        <v>0</v>
      </c>
      <c r="E27" s="296">
        <v>0</v>
      </c>
      <c r="F27" s="297">
        <v>0</v>
      </c>
      <c r="G27" s="295">
        <v>63810</v>
      </c>
      <c r="H27" s="295">
        <v>85125</v>
      </c>
      <c r="I27" s="295">
        <v>429800</v>
      </c>
      <c r="J27" s="295">
        <v>571840</v>
      </c>
      <c r="K27" s="295">
        <v>363768</v>
      </c>
      <c r="L27" s="298">
        <v>1514343</v>
      </c>
      <c r="M27" s="299">
        <v>1514343</v>
      </c>
      <c r="N27" s="294">
        <v>0</v>
      </c>
      <c r="O27" s="295">
        <v>0</v>
      </c>
      <c r="P27" s="296">
        <v>0</v>
      </c>
      <c r="Q27" s="300"/>
      <c r="R27" s="295">
        <v>0</v>
      </c>
      <c r="S27" s="295">
        <v>0</v>
      </c>
      <c r="T27" s="295">
        <v>270665</v>
      </c>
      <c r="U27" s="295">
        <v>445060</v>
      </c>
      <c r="V27" s="295">
        <v>258825</v>
      </c>
      <c r="W27" s="298">
        <v>974550</v>
      </c>
      <c r="X27" s="299">
        <v>974550</v>
      </c>
      <c r="Y27" s="294">
        <v>0</v>
      </c>
      <c r="Z27" s="295">
        <v>0</v>
      </c>
      <c r="AA27" s="296">
        <v>0</v>
      </c>
      <c r="AB27" s="300"/>
      <c r="AC27" s="295">
        <v>62620</v>
      </c>
      <c r="AD27" s="295">
        <v>55335</v>
      </c>
      <c r="AE27" s="295">
        <v>106950</v>
      </c>
      <c r="AF27" s="295">
        <v>105510</v>
      </c>
      <c r="AG27" s="295">
        <v>91078</v>
      </c>
      <c r="AH27" s="298">
        <v>421493</v>
      </c>
      <c r="AI27" s="299">
        <v>421493</v>
      </c>
      <c r="AJ27" s="294">
        <v>0</v>
      </c>
      <c r="AK27" s="295">
        <v>0</v>
      </c>
      <c r="AL27" s="296">
        <v>0</v>
      </c>
      <c r="AM27" s="300"/>
      <c r="AN27" s="295">
        <v>0</v>
      </c>
      <c r="AO27" s="295">
        <v>0</v>
      </c>
      <c r="AP27" s="295">
        <v>0</v>
      </c>
      <c r="AQ27" s="295">
        <v>0</v>
      </c>
      <c r="AR27" s="295">
        <v>0</v>
      </c>
      <c r="AS27" s="298">
        <v>0</v>
      </c>
      <c r="AT27" s="299">
        <v>0</v>
      </c>
      <c r="AU27" s="294">
        <v>0</v>
      </c>
      <c r="AV27" s="295">
        <v>0</v>
      </c>
      <c r="AW27" s="296">
        <v>0</v>
      </c>
      <c r="AX27" s="300"/>
      <c r="AY27" s="295">
        <v>0</v>
      </c>
      <c r="AZ27" s="295">
        <v>0</v>
      </c>
      <c r="BA27" s="295">
        <v>0</v>
      </c>
      <c r="BB27" s="295">
        <v>0</v>
      </c>
      <c r="BC27" s="295">
        <v>0</v>
      </c>
      <c r="BD27" s="298">
        <v>0</v>
      </c>
      <c r="BE27" s="299">
        <v>0</v>
      </c>
      <c r="BF27" s="294">
        <v>0</v>
      </c>
      <c r="BG27" s="295">
        <v>0</v>
      </c>
      <c r="BH27" s="296">
        <v>0</v>
      </c>
      <c r="BI27" s="300"/>
      <c r="BJ27" s="295">
        <v>0</v>
      </c>
      <c r="BK27" s="295">
        <v>0</v>
      </c>
      <c r="BL27" s="295">
        <v>0</v>
      </c>
      <c r="BM27" s="295">
        <v>0</v>
      </c>
      <c r="BN27" s="295">
        <v>0</v>
      </c>
      <c r="BO27" s="298">
        <v>0</v>
      </c>
      <c r="BP27" s="299">
        <v>0</v>
      </c>
      <c r="BQ27" s="294">
        <v>0</v>
      </c>
      <c r="BR27" s="295">
        <v>0</v>
      </c>
      <c r="BS27" s="296">
        <v>0</v>
      </c>
      <c r="BT27" s="297">
        <v>0</v>
      </c>
      <c r="BU27" s="295">
        <v>635</v>
      </c>
      <c r="BV27" s="295">
        <v>29790</v>
      </c>
      <c r="BW27" s="295">
        <v>49650</v>
      </c>
      <c r="BX27" s="295">
        <v>21270</v>
      </c>
      <c r="BY27" s="295">
        <v>13350</v>
      </c>
      <c r="BZ27" s="298">
        <v>114695</v>
      </c>
      <c r="CA27" s="299">
        <v>114695</v>
      </c>
      <c r="CB27" s="294">
        <v>0</v>
      </c>
      <c r="CC27" s="295">
        <v>0</v>
      </c>
      <c r="CD27" s="296">
        <v>0</v>
      </c>
      <c r="CE27" s="297">
        <v>0</v>
      </c>
      <c r="CF27" s="295">
        <v>555</v>
      </c>
      <c r="CG27" s="295">
        <v>0</v>
      </c>
      <c r="CH27" s="295">
        <v>2535</v>
      </c>
      <c r="CI27" s="295">
        <v>0</v>
      </c>
      <c r="CJ27" s="295">
        <v>515</v>
      </c>
      <c r="CK27" s="298">
        <v>3605</v>
      </c>
      <c r="CL27" s="299">
        <v>3605</v>
      </c>
      <c r="CM27" s="294">
        <v>0</v>
      </c>
      <c r="CN27" s="295">
        <v>0</v>
      </c>
      <c r="CO27" s="296">
        <v>0</v>
      </c>
      <c r="CP27" s="297">
        <v>0</v>
      </c>
      <c r="CQ27" s="295">
        <v>0</v>
      </c>
      <c r="CR27" s="295">
        <v>0</v>
      </c>
      <c r="CS27" s="295">
        <v>0</v>
      </c>
      <c r="CT27" s="295">
        <v>0</v>
      </c>
      <c r="CU27" s="295">
        <v>0</v>
      </c>
      <c r="CV27" s="298">
        <v>0</v>
      </c>
      <c r="CW27" s="299">
        <v>0</v>
      </c>
      <c r="CX27" s="294">
        <v>0</v>
      </c>
      <c r="CY27" s="295">
        <v>0</v>
      </c>
      <c r="CZ27" s="296">
        <v>0</v>
      </c>
      <c r="DA27" s="300"/>
      <c r="DB27" s="295">
        <v>0</v>
      </c>
      <c r="DC27" s="295">
        <v>0</v>
      </c>
      <c r="DD27" s="295">
        <v>0</v>
      </c>
      <c r="DE27" s="295">
        <v>0</v>
      </c>
      <c r="DF27" s="295">
        <v>0</v>
      </c>
      <c r="DG27" s="298">
        <v>0</v>
      </c>
      <c r="DH27" s="299">
        <v>0</v>
      </c>
      <c r="DI27" s="294">
        <v>0</v>
      </c>
      <c r="DJ27" s="295">
        <v>0</v>
      </c>
      <c r="DK27" s="296">
        <v>0</v>
      </c>
      <c r="DL27" s="297">
        <v>0</v>
      </c>
      <c r="DM27" s="295">
        <v>3711</v>
      </c>
      <c r="DN27" s="295">
        <v>20598</v>
      </c>
      <c r="DO27" s="295">
        <v>458017</v>
      </c>
      <c r="DP27" s="295">
        <v>731867</v>
      </c>
      <c r="DQ27" s="295">
        <v>513821</v>
      </c>
      <c r="DR27" s="298">
        <v>1728014</v>
      </c>
      <c r="DS27" s="301">
        <v>1728014</v>
      </c>
      <c r="DT27" s="294">
        <v>0</v>
      </c>
      <c r="DU27" s="295">
        <v>0</v>
      </c>
      <c r="DV27" s="296">
        <v>0</v>
      </c>
      <c r="DW27" s="300"/>
      <c r="DX27" s="295">
        <v>0</v>
      </c>
      <c r="DY27" s="295">
        <v>0</v>
      </c>
      <c r="DZ27" s="295">
        <v>342940</v>
      </c>
      <c r="EA27" s="295">
        <v>659942</v>
      </c>
      <c r="EB27" s="295">
        <v>488462</v>
      </c>
      <c r="EC27" s="298">
        <v>1491344</v>
      </c>
      <c r="ED27" s="299">
        <v>1491344</v>
      </c>
      <c r="EE27" s="294">
        <v>0</v>
      </c>
      <c r="EF27" s="295">
        <v>0</v>
      </c>
      <c r="EG27" s="296">
        <v>0</v>
      </c>
      <c r="EH27" s="300"/>
      <c r="EI27" s="295">
        <v>868</v>
      </c>
      <c r="EJ27" s="295">
        <v>784</v>
      </c>
      <c r="EK27" s="295">
        <v>40388</v>
      </c>
      <c r="EL27" s="295">
        <v>34523</v>
      </c>
      <c r="EM27" s="295">
        <v>10781</v>
      </c>
      <c r="EN27" s="298">
        <v>87344</v>
      </c>
      <c r="EO27" s="299">
        <v>87344</v>
      </c>
      <c r="EP27" s="294">
        <v>0</v>
      </c>
      <c r="EQ27" s="295">
        <v>0</v>
      </c>
      <c r="ER27" s="296">
        <v>0</v>
      </c>
      <c r="ES27" s="300"/>
      <c r="ET27" s="295">
        <v>0</v>
      </c>
      <c r="EU27" s="295">
        <v>0</v>
      </c>
      <c r="EV27" s="295">
        <v>0</v>
      </c>
      <c r="EW27" s="295">
        <v>0</v>
      </c>
      <c r="EX27" s="295">
        <v>0</v>
      </c>
      <c r="EY27" s="298">
        <v>0</v>
      </c>
      <c r="EZ27" s="299">
        <v>0</v>
      </c>
      <c r="FA27" s="294">
        <v>0</v>
      </c>
      <c r="FB27" s="295">
        <v>0</v>
      </c>
      <c r="FC27" s="296">
        <v>0</v>
      </c>
      <c r="FD27" s="300"/>
      <c r="FE27" s="295">
        <v>0</v>
      </c>
      <c r="FF27" s="295">
        <v>0</v>
      </c>
      <c r="FG27" s="295">
        <v>0</v>
      </c>
      <c r="FH27" s="295">
        <v>0</v>
      </c>
      <c r="FI27" s="295">
        <v>0</v>
      </c>
      <c r="FJ27" s="298">
        <v>0</v>
      </c>
      <c r="FK27" s="299">
        <v>0</v>
      </c>
      <c r="FL27" s="294">
        <v>0</v>
      </c>
      <c r="FM27" s="295">
        <v>0</v>
      </c>
      <c r="FN27" s="296">
        <v>0</v>
      </c>
      <c r="FO27" s="300"/>
      <c r="FP27" s="295">
        <v>0</v>
      </c>
      <c r="FQ27" s="295">
        <v>0</v>
      </c>
      <c r="FR27" s="295">
        <v>0</v>
      </c>
      <c r="FS27" s="295">
        <v>0</v>
      </c>
      <c r="FT27" s="295">
        <v>0</v>
      </c>
      <c r="FU27" s="298">
        <v>0</v>
      </c>
      <c r="FV27" s="299">
        <v>0</v>
      </c>
      <c r="FW27" s="294">
        <v>0</v>
      </c>
      <c r="FX27" s="295">
        <v>0</v>
      </c>
      <c r="FY27" s="296">
        <v>0</v>
      </c>
      <c r="FZ27" s="297">
        <v>0</v>
      </c>
      <c r="GA27" s="295">
        <v>2808</v>
      </c>
      <c r="GB27" s="295">
        <v>19814</v>
      </c>
      <c r="GC27" s="295">
        <v>74640</v>
      </c>
      <c r="GD27" s="295">
        <v>37402</v>
      </c>
      <c r="GE27" s="295">
        <v>14550</v>
      </c>
      <c r="GF27" s="298">
        <v>149214</v>
      </c>
      <c r="GG27" s="299">
        <v>149214</v>
      </c>
      <c r="GH27" s="294">
        <v>0</v>
      </c>
      <c r="GI27" s="295">
        <v>0</v>
      </c>
      <c r="GJ27" s="296">
        <v>0</v>
      </c>
      <c r="GK27" s="297">
        <v>0</v>
      </c>
      <c r="GL27" s="295">
        <v>35</v>
      </c>
      <c r="GM27" s="295">
        <v>0</v>
      </c>
      <c r="GN27" s="295">
        <v>49</v>
      </c>
      <c r="GO27" s="295">
        <v>0</v>
      </c>
      <c r="GP27" s="295">
        <v>28</v>
      </c>
      <c r="GQ27" s="298">
        <v>112</v>
      </c>
      <c r="GR27" s="299">
        <v>112</v>
      </c>
      <c r="GS27" s="294">
        <v>0</v>
      </c>
      <c r="GT27" s="295">
        <v>0</v>
      </c>
      <c r="GU27" s="296">
        <v>0</v>
      </c>
      <c r="GV27" s="297">
        <v>0</v>
      </c>
      <c r="GW27" s="295">
        <v>0</v>
      </c>
      <c r="GX27" s="295">
        <v>0</v>
      </c>
      <c r="GY27" s="295">
        <v>0</v>
      </c>
      <c r="GZ27" s="295">
        <v>0</v>
      </c>
      <c r="HA27" s="295">
        <v>0</v>
      </c>
      <c r="HB27" s="298">
        <v>0</v>
      </c>
      <c r="HC27" s="299">
        <v>0</v>
      </c>
      <c r="HD27" s="294">
        <v>0</v>
      </c>
      <c r="HE27" s="295">
        <v>0</v>
      </c>
      <c r="HF27" s="296">
        <v>0</v>
      </c>
      <c r="HG27" s="300"/>
      <c r="HH27" s="295">
        <v>0</v>
      </c>
      <c r="HI27" s="295">
        <v>0</v>
      </c>
      <c r="HJ27" s="295">
        <v>0</v>
      </c>
      <c r="HK27" s="295">
        <v>0</v>
      </c>
      <c r="HL27" s="295">
        <v>0</v>
      </c>
      <c r="HM27" s="298">
        <v>0</v>
      </c>
      <c r="HN27" s="299">
        <v>0</v>
      </c>
      <c r="HO27" s="294">
        <v>0</v>
      </c>
      <c r="HP27" s="295">
        <v>0</v>
      </c>
      <c r="HQ27" s="296">
        <v>0</v>
      </c>
      <c r="HR27" s="297">
        <v>0</v>
      </c>
      <c r="HS27" s="295">
        <v>67521</v>
      </c>
      <c r="HT27" s="295">
        <v>105723</v>
      </c>
      <c r="HU27" s="295">
        <v>887817</v>
      </c>
      <c r="HV27" s="295">
        <v>1303707</v>
      </c>
      <c r="HW27" s="295">
        <v>877589</v>
      </c>
      <c r="HX27" s="298">
        <v>3242357</v>
      </c>
      <c r="HY27" s="299">
        <v>3242357</v>
      </c>
    </row>
    <row r="28" spans="2:233" ht="21" customHeight="1" x14ac:dyDescent="0.2">
      <c r="B28" s="292" t="s">
        <v>25</v>
      </c>
      <c r="C28" s="294">
        <v>0</v>
      </c>
      <c r="D28" s="295">
        <v>0</v>
      </c>
      <c r="E28" s="296">
        <v>0</v>
      </c>
      <c r="F28" s="297">
        <v>0</v>
      </c>
      <c r="G28" s="295">
        <v>14180</v>
      </c>
      <c r="H28" s="295">
        <v>243150</v>
      </c>
      <c r="I28" s="295">
        <v>601905</v>
      </c>
      <c r="J28" s="295">
        <v>714431</v>
      </c>
      <c r="K28" s="295">
        <v>611755</v>
      </c>
      <c r="L28" s="298">
        <v>2185421</v>
      </c>
      <c r="M28" s="299">
        <v>2185421</v>
      </c>
      <c r="N28" s="294">
        <v>0</v>
      </c>
      <c r="O28" s="295">
        <v>0</v>
      </c>
      <c r="P28" s="296">
        <v>0</v>
      </c>
      <c r="Q28" s="300"/>
      <c r="R28" s="295">
        <v>5185</v>
      </c>
      <c r="S28" s="295">
        <v>7480</v>
      </c>
      <c r="T28" s="295">
        <v>444885</v>
      </c>
      <c r="U28" s="295">
        <v>515420</v>
      </c>
      <c r="V28" s="295">
        <v>491790</v>
      </c>
      <c r="W28" s="298">
        <v>1464760</v>
      </c>
      <c r="X28" s="299">
        <v>1464760</v>
      </c>
      <c r="Y28" s="294">
        <v>0</v>
      </c>
      <c r="Z28" s="295">
        <v>0</v>
      </c>
      <c r="AA28" s="296">
        <v>0</v>
      </c>
      <c r="AB28" s="300"/>
      <c r="AC28" s="295">
        <v>1445</v>
      </c>
      <c r="AD28" s="295">
        <v>222033</v>
      </c>
      <c r="AE28" s="295">
        <v>37820</v>
      </c>
      <c r="AF28" s="295">
        <v>196810</v>
      </c>
      <c r="AG28" s="295">
        <v>83305</v>
      </c>
      <c r="AH28" s="298">
        <v>541413</v>
      </c>
      <c r="AI28" s="299">
        <v>541413</v>
      </c>
      <c r="AJ28" s="294">
        <v>0</v>
      </c>
      <c r="AK28" s="295">
        <v>0</v>
      </c>
      <c r="AL28" s="296">
        <v>0</v>
      </c>
      <c r="AM28" s="300"/>
      <c r="AN28" s="295">
        <v>0</v>
      </c>
      <c r="AO28" s="295">
        <v>0</v>
      </c>
      <c r="AP28" s="295">
        <v>0</v>
      </c>
      <c r="AQ28" s="295">
        <v>0</v>
      </c>
      <c r="AR28" s="295">
        <v>0</v>
      </c>
      <c r="AS28" s="298">
        <v>0</v>
      </c>
      <c r="AT28" s="299">
        <v>0</v>
      </c>
      <c r="AU28" s="294">
        <v>0</v>
      </c>
      <c r="AV28" s="295">
        <v>0</v>
      </c>
      <c r="AW28" s="296">
        <v>0</v>
      </c>
      <c r="AX28" s="300"/>
      <c r="AY28" s="295">
        <v>0</v>
      </c>
      <c r="AZ28" s="295">
        <v>0</v>
      </c>
      <c r="BA28" s="295">
        <v>0</v>
      </c>
      <c r="BB28" s="295">
        <v>0</v>
      </c>
      <c r="BC28" s="295">
        <v>32705</v>
      </c>
      <c r="BD28" s="298">
        <v>32705</v>
      </c>
      <c r="BE28" s="299">
        <v>32705</v>
      </c>
      <c r="BF28" s="294">
        <v>0</v>
      </c>
      <c r="BG28" s="295">
        <v>0</v>
      </c>
      <c r="BH28" s="296">
        <v>0</v>
      </c>
      <c r="BI28" s="300"/>
      <c r="BJ28" s="295">
        <v>0</v>
      </c>
      <c r="BK28" s="295">
        <v>0</v>
      </c>
      <c r="BL28" s="295">
        <v>0</v>
      </c>
      <c r="BM28" s="295">
        <v>0</v>
      </c>
      <c r="BN28" s="295">
        <v>0</v>
      </c>
      <c r="BO28" s="298">
        <v>0</v>
      </c>
      <c r="BP28" s="299">
        <v>0</v>
      </c>
      <c r="BQ28" s="294">
        <v>0</v>
      </c>
      <c r="BR28" s="295">
        <v>0</v>
      </c>
      <c r="BS28" s="296">
        <v>0</v>
      </c>
      <c r="BT28" s="297">
        <v>0</v>
      </c>
      <c r="BU28" s="295">
        <v>7550</v>
      </c>
      <c r="BV28" s="295">
        <v>10962</v>
      </c>
      <c r="BW28" s="295">
        <v>118755</v>
      </c>
      <c r="BX28" s="295">
        <v>2201</v>
      </c>
      <c r="BY28" s="295">
        <v>3955</v>
      </c>
      <c r="BZ28" s="298">
        <v>143423</v>
      </c>
      <c r="CA28" s="299">
        <v>143423</v>
      </c>
      <c r="CB28" s="294">
        <v>0</v>
      </c>
      <c r="CC28" s="295">
        <v>0</v>
      </c>
      <c r="CD28" s="296">
        <v>0</v>
      </c>
      <c r="CE28" s="297">
        <v>0</v>
      </c>
      <c r="CF28" s="295">
        <v>0</v>
      </c>
      <c r="CG28" s="295">
        <v>2675</v>
      </c>
      <c r="CH28" s="295">
        <v>445</v>
      </c>
      <c r="CI28" s="295">
        <v>0</v>
      </c>
      <c r="CJ28" s="295">
        <v>0</v>
      </c>
      <c r="CK28" s="298">
        <v>3120</v>
      </c>
      <c r="CL28" s="299">
        <v>3120</v>
      </c>
      <c r="CM28" s="294">
        <v>0</v>
      </c>
      <c r="CN28" s="295">
        <v>0</v>
      </c>
      <c r="CO28" s="296">
        <v>0</v>
      </c>
      <c r="CP28" s="297">
        <v>0</v>
      </c>
      <c r="CQ28" s="295">
        <v>0</v>
      </c>
      <c r="CR28" s="295">
        <v>0</v>
      </c>
      <c r="CS28" s="295">
        <v>0</v>
      </c>
      <c r="CT28" s="295">
        <v>0</v>
      </c>
      <c r="CU28" s="295">
        <v>0</v>
      </c>
      <c r="CV28" s="298">
        <v>0</v>
      </c>
      <c r="CW28" s="299">
        <v>0</v>
      </c>
      <c r="CX28" s="294">
        <v>0</v>
      </c>
      <c r="CY28" s="295">
        <v>0</v>
      </c>
      <c r="CZ28" s="296">
        <v>0</v>
      </c>
      <c r="DA28" s="300"/>
      <c r="DB28" s="295">
        <v>0</v>
      </c>
      <c r="DC28" s="295">
        <v>0</v>
      </c>
      <c r="DD28" s="295">
        <v>0</v>
      </c>
      <c r="DE28" s="295">
        <v>0</v>
      </c>
      <c r="DF28" s="295">
        <v>0</v>
      </c>
      <c r="DG28" s="298">
        <v>0</v>
      </c>
      <c r="DH28" s="299">
        <v>0</v>
      </c>
      <c r="DI28" s="294">
        <v>0</v>
      </c>
      <c r="DJ28" s="295">
        <v>0</v>
      </c>
      <c r="DK28" s="296">
        <v>0</v>
      </c>
      <c r="DL28" s="297">
        <v>0</v>
      </c>
      <c r="DM28" s="295">
        <v>40976</v>
      </c>
      <c r="DN28" s="295">
        <v>116395</v>
      </c>
      <c r="DO28" s="295">
        <v>727808</v>
      </c>
      <c r="DP28" s="295">
        <v>763306</v>
      </c>
      <c r="DQ28" s="295">
        <v>464759</v>
      </c>
      <c r="DR28" s="298">
        <v>2113244</v>
      </c>
      <c r="DS28" s="301">
        <v>2113244</v>
      </c>
      <c r="DT28" s="294">
        <v>0</v>
      </c>
      <c r="DU28" s="295">
        <v>0</v>
      </c>
      <c r="DV28" s="296">
        <v>0</v>
      </c>
      <c r="DW28" s="300"/>
      <c r="DX28" s="295">
        <v>36611</v>
      </c>
      <c r="DY28" s="295">
        <v>58187</v>
      </c>
      <c r="DZ28" s="295">
        <v>540326</v>
      </c>
      <c r="EA28" s="295">
        <v>746716</v>
      </c>
      <c r="EB28" s="295">
        <v>441271</v>
      </c>
      <c r="EC28" s="298">
        <v>1823111</v>
      </c>
      <c r="ED28" s="299">
        <v>1823111</v>
      </c>
      <c r="EE28" s="294">
        <v>0</v>
      </c>
      <c r="EF28" s="295">
        <v>0</v>
      </c>
      <c r="EG28" s="296">
        <v>0</v>
      </c>
      <c r="EH28" s="300"/>
      <c r="EI28" s="295">
        <v>0</v>
      </c>
      <c r="EJ28" s="295">
        <v>36573</v>
      </c>
      <c r="EK28" s="295">
        <v>1085</v>
      </c>
      <c r="EL28" s="295">
        <v>12562</v>
      </c>
      <c r="EM28" s="295">
        <v>11820</v>
      </c>
      <c r="EN28" s="298">
        <v>62040</v>
      </c>
      <c r="EO28" s="299">
        <v>62040</v>
      </c>
      <c r="EP28" s="294">
        <v>0</v>
      </c>
      <c r="EQ28" s="295">
        <v>0</v>
      </c>
      <c r="ER28" s="296">
        <v>0</v>
      </c>
      <c r="ES28" s="300"/>
      <c r="ET28" s="295">
        <v>0</v>
      </c>
      <c r="EU28" s="295">
        <v>0</v>
      </c>
      <c r="EV28" s="295">
        <v>0</v>
      </c>
      <c r="EW28" s="295">
        <v>0</v>
      </c>
      <c r="EX28" s="295">
        <v>0</v>
      </c>
      <c r="EY28" s="298">
        <v>0</v>
      </c>
      <c r="EZ28" s="299">
        <v>0</v>
      </c>
      <c r="FA28" s="294">
        <v>0</v>
      </c>
      <c r="FB28" s="295">
        <v>0</v>
      </c>
      <c r="FC28" s="296">
        <v>0</v>
      </c>
      <c r="FD28" s="300"/>
      <c r="FE28" s="295">
        <v>0</v>
      </c>
      <c r="FF28" s="295">
        <v>0</v>
      </c>
      <c r="FG28" s="295">
        <v>0</v>
      </c>
      <c r="FH28" s="295">
        <v>0</v>
      </c>
      <c r="FI28" s="295">
        <v>217</v>
      </c>
      <c r="FJ28" s="298">
        <v>217</v>
      </c>
      <c r="FK28" s="299">
        <v>217</v>
      </c>
      <c r="FL28" s="294">
        <v>0</v>
      </c>
      <c r="FM28" s="295">
        <v>0</v>
      </c>
      <c r="FN28" s="296">
        <v>0</v>
      </c>
      <c r="FO28" s="300"/>
      <c r="FP28" s="295">
        <v>0</v>
      </c>
      <c r="FQ28" s="295">
        <v>0</v>
      </c>
      <c r="FR28" s="295">
        <v>0</v>
      </c>
      <c r="FS28" s="295">
        <v>0</v>
      </c>
      <c r="FT28" s="295">
        <v>0</v>
      </c>
      <c r="FU28" s="298">
        <v>0</v>
      </c>
      <c r="FV28" s="299">
        <v>0</v>
      </c>
      <c r="FW28" s="294">
        <v>0</v>
      </c>
      <c r="FX28" s="295">
        <v>0</v>
      </c>
      <c r="FY28" s="296">
        <v>0</v>
      </c>
      <c r="FZ28" s="297">
        <v>0</v>
      </c>
      <c r="GA28" s="295">
        <v>4365</v>
      </c>
      <c r="GB28" s="295">
        <v>21635</v>
      </c>
      <c r="GC28" s="295">
        <v>186376</v>
      </c>
      <c r="GD28" s="295">
        <v>4028</v>
      </c>
      <c r="GE28" s="295">
        <v>11451</v>
      </c>
      <c r="GF28" s="298">
        <v>227855</v>
      </c>
      <c r="GG28" s="299">
        <v>227855</v>
      </c>
      <c r="GH28" s="294">
        <v>0</v>
      </c>
      <c r="GI28" s="295">
        <v>0</v>
      </c>
      <c r="GJ28" s="296">
        <v>0</v>
      </c>
      <c r="GK28" s="297">
        <v>0</v>
      </c>
      <c r="GL28" s="295">
        <v>0</v>
      </c>
      <c r="GM28" s="295">
        <v>0</v>
      </c>
      <c r="GN28" s="295">
        <v>21</v>
      </c>
      <c r="GO28" s="295">
        <v>0</v>
      </c>
      <c r="GP28" s="295">
        <v>0</v>
      </c>
      <c r="GQ28" s="298">
        <v>21</v>
      </c>
      <c r="GR28" s="299">
        <v>21</v>
      </c>
      <c r="GS28" s="294">
        <v>0</v>
      </c>
      <c r="GT28" s="295">
        <v>0</v>
      </c>
      <c r="GU28" s="296">
        <v>0</v>
      </c>
      <c r="GV28" s="297">
        <v>0</v>
      </c>
      <c r="GW28" s="295">
        <v>0</v>
      </c>
      <c r="GX28" s="295">
        <v>0</v>
      </c>
      <c r="GY28" s="295">
        <v>0</v>
      </c>
      <c r="GZ28" s="295">
        <v>0</v>
      </c>
      <c r="HA28" s="295">
        <v>0</v>
      </c>
      <c r="HB28" s="298">
        <v>0</v>
      </c>
      <c r="HC28" s="299">
        <v>0</v>
      </c>
      <c r="HD28" s="294">
        <v>0</v>
      </c>
      <c r="HE28" s="295">
        <v>0</v>
      </c>
      <c r="HF28" s="296">
        <v>0</v>
      </c>
      <c r="HG28" s="300"/>
      <c r="HH28" s="295">
        <v>0</v>
      </c>
      <c r="HI28" s="295">
        <v>0</v>
      </c>
      <c r="HJ28" s="295">
        <v>0</v>
      </c>
      <c r="HK28" s="295">
        <v>0</v>
      </c>
      <c r="HL28" s="295">
        <v>0</v>
      </c>
      <c r="HM28" s="298">
        <v>0</v>
      </c>
      <c r="HN28" s="299">
        <v>0</v>
      </c>
      <c r="HO28" s="294">
        <v>0</v>
      </c>
      <c r="HP28" s="295">
        <v>0</v>
      </c>
      <c r="HQ28" s="296">
        <v>0</v>
      </c>
      <c r="HR28" s="297">
        <v>0</v>
      </c>
      <c r="HS28" s="295">
        <v>55156</v>
      </c>
      <c r="HT28" s="295">
        <v>359545</v>
      </c>
      <c r="HU28" s="295">
        <v>1329713</v>
      </c>
      <c r="HV28" s="295">
        <v>1477737</v>
      </c>
      <c r="HW28" s="295">
        <v>1076514</v>
      </c>
      <c r="HX28" s="298">
        <v>4298665</v>
      </c>
      <c r="HY28" s="299">
        <v>4298665</v>
      </c>
    </row>
    <row r="29" spans="2:233" ht="21" customHeight="1" x14ac:dyDescent="0.2">
      <c r="B29" s="292" t="s">
        <v>26</v>
      </c>
      <c r="C29" s="294">
        <v>0</v>
      </c>
      <c r="D29" s="295">
        <v>2030</v>
      </c>
      <c r="E29" s="296">
        <v>2030</v>
      </c>
      <c r="F29" s="297">
        <v>0</v>
      </c>
      <c r="G29" s="295">
        <v>40770</v>
      </c>
      <c r="H29" s="295">
        <v>158150</v>
      </c>
      <c r="I29" s="295">
        <v>512722</v>
      </c>
      <c r="J29" s="295">
        <v>771455</v>
      </c>
      <c r="K29" s="295">
        <v>391349</v>
      </c>
      <c r="L29" s="298">
        <v>1874446</v>
      </c>
      <c r="M29" s="299">
        <v>1876476</v>
      </c>
      <c r="N29" s="294">
        <v>0</v>
      </c>
      <c r="O29" s="295">
        <v>0</v>
      </c>
      <c r="P29" s="296">
        <v>0</v>
      </c>
      <c r="Q29" s="300"/>
      <c r="R29" s="295">
        <v>0</v>
      </c>
      <c r="S29" s="295">
        <v>59210</v>
      </c>
      <c r="T29" s="295">
        <v>287900</v>
      </c>
      <c r="U29" s="295">
        <v>628490</v>
      </c>
      <c r="V29" s="295">
        <v>283950</v>
      </c>
      <c r="W29" s="298">
        <v>1259550</v>
      </c>
      <c r="X29" s="299">
        <v>1259550</v>
      </c>
      <c r="Y29" s="294">
        <v>0</v>
      </c>
      <c r="Z29" s="295">
        <v>0</v>
      </c>
      <c r="AA29" s="296">
        <v>0</v>
      </c>
      <c r="AB29" s="300"/>
      <c r="AC29" s="295">
        <v>36020</v>
      </c>
      <c r="AD29" s="295">
        <v>91675</v>
      </c>
      <c r="AE29" s="295">
        <v>197810</v>
      </c>
      <c r="AF29" s="295">
        <v>138880</v>
      </c>
      <c r="AG29" s="295">
        <v>99664</v>
      </c>
      <c r="AH29" s="298">
        <v>564049</v>
      </c>
      <c r="AI29" s="299">
        <v>564049</v>
      </c>
      <c r="AJ29" s="294">
        <v>0</v>
      </c>
      <c r="AK29" s="295">
        <v>0</v>
      </c>
      <c r="AL29" s="296">
        <v>0</v>
      </c>
      <c r="AM29" s="300"/>
      <c r="AN29" s="295">
        <v>0</v>
      </c>
      <c r="AO29" s="295">
        <v>0</v>
      </c>
      <c r="AP29" s="295">
        <v>0</v>
      </c>
      <c r="AQ29" s="295">
        <v>0</v>
      </c>
      <c r="AR29" s="295">
        <v>0</v>
      </c>
      <c r="AS29" s="298">
        <v>0</v>
      </c>
      <c r="AT29" s="299">
        <v>0</v>
      </c>
      <c r="AU29" s="294">
        <v>0</v>
      </c>
      <c r="AV29" s="295">
        <v>0</v>
      </c>
      <c r="AW29" s="296">
        <v>0</v>
      </c>
      <c r="AX29" s="300"/>
      <c r="AY29" s="295">
        <v>0</v>
      </c>
      <c r="AZ29" s="295">
        <v>0</v>
      </c>
      <c r="BA29" s="295">
        <v>0</v>
      </c>
      <c r="BB29" s="295">
        <v>0</v>
      </c>
      <c r="BC29" s="295">
        <v>5270</v>
      </c>
      <c r="BD29" s="298">
        <v>5270</v>
      </c>
      <c r="BE29" s="299">
        <v>5270</v>
      </c>
      <c r="BF29" s="294">
        <v>0</v>
      </c>
      <c r="BG29" s="295">
        <v>0</v>
      </c>
      <c r="BH29" s="296">
        <v>0</v>
      </c>
      <c r="BI29" s="300"/>
      <c r="BJ29" s="295">
        <v>0</v>
      </c>
      <c r="BK29" s="295">
        <v>0</v>
      </c>
      <c r="BL29" s="295">
        <v>0</v>
      </c>
      <c r="BM29" s="295">
        <v>0</v>
      </c>
      <c r="BN29" s="295">
        <v>0</v>
      </c>
      <c r="BO29" s="298">
        <v>0</v>
      </c>
      <c r="BP29" s="299">
        <v>0</v>
      </c>
      <c r="BQ29" s="294">
        <v>0</v>
      </c>
      <c r="BR29" s="295">
        <v>2030</v>
      </c>
      <c r="BS29" s="296">
        <v>2030</v>
      </c>
      <c r="BT29" s="297">
        <v>0</v>
      </c>
      <c r="BU29" s="295">
        <v>4750</v>
      </c>
      <c r="BV29" s="295">
        <v>3875</v>
      </c>
      <c r="BW29" s="295">
        <v>27012</v>
      </c>
      <c r="BX29" s="295">
        <v>3395</v>
      </c>
      <c r="BY29" s="295">
        <v>2465</v>
      </c>
      <c r="BZ29" s="298">
        <v>41497</v>
      </c>
      <c r="CA29" s="299">
        <v>43527</v>
      </c>
      <c r="CB29" s="294">
        <v>0</v>
      </c>
      <c r="CC29" s="295">
        <v>0</v>
      </c>
      <c r="CD29" s="296">
        <v>0</v>
      </c>
      <c r="CE29" s="297">
        <v>0</v>
      </c>
      <c r="CF29" s="295">
        <v>0</v>
      </c>
      <c r="CG29" s="295">
        <v>3390</v>
      </c>
      <c r="CH29" s="295">
        <v>0</v>
      </c>
      <c r="CI29" s="295">
        <v>690</v>
      </c>
      <c r="CJ29" s="295">
        <v>0</v>
      </c>
      <c r="CK29" s="298">
        <v>4080</v>
      </c>
      <c r="CL29" s="299">
        <v>4080</v>
      </c>
      <c r="CM29" s="294">
        <v>0</v>
      </c>
      <c r="CN29" s="295">
        <v>0</v>
      </c>
      <c r="CO29" s="296">
        <v>0</v>
      </c>
      <c r="CP29" s="297">
        <v>0</v>
      </c>
      <c r="CQ29" s="295">
        <v>0</v>
      </c>
      <c r="CR29" s="295">
        <v>0</v>
      </c>
      <c r="CS29" s="295">
        <v>0</v>
      </c>
      <c r="CT29" s="295">
        <v>0</v>
      </c>
      <c r="CU29" s="295">
        <v>0</v>
      </c>
      <c r="CV29" s="298">
        <v>0</v>
      </c>
      <c r="CW29" s="299">
        <v>0</v>
      </c>
      <c r="CX29" s="294">
        <v>0</v>
      </c>
      <c r="CY29" s="295">
        <v>0</v>
      </c>
      <c r="CZ29" s="296">
        <v>0</v>
      </c>
      <c r="DA29" s="300"/>
      <c r="DB29" s="295">
        <v>0</v>
      </c>
      <c r="DC29" s="295">
        <v>0</v>
      </c>
      <c r="DD29" s="295">
        <v>0</v>
      </c>
      <c r="DE29" s="295">
        <v>0</v>
      </c>
      <c r="DF29" s="295">
        <v>0</v>
      </c>
      <c r="DG29" s="298">
        <v>0</v>
      </c>
      <c r="DH29" s="299">
        <v>0</v>
      </c>
      <c r="DI29" s="294">
        <v>0</v>
      </c>
      <c r="DJ29" s="295">
        <v>9744</v>
      </c>
      <c r="DK29" s="296">
        <v>9744</v>
      </c>
      <c r="DL29" s="297">
        <v>0</v>
      </c>
      <c r="DM29" s="295">
        <v>8849</v>
      </c>
      <c r="DN29" s="295">
        <v>169199</v>
      </c>
      <c r="DO29" s="295">
        <v>483088</v>
      </c>
      <c r="DP29" s="295">
        <v>741426</v>
      </c>
      <c r="DQ29" s="295">
        <v>464597</v>
      </c>
      <c r="DR29" s="298">
        <v>1867159</v>
      </c>
      <c r="DS29" s="301">
        <v>1876903</v>
      </c>
      <c r="DT29" s="294">
        <v>0</v>
      </c>
      <c r="DU29" s="295">
        <v>0</v>
      </c>
      <c r="DV29" s="296">
        <v>0</v>
      </c>
      <c r="DW29" s="300"/>
      <c r="DX29" s="295">
        <v>0</v>
      </c>
      <c r="DY29" s="295">
        <v>119722</v>
      </c>
      <c r="DZ29" s="295">
        <v>375746</v>
      </c>
      <c r="EA29" s="295">
        <v>724704</v>
      </c>
      <c r="EB29" s="295">
        <v>431329</v>
      </c>
      <c r="EC29" s="298">
        <v>1651501</v>
      </c>
      <c r="ED29" s="299">
        <v>1651501</v>
      </c>
      <c r="EE29" s="294">
        <v>0</v>
      </c>
      <c r="EF29" s="295">
        <v>0</v>
      </c>
      <c r="EG29" s="296">
        <v>0</v>
      </c>
      <c r="EH29" s="300"/>
      <c r="EI29" s="295">
        <v>497</v>
      </c>
      <c r="EJ29" s="295">
        <v>34837</v>
      </c>
      <c r="EK29" s="295">
        <v>49717</v>
      </c>
      <c r="EL29" s="295">
        <v>12772</v>
      </c>
      <c r="EM29" s="295">
        <v>799</v>
      </c>
      <c r="EN29" s="298">
        <v>98622</v>
      </c>
      <c r="EO29" s="299">
        <v>98622</v>
      </c>
      <c r="EP29" s="294">
        <v>0</v>
      </c>
      <c r="EQ29" s="295">
        <v>0</v>
      </c>
      <c r="ER29" s="296">
        <v>0</v>
      </c>
      <c r="ES29" s="300"/>
      <c r="ET29" s="295">
        <v>0</v>
      </c>
      <c r="EU29" s="295">
        <v>0</v>
      </c>
      <c r="EV29" s="295">
        <v>0</v>
      </c>
      <c r="EW29" s="295">
        <v>0</v>
      </c>
      <c r="EX29" s="295">
        <v>0</v>
      </c>
      <c r="EY29" s="298">
        <v>0</v>
      </c>
      <c r="EZ29" s="299">
        <v>0</v>
      </c>
      <c r="FA29" s="294">
        <v>0</v>
      </c>
      <c r="FB29" s="295">
        <v>0</v>
      </c>
      <c r="FC29" s="296">
        <v>0</v>
      </c>
      <c r="FD29" s="300"/>
      <c r="FE29" s="295">
        <v>0</v>
      </c>
      <c r="FF29" s="295">
        <v>0</v>
      </c>
      <c r="FG29" s="295">
        <v>0</v>
      </c>
      <c r="FH29" s="295">
        <v>0</v>
      </c>
      <c r="FI29" s="295">
        <v>434</v>
      </c>
      <c r="FJ29" s="298">
        <v>434</v>
      </c>
      <c r="FK29" s="299">
        <v>434</v>
      </c>
      <c r="FL29" s="294">
        <v>0</v>
      </c>
      <c r="FM29" s="295">
        <v>0</v>
      </c>
      <c r="FN29" s="296">
        <v>0</v>
      </c>
      <c r="FO29" s="300"/>
      <c r="FP29" s="295">
        <v>0</v>
      </c>
      <c r="FQ29" s="295">
        <v>0</v>
      </c>
      <c r="FR29" s="295">
        <v>0</v>
      </c>
      <c r="FS29" s="295">
        <v>0</v>
      </c>
      <c r="FT29" s="295">
        <v>0</v>
      </c>
      <c r="FU29" s="298">
        <v>0</v>
      </c>
      <c r="FV29" s="299">
        <v>0</v>
      </c>
      <c r="FW29" s="294">
        <v>0</v>
      </c>
      <c r="FX29" s="295">
        <v>9744</v>
      </c>
      <c r="FY29" s="296">
        <v>9744</v>
      </c>
      <c r="FZ29" s="297">
        <v>0</v>
      </c>
      <c r="GA29" s="295">
        <v>8352</v>
      </c>
      <c r="GB29" s="295">
        <v>14584</v>
      </c>
      <c r="GC29" s="295">
        <v>57625</v>
      </c>
      <c r="GD29" s="295">
        <v>3880</v>
      </c>
      <c r="GE29" s="295">
        <v>32035</v>
      </c>
      <c r="GF29" s="298">
        <v>116476</v>
      </c>
      <c r="GG29" s="299">
        <v>126220</v>
      </c>
      <c r="GH29" s="294">
        <v>0</v>
      </c>
      <c r="GI29" s="295">
        <v>0</v>
      </c>
      <c r="GJ29" s="296">
        <v>0</v>
      </c>
      <c r="GK29" s="297">
        <v>0</v>
      </c>
      <c r="GL29" s="295">
        <v>0</v>
      </c>
      <c r="GM29" s="295">
        <v>56</v>
      </c>
      <c r="GN29" s="295">
        <v>0</v>
      </c>
      <c r="GO29" s="295">
        <v>70</v>
      </c>
      <c r="GP29" s="295">
        <v>0</v>
      </c>
      <c r="GQ29" s="298">
        <v>126</v>
      </c>
      <c r="GR29" s="299">
        <v>126</v>
      </c>
      <c r="GS29" s="294">
        <v>0</v>
      </c>
      <c r="GT29" s="295">
        <v>0</v>
      </c>
      <c r="GU29" s="296">
        <v>0</v>
      </c>
      <c r="GV29" s="297">
        <v>0</v>
      </c>
      <c r="GW29" s="295">
        <v>0</v>
      </c>
      <c r="GX29" s="295">
        <v>0</v>
      </c>
      <c r="GY29" s="295">
        <v>0</v>
      </c>
      <c r="GZ29" s="295">
        <v>0</v>
      </c>
      <c r="HA29" s="295">
        <v>0</v>
      </c>
      <c r="HB29" s="298">
        <v>0</v>
      </c>
      <c r="HC29" s="299">
        <v>0</v>
      </c>
      <c r="HD29" s="294">
        <v>0</v>
      </c>
      <c r="HE29" s="295">
        <v>0</v>
      </c>
      <c r="HF29" s="296">
        <v>0</v>
      </c>
      <c r="HG29" s="300"/>
      <c r="HH29" s="295">
        <v>0</v>
      </c>
      <c r="HI29" s="295">
        <v>0</v>
      </c>
      <c r="HJ29" s="295">
        <v>0</v>
      </c>
      <c r="HK29" s="295">
        <v>0</v>
      </c>
      <c r="HL29" s="295">
        <v>0</v>
      </c>
      <c r="HM29" s="298">
        <v>0</v>
      </c>
      <c r="HN29" s="299">
        <v>0</v>
      </c>
      <c r="HO29" s="294">
        <v>0</v>
      </c>
      <c r="HP29" s="295">
        <v>11774</v>
      </c>
      <c r="HQ29" s="296">
        <v>11774</v>
      </c>
      <c r="HR29" s="297">
        <v>0</v>
      </c>
      <c r="HS29" s="295">
        <v>49619</v>
      </c>
      <c r="HT29" s="295">
        <v>327349</v>
      </c>
      <c r="HU29" s="295">
        <v>995810</v>
      </c>
      <c r="HV29" s="295">
        <v>1512881</v>
      </c>
      <c r="HW29" s="295">
        <v>855946</v>
      </c>
      <c r="HX29" s="298">
        <v>3741605</v>
      </c>
      <c r="HY29" s="299">
        <v>3753379</v>
      </c>
    </row>
    <row r="30" spans="2:233" ht="21" customHeight="1" x14ac:dyDescent="0.2">
      <c r="B30" s="292" t="s">
        <v>27</v>
      </c>
      <c r="C30" s="294">
        <v>0</v>
      </c>
      <c r="D30" s="295">
        <v>12444</v>
      </c>
      <c r="E30" s="296">
        <v>12444</v>
      </c>
      <c r="F30" s="297">
        <v>0</v>
      </c>
      <c r="G30" s="295">
        <v>41335</v>
      </c>
      <c r="H30" s="295">
        <v>163415</v>
      </c>
      <c r="I30" s="295">
        <v>569835</v>
      </c>
      <c r="J30" s="295">
        <v>613190</v>
      </c>
      <c r="K30" s="295">
        <v>352964</v>
      </c>
      <c r="L30" s="298">
        <v>1740739</v>
      </c>
      <c r="M30" s="299">
        <v>1753183</v>
      </c>
      <c r="N30" s="294">
        <v>0</v>
      </c>
      <c r="O30" s="295">
        <v>0</v>
      </c>
      <c r="P30" s="296">
        <v>0</v>
      </c>
      <c r="Q30" s="300"/>
      <c r="R30" s="295">
        <v>35340</v>
      </c>
      <c r="S30" s="295">
        <v>28140</v>
      </c>
      <c r="T30" s="295">
        <v>350920</v>
      </c>
      <c r="U30" s="295">
        <v>434340</v>
      </c>
      <c r="V30" s="295">
        <v>285745</v>
      </c>
      <c r="W30" s="298">
        <v>1134485</v>
      </c>
      <c r="X30" s="299">
        <v>1134485</v>
      </c>
      <c r="Y30" s="294">
        <v>0</v>
      </c>
      <c r="Z30" s="295">
        <v>0</v>
      </c>
      <c r="AA30" s="296">
        <v>0</v>
      </c>
      <c r="AB30" s="300"/>
      <c r="AC30" s="295">
        <v>5270</v>
      </c>
      <c r="AD30" s="295">
        <v>135275</v>
      </c>
      <c r="AE30" s="295">
        <v>135935</v>
      </c>
      <c r="AF30" s="295">
        <v>170510</v>
      </c>
      <c r="AG30" s="295">
        <v>35340</v>
      </c>
      <c r="AH30" s="298">
        <v>482330</v>
      </c>
      <c r="AI30" s="299">
        <v>482330</v>
      </c>
      <c r="AJ30" s="294">
        <v>0</v>
      </c>
      <c r="AK30" s="295">
        <v>0</v>
      </c>
      <c r="AL30" s="296">
        <v>0</v>
      </c>
      <c r="AM30" s="300"/>
      <c r="AN30" s="295">
        <v>0</v>
      </c>
      <c r="AO30" s="295">
        <v>0</v>
      </c>
      <c r="AP30" s="295">
        <v>0</v>
      </c>
      <c r="AQ30" s="295">
        <v>0</v>
      </c>
      <c r="AR30" s="295">
        <v>0</v>
      </c>
      <c r="AS30" s="298">
        <v>0</v>
      </c>
      <c r="AT30" s="299">
        <v>0</v>
      </c>
      <c r="AU30" s="294">
        <v>0</v>
      </c>
      <c r="AV30" s="295">
        <v>0</v>
      </c>
      <c r="AW30" s="296">
        <v>0</v>
      </c>
      <c r="AX30" s="300"/>
      <c r="AY30" s="295">
        <v>0</v>
      </c>
      <c r="AZ30" s="295">
        <v>0</v>
      </c>
      <c r="BA30" s="295">
        <v>0</v>
      </c>
      <c r="BB30" s="295">
        <v>0</v>
      </c>
      <c r="BC30" s="295">
        <v>0</v>
      </c>
      <c r="BD30" s="298">
        <v>0</v>
      </c>
      <c r="BE30" s="299">
        <v>0</v>
      </c>
      <c r="BF30" s="294">
        <v>0</v>
      </c>
      <c r="BG30" s="295">
        <v>0</v>
      </c>
      <c r="BH30" s="296">
        <v>0</v>
      </c>
      <c r="BI30" s="300"/>
      <c r="BJ30" s="295">
        <v>0</v>
      </c>
      <c r="BK30" s="295">
        <v>0</v>
      </c>
      <c r="BL30" s="295">
        <v>64915</v>
      </c>
      <c r="BM30" s="295">
        <v>7905</v>
      </c>
      <c r="BN30" s="295">
        <v>0</v>
      </c>
      <c r="BO30" s="298">
        <v>72820</v>
      </c>
      <c r="BP30" s="299">
        <v>72820</v>
      </c>
      <c r="BQ30" s="294">
        <v>0</v>
      </c>
      <c r="BR30" s="295">
        <v>12444</v>
      </c>
      <c r="BS30" s="296">
        <v>12444</v>
      </c>
      <c r="BT30" s="297">
        <v>0</v>
      </c>
      <c r="BU30" s="295">
        <v>725</v>
      </c>
      <c r="BV30" s="295">
        <v>0</v>
      </c>
      <c r="BW30" s="295">
        <v>18065</v>
      </c>
      <c r="BX30" s="295">
        <v>0</v>
      </c>
      <c r="BY30" s="295">
        <v>31879</v>
      </c>
      <c r="BZ30" s="298">
        <v>50669</v>
      </c>
      <c r="CA30" s="299">
        <v>63113</v>
      </c>
      <c r="CB30" s="294">
        <v>0</v>
      </c>
      <c r="CC30" s="295">
        <v>0</v>
      </c>
      <c r="CD30" s="296">
        <v>0</v>
      </c>
      <c r="CE30" s="297">
        <v>0</v>
      </c>
      <c r="CF30" s="295">
        <v>0</v>
      </c>
      <c r="CG30" s="295">
        <v>0</v>
      </c>
      <c r="CH30" s="295">
        <v>0</v>
      </c>
      <c r="CI30" s="295">
        <v>435</v>
      </c>
      <c r="CJ30" s="295">
        <v>0</v>
      </c>
      <c r="CK30" s="298">
        <v>435</v>
      </c>
      <c r="CL30" s="299">
        <v>435</v>
      </c>
      <c r="CM30" s="294">
        <v>0</v>
      </c>
      <c r="CN30" s="295">
        <v>0</v>
      </c>
      <c r="CO30" s="296">
        <v>0</v>
      </c>
      <c r="CP30" s="297">
        <v>0</v>
      </c>
      <c r="CQ30" s="295">
        <v>0</v>
      </c>
      <c r="CR30" s="295">
        <v>0</v>
      </c>
      <c r="CS30" s="295">
        <v>0</v>
      </c>
      <c r="CT30" s="295">
        <v>0</v>
      </c>
      <c r="CU30" s="295">
        <v>0</v>
      </c>
      <c r="CV30" s="298">
        <v>0</v>
      </c>
      <c r="CW30" s="299">
        <v>0</v>
      </c>
      <c r="CX30" s="294">
        <v>0</v>
      </c>
      <c r="CY30" s="295">
        <v>0</v>
      </c>
      <c r="CZ30" s="296">
        <v>0</v>
      </c>
      <c r="DA30" s="300"/>
      <c r="DB30" s="295">
        <v>0</v>
      </c>
      <c r="DC30" s="295">
        <v>0</v>
      </c>
      <c r="DD30" s="295">
        <v>0</v>
      </c>
      <c r="DE30" s="295">
        <v>0</v>
      </c>
      <c r="DF30" s="295">
        <v>0</v>
      </c>
      <c r="DG30" s="298">
        <v>0</v>
      </c>
      <c r="DH30" s="299">
        <v>0</v>
      </c>
      <c r="DI30" s="294">
        <v>0</v>
      </c>
      <c r="DJ30" s="295">
        <v>10260</v>
      </c>
      <c r="DK30" s="296">
        <v>10260</v>
      </c>
      <c r="DL30" s="297">
        <v>0</v>
      </c>
      <c r="DM30" s="295">
        <v>54773</v>
      </c>
      <c r="DN30" s="295">
        <v>69059</v>
      </c>
      <c r="DO30" s="295">
        <v>536345</v>
      </c>
      <c r="DP30" s="295">
        <v>654203</v>
      </c>
      <c r="DQ30" s="295">
        <v>275441</v>
      </c>
      <c r="DR30" s="298">
        <v>1589821</v>
      </c>
      <c r="DS30" s="301">
        <v>1600081</v>
      </c>
      <c r="DT30" s="294">
        <v>0</v>
      </c>
      <c r="DU30" s="295">
        <v>0</v>
      </c>
      <c r="DV30" s="296">
        <v>0</v>
      </c>
      <c r="DW30" s="300"/>
      <c r="DX30" s="295">
        <v>30070</v>
      </c>
      <c r="DY30" s="295">
        <v>14550</v>
      </c>
      <c r="DZ30" s="295">
        <v>316417</v>
      </c>
      <c r="EA30" s="295">
        <v>547495</v>
      </c>
      <c r="EB30" s="295">
        <v>255607</v>
      </c>
      <c r="EC30" s="298">
        <v>1164139</v>
      </c>
      <c r="ED30" s="299">
        <v>1164139</v>
      </c>
      <c r="EE30" s="294">
        <v>0</v>
      </c>
      <c r="EF30" s="295">
        <v>0</v>
      </c>
      <c r="EG30" s="296">
        <v>0</v>
      </c>
      <c r="EH30" s="300"/>
      <c r="EI30" s="295">
        <v>21793</v>
      </c>
      <c r="EJ30" s="295">
        <v>53539</v>
      </c>
      <c r="EK30" s="295">
        <v>79887</v>
      </c>
      <c r="EL30" s="295">
        <v>37764</v>
      </c>
      <c r="EM30" s="295">
        <v>434</v>
      </c>
      <c r="EN30" s="298">
        <v>193417</v>
      </c>
      <c r="EO30" s="299">
        <v>193417</v>
      </c>
      <c r="EP30" s="294">
        <v>0</v>
      </c>
      <c r="EQ30" s="295">
        <v>0</v>
      </c>
      <c r="ER30" s="296">
        <v>0</v>
      </c>
      <c r="ES30" s="300"/>
      <c r="ET30" s="295">
        <v>0</v>
      </c>
      <c r="EU30" s="295">
        <v>0</v>
      </c>
      <c r="EV30" s="295">
        <v>0</v>
      </c>
      <c r="EW30" s="295">
        <v>0</v>
      </c>
      <c r="EX30" s="295">
        <v>0</v>
      </c>
      <c r="EY30" s="298">
        <v>0</v>
      </c>
      <c r="EZ30" s="299">
        <v>0</v>
      </c>
      <c r="FA30" s="294">
        <v>0</v>
      </c>
      <c r="FB30" s="295">
        <v>0</v>
      </c>
      <c r="FC30" s="296">
        <v>0</v>
      </c>
      <c r="FD30" s="300"/>
      <c r="FE30" s="295">
        <v>0</v>
      </c>
      <c r="FF30" s="295">
        <v>0</v>
      </c>
      <c r="FG30" s="295">
        <v>0</v>
      </c>
      <c r="FH30" s="295">
        <v>0</v>
      </c>
      <c r="FI30" s="295">
        <v>0</v>
      </c>
      <c r="FJ30" s="298">
        <v>0</v>
      </c>
      <c r="FK30" s="299">
        <v>0</v>
      </c>
      <c r="FL30" s="294">
        <v>0</v>
      </c>
      <c r="FM30" s="295">
        <v>0</v>
      </c>
      <c r="FN30" s="296">
        <v>0</v>
      </c>
      <c r="FO30" s="300"/>
      <c r="FP30" s="295">
        <v>0</v>
      </c>
      <c r="FQ30" s="295">
        <v>0</v>
      </c>
      <c r="FR30" s="295">
        <v>120286</v>
      </c>
      <c r="FS30" s="295">
        <v>64728</v>
      </c>
      <c r="FT30" s="295">
        <v>0</v>
      </c>
      <c r="FU30" s="298">
        <v>185014</v>
      </c>
      <c r="FV30" s="299">
        <v>185014</v>
      </c>
      <c r="FW30" s="294">
        <v>0</v>
      </c>
      <c r="FX30" s="295">
        <v>10260</v>
      </c>
      <c r="FY30" s="296">
        <v>10260</v>
      </c>
      <c r="FZ30" s="297">
        <v>0</v>
      </c>
      <c r="GA30" s="295">
        <v>2910</v>
      </c>
      <c r="GB30" s="295">
        <v>970</v>
      </c>
      <c r="GC30" s="295">
        <v>19755</v>
      </c>
      <c r="GD30" s="295">
        <v>0</v>
      </c>
      <c r="GE30" s="295">
        <v>19400</v>
      </c>
      <c r="GF30" s="298">
        <v>43035</v>
      </c>
      <c r="GG30" s="299">
        <v>53295</v>
      </c>
      <c r="GH30" s="294">
        <v>0</v>
      </c>
      <c r="GI30" s="295">
        <v>0</v>
      </c>
      <c r="GJ30" s="296">
        <v>0</v>
      </c>
      <c r="GK30" s="297">
        <v>0</v>
      </c>
      <c r="GL30" s="295">
        <v>0</v>
      </c>
      <c r="GM30" s="295">
        <v>0</v>
      </c>
      <c r="GN30" s="295">
        <v>0</v>
      </c>
      <c r="GO30" s="295">
        <v>4216</v>
      </c>
      <c r="GP30" s="295">
        <v>0</v>
      </c>
      <c r="GQ30" s="298">
        <v>4216</v>
      </c>
      <c r="GR30" s="299">
        <v>4216</v>
      </c>
      <c r="GS30" s="294">
        <v>0</v>
      </c>
      <c r="GT30" s="295">
        <v>0</v>
      </c>
      <c r="GU30" s="296">
        <v>0</v>
      </c>
      <c r="GV30" s="297">
        <v>0</v>
      </c>
      <c r="GW30" s="295">
        <v>0</v>
      </c>
      <c r="GX30" s="295">
        <v>0</v>
      </c>
      <c r="GY30" s="295">
        <v>0</v>
      </c>
      <c r="GZ30" s="295">
        <v>0</v>
      </c>
      <c r="HA30" s="295">
        <v>0</v>
      </c>
      <c r="HB30" s="298">
        <v>0</v>
      </c>
      <c r="HC30" s="299">
        <v>0</v>
      </c>
      <c r="HD30" s="294">
        <v>0</v>
      </c>
      <c r="HE30" s="295">
        <v>0</v>
      </c>
      <c r="HF30" s="296">
        <v>0</v>
      </c>
      <c r="HG30" s="300"/>
      <c r="HH30" s="295">
        <v>0</v>
      </c>
      <c r="HI30" s="295">
        <v>0</v>
      </c>
      <c r="HJ30" s="295">
        <v>0</v>
      </c>
      <c r="HK30" s="295">
        <v>0</v>
      </c>
      <c r="HL30" s="295">
        <v>0</v>
      </c>
      <c r="HM30" s="298">
        <v>0</v>
      </c>
      <c r="HN30" s="299">
        <v>0</v>
      </c>
      <c r="HO30" s="294">
        <v>0</v>
      </c>
      <c r="HP30" s="295">
        <v>22704</v>
      </c>
      <c r="HQ30" s="296">
        <v>22704</v>
      </c>
      <c r="HR30" s="297">
        <v>0</v>
      </c>
      <c r="HS30" s="295">
        <v>96108</v>
      </c>
      <c r="HT30" s="295">
        <v>232474</v>
      </c>
      <c r="HU30" s="295">
        <v>1106180</v>
      </c>
      <c r="HV30" s="295">
        <v>1267393</v>
      </c>
      <c r="HW30" s="295">
        <v>628405</v>
      </c>
      <c r="HX30" s="298">
        <v>3330560</v>
      </c>
      <c r="HY30" s="299">
        <v>3353264</v>
      </c>
    </row>
    <row r="31" spans="2:233" ht="21" customHeight="1" x14ac:dyDescent="0.2">
      <c r="B31" s="292" t="s">
        <v>28</v>
      </c>
      <c r="C31" s="294">
        <v>0</v>
      </c>
      <c r="D31" s="295">
        <v>0</v>
      </c>
      <c r="E31" s="296">
        <v>0</v>
      </c>
      <c r="F31" s="297">
        <v>0</v>
      </c>
      <c r="G31" s="295">
        <v>0</v>
      </c>
      <c r="H31" s="295">
        <v>57970</v>
      </c>
      <c r="I31" s="295">
        <v>223510</v>
      </c>
      <c r="J31" s="295">
        <v>165390</v>
      </c>
      <c r="K31" s="295">
        <v>92205</v>
      </c>
      <c r="L31" s="298">
        <v>539075</v>
      </c>
      <c r="M31" s="299">
        <v>539075</v>
      </c>
      <c r="N31" s="294">
        <v>0</v>
      </c>
      <c r="O31" s="295">
        <v>0</v>
      </c>
      <c r="P31" s="296">
        <v>0</v>
      </c>
      <c r="Q31" s="300"/>
      <c r="R31" s="295">
        <v>0</v>
      </c>
      <c r="S31" s="295">
        <v>30690</v>
      </c>
      <c r="T31" s="295">
        <v>185535</v>
      </c>
      <c r="U31" s="295">
        <v>132685</v>
      </c>
      <c r="V31" s="295">
        <v>67240</v>
      </c>
      <c r="W31" s="298">
        <v>416150</v>
      </c>
      <c r="X31" s="299">
        <v>416150</v>
      </c>
      <c r="Y31" s="294">
        <v>0</v>
      </c>
      <c r="Z31" s="295">
        <v>0</v>
      </c>
      <c r="AA31" s="296">
        <v>0</v>
      </c>
      <c r="AB31" s="300"/>
      <c r="AC31" s="295">
        <v>0</v>
      </c>
      <c r="AD31" s="295">
        <v>27280</v>
      </c>
      <c r="AE31" s="295">
        <v>35340</v>
      </c>
      <c r="AF31" s="295">
        <v>32705</v>
      </c>
      <c r="AG31" s="295">
        <v>24645</v>
      </c>
      <c r="AH31" s="298">
        <v>119970</v>
      </c>
      <c r="AI31" s="299">
        <v>119970</v>
      </c>
      <c r="AJ31" s="294">
        <v>0</v>
      </c>
      <c r="AK31" s="295">
        <v>0</v>
      </c>
      <c r="AL31" s="296">
        <v>0</v>
      </c>
      <c r="AM31" s="300"/>
      <c r="AN31" s="295">
        <v>0</v>
      </c>
      <c r="AO31" s="295">
        <v>0</v>
      </c>
      <c r="AP31" s="295">
        <v>0</v>
      </c>
      <c r="AQ31" s="295">
        <v>0</v>
      </c>
      <c r="AR31" s="295">
        <v>0</v>
      </c>
      <c r="AS31" s="298">
        <v>0</v>
      </c>
      <c r="AT31" s="299">
        <v>0</v>
      </c>
      <c r="AU31" s="294">
        <v>0</v>
      </c>
      <c r="AV31" s="295">
        <v>0</v>
      </c>
      <c r="AW31" s="296">
        <v>0</v>
      </c>
      <c r="AX31" s="300"/>
      <c r="AY31" s="295">
        <v>0</v>
      </c>
      <c r="AZ31" s="295">
        <v>0</v>
      </c>
      <c r="BA31" s="295">
        <v>0</v>
      </c>
      <c r="BB31" s="295">
        <v>0</v>
      </c>
      <c r="BC31" s="295">
        <v>0</v>
      </c>
      <c r="BD31" s="298">
        <v>0</v>
      </c>
      <c r="BE31" s="299">
        <v>0</v>
      </c>
      <c r="BF31" s="294">
        <v>0</v>
      </c>
      <c r="BG31" s="295">
        <v>0</v>
      </c>
      <c r="BH31" s="296">
        <v>0</v>
      </c>
      <c r="BI31" s="300"/>
      <c r="BJ31" s="295">
        <v>0</v>
      </c>
      <c r="BK31" s="295">
        <v>0</v>
      </c>
      <c r="BL31" s="295">
        <v>2635</v>
      </c>
      <c r="BM31" s="295">
        <v>0</v>
      </c>
      <c r="BN31" s="295">
        <v>0</v>
      </c>
      <c r="BO31" s="298">
        <v>2635</v>
      </c>
      <c r="BP31" s="299">
        <v>2635</v>
      </c>
      <c r="BQ31" s="294">
        <v>0</v>
      </c>
      <c r="BR31" s="295">
        <v>0</v>
      </c>
      <c r="BS31" s="296">
        <v>0</v>
      </c>
      <c r="BT31" s="297">
        <v>0</v>
      </c>
      <c r="BU31" s="295">
        <v>0</v>
      </c>
      <c r="BV31" s="295">
        <v>0</v>
      </c>
      <c r="BW31" s="295">
        <v>0</v>
      </c>
      <c r="BX31" s="295">
        <v>0</v>
      </c>
      <c r="BY31" s="295">
        <v>320</v>
      </c>
      <c r="BZ31" s="298">
        <v>320</v>
      </c>
      <c r="CA31" s="299">
        <v>320</v>
      </c>
      <c r="CB31" s="294">
        <v>0</v>
      </c>
      <c r="CC31" s="295">
        <v>0</v>
      </c>
      <c r="CD31" s="296">
        <v>0</v>
      </c>
      <c r="CE31" s="297">
        <v>0</v>
      </c>
      <c r="CF31" s="295">
        <v>0</v>
      </c>
      <c r="CG31" s="295">
        <v>0</v>
      </c>
      <c r="CH31" s="295">
        <v>0</v>
      </c>
      <c r="CI31" s="295">
        <v>0</v>
      </c>
      <c r="CJ31" s="295">
        <v>0</v>
      </c>
      <c r="CK31" s="298">
        <v>0</v>
      </c>
      <c r="CL31" s="299">
        <v>0</v>
      </c>
      <c r="CM31" s="294">
        <v>0</v>
      </c>
      <c r="CN31" s="295">
        <v>0</v>
      </c>
      <c r="CO31" s="296">
        <v>0</v>
      </c>
      <c r="CP31" s="297">
        <v>0</v>
      </c>
      <c r="CQ31" s="295">
        <v>0</v>
      </c>
      <c r="CR31" s="295">
        <v>0</v>
      </c>
      <c r="CS31" s="295">
        <v>0</v>
      </c>
      <c r="CT31" s="295">
        <v>0</v>
      </c>
      <c r="CU31" s="295">
        <v>0</v>
      </c>
      <c r="CV31" s="298">
        <v>0</v>
      </c>
      <c r="CW31" s="299">
        <v>0</v>
      </c>
      <c r="CX31" s="294">
        <v>0</v>
      </c>
      <c r="CY31" s="295">
        <v>0</v>
      </c>
      <c r="CZ31" s="296">
        <v>0</v>
      </c>
      <c r="DA31" s="300"/>
      <c r="DB31" s="295">
        <v>0</v>
      </c>
      <c r="DC31" s="295">
        <v>0</v>
      </c>
      <c r="DD31" s="295">
        <v>0</v>
      </c>
      <c r="DE31" s="295">
        <v>0</v>
      </c>
      <c r="DF31" s="295">
        <v>0</v>
      </c>
      <c r="DG31" s="298">
        <v>0</v>
      </c>
      <c r="DH31" s="299">
        <v>0</v>
      </c>
      <c r="DI31" s="294">
        <v>0</v>
      </c>
      <c r="DJ31" s="295">
        <v>0</v>
      </c>
      <c r="DK31" s="296">
        <v>0</v>
      </c>
      <c r="DL31" s="297">
        <v>0</v>
      </c>
      <c r="DM31" s="295">
        <v>0</v>
      </c>
      <c r="DN31" s="295">
        <v>36363</v>
      </c>
      <c r="DO31" s="295">
        <v>159116</v>
      </c>
      <c r="DP31" s="295">
        <v>147373</v>
      </c>
      <c r="DQ31" s="295">
        <v>65127</v>
      </c>
      <c r="DR31" s="298">
        <v>407979</v>
      </c>
      <c r="DS31" s="301">
        <v>407979</v>
      </c>
      <c r="DT31" s="294">
        <v>0</v>
      </c>
      <c r="DU31" s="295">
        <v>0</v>
      </c>
      <c r="DV31" s="296">
        <v>0</v>
      </c>
      <c r="DW31" s="300"/>
      <c r="DX31" s="295">
        <v>0</v>
      </c>
      <c r="DY31" s="295">
        <v>14570</v>
      </c>
      <c r="DZ31" s="295">
        <v>137106</v>
      </c>
      <c r="EA31" s="295">
        <v>147156</v>
      </c>
      <c r="EB31" s="295">
        <v>61150</v>
      </c>
      <c r="EC31" s="298">
        <v>359982</v>
      </c>
      <c r="ED31" s="299">
        <v>359982</v>
      </c>
      <c r="EE31" s="294">
        <v>0</v>
      </c>
      <c r="EF31" s="295">
        <v>0</v>
      </c>
      <c r="EG31" s="296">
        <v>0</v>
      </c>
      <c r="EH31" s="300"/>
      <c r="EI31" s="295">
        <v>0</v>
      </c>
      <c r="EJ31" s="295">
        <v>21793</v>
      </c>
      <c r="EK31" s="295">
        <v>434</v>
      </c>
      <c r="EL31" s="295">
        <v>217</v>
      </c>
      <c r="EM31" s="295">
        <v>217</v>
      </c>
      <c r="EN31" s="298">
        <v>22661</v>
      </c>
      <c r="EO31" s="299">
        <v>22661</v>
      </c>
      <c r="EP31" s="294">
        <v>0</v>
      </c>
      <c r="EQ31" s="295">
        <v>0</v>
      </c>
      <c r="ER31" s="296">
        <v>0</v>
      </c>
      <c r="ES31" s="300"/>
      <c r="ET31" s="295">
        <v>0</v>
      </c>
      <c r="EU31" s="295">
        <v>0</v>
      </c>
      <c r="EV31" s="295">
        <v>0</v>
      </c>
      <c r="EW31" s="295">
        <v>0</v>
      </c>
      <c r="EX31" s="295">
        <v>0</v>
      </c>
      <c r="EY31" s="298">
        <v>0</v>
      </c>
      <c r="EZ31" s="299">
        <v>0</v>
      </c>
      <c r="FA31" s="294">
        <v>0</v>
      </c>
      <c r="FB31" s="295">
        <v>0</v>
      </c>
      <c r="FC31" s="296">
        <v>0</v>
      </c>
      <c r="FD31" s="300"/>
      <c r="FE31" s="295">
        <v>0</v>
      </c>
      <c r="FF31" s="295">
        <v>0</v>
      </c>
      <c r="FG31" s="295">
        <v>0</v>
      </c>
      <c r="FH31" s="295">
        <v>0</v>
      </c>
      <c r="FI31" s="295">
        <v>0</v>
      </c>
      <c r="FJ31" s="298">
        <v>0</v>
      </c>
      <c r="FK31" s="299">
        <v>0</v>
      </c>
      <c r="FL31" s="294">
        <v>0</v>
      </c>
      <c r="FM31" s="295">
        <v>0</v>
      </c>
      <c r="FN31" s="296">
        <v>0</v>
      </c>
      <c r="FO31" s="300"/>
      <c r="FP31" s="295">
        <v>0</v>
      </c>
      <c r="FQ31" s="295">
        <v>0</v>
      </c>
      <c r="FR31" s="295">
        <v>21576</v>
      </c>
      <c r="FS31" s="295">
        <v>0</v>
      </c>
      <c r="FT31" s="295">
        <v>0</v>
      </c>
      <c r="FU31" s="298">
        <v>21576</v>
      </c>
      <c r="FV31" s="299">
        <v>21576</v>
      </c>
      <c r="FW31" s="294">
        <v>0</v>
      </c>
      <c r="FX31" s="295">
        <v>0</v>
      </c>
      <c r="FY31" s="296">
        <v>0</v>
      </c>
      <c r="FZ31" s="297">
        <v>0</v>
      </c>
      <c r="GA31" s="295">
        <v>0</v>
      </c>
      <c r="GB31" s="295">
        <v>0</v>
      </c>
      <c r="GC31" s="295">
        <v>0</v>
      </c>
      <c r="GD31" s="295">
        <v>0</v>
      </c>
      <c r="GE31" s="295">
        <v>3760</v>
      </c>
      <c r="GF31" s="298">
        <v>3760</v>
      </c>
      <c r="GG31" s="299">
        <v>3760</v>
      </c>
      <c r="GH31" s="294">
        <v>0</v>
      </c>
      <c r="GI31" s="295">
        <v>0</v>
      </c>
      <c r="GJ31" s="296">
        <v>0</v>
      </c>
      <c r="GK31" s="297">
        <v>0</v>
      </c>
      <c r="GL31" s="295">
        <v>0</v>
      </c>
      <c r="GM31" s="295">
        <v>0</v>
      </c>
      <c r="GN31" s="295">
        <v>0</v>
      </c>
      <c r="GO31" s="295">
        <v>0</v>
      </c>
      <c r="GP31" s="295">
        <v>0</v>
      </c>
      <c r="GQ31" s="298">
        <v>0</v>
      </c>
      <c r="GR31" s="299">
        <v>0</v>
      </c>
      <c r="GS31" s="294">
        <v>0</v>
      </c>
      <c r="GT31" s="295">
        <v>0</v>
      </c>
      <c r="GU31" s="296">
        <v>0</v>
      </c>
      <c r="GV31" s="297">
        <v>0</v>
      </c>
      <c r="GW31" s="295">
        <v>0</v>
      </c>
      <c r="GX31" s="295">
        <v>0</v>
      </c>
      <c r="GY31" s="295">
        <v>0</v>
      </c>
      <c r="GZ31" s="295">
        <v>0</v>
      </c>
      <c r="HA31" s="295">
        <v>0</v>
      </c>
      <c r="HB31" s="298">
        <v>0</v>
      </c>
      <c r="HC31" s="299">
        <v>0</v>
      </c>
      <c r="HD31" s="294">
        <v>0</v>
      </c>
      <c r="HE31" s="295">
        <v>0</v>
      </c>
      <c r="HF31" s="296">
        <v>0</v>
      </c>
      <c r="HG31" s="300"/>
      <c r="HH31" s="295">
        <v>0</v>
      </c>
      <c r="HI31" s="295">
        <v>0</v>
      </c>
      <c r="HJ31" s="295">
        <v>0</v>
      </c>
      <c r="HK31" s="295">
        <v>0</v>
      </c>
      <c r="HL31" s="295">
        <v>0</v>
      </c>
      <c r="HM31" s="298">
        <v>0</v>
      </c>
      <c r="HN31" s="299">
        <v>0</v>
      </c>
      <c r="HO31" s="294">
        <v>0</v>
      </c>
      <c r="HP31" s="295">
        <v>0</v>
      </c>
      <c r="HQ31" s="296">
        <v>0</v>
      </c>
      <c r="HR31" s="297">
        <v>0</v>
      </c>
      <c r="HS31" s="295">
        <v>0</v>
      </c>
      <c r="HT31" s="295">
        <v>94333</v>
      </c>
      <c r="HU31" s="295">
        <v>382626</v>
      </c>
      <c r="HV31" s="295">
        <v>312763</v>
      </c>
      <c r="HW31" s="295">
        <v>157332</v>
      </c>
      <c r="HX31" s="298">
        <v>947054</v>
      </c>
      <c r="HY31" s="299">
        <v>947054</v>
      </c>
    </row>
    <row r="32" spans="2:233" ht="21" customHeight="1" x14ac:dyDescent="0.2">
      <c r="B32" s="292" t="s">
        <v>29</v>
      </c>
      <c r="C32" s="294">
        <v>0</v>
      </c>
      <c r="D32" s="295">
        <v>0</v>
      </c>
      <c r="E32" s="296">
        <v>0</v>
      </c>
      <c r="F32" s="297">
        <v>0</v>
      </c>
      <c r="G32" s="295">
        <v>4780</v>
      </c>
      <c r="H32" s="295">
        <v>132415</v>
      </c>
      <c r="I32" s="295">
        <v>248865</v>
      </c>
      <c r="J32" s="295">
        <v>529003</v>
      </c>
      <c r="K32" s="295">
        <v>197805</v>
      </c>
      <c r="L32" s="298">
        <v>1112868</v>
      </c>
      <c r="M32" s="299">
        <v>1112868</v>
      </c>
      <c r="N32" s="294">
        <v>0</v>
      </c>
      <c r="O32" s="295">
        <v>0</v>
      </c>
      <c r="P32" s="296">
        <v>0</v>
      </c>
      <c r="Q32" s="300"/>
      <c r="R32" s="295">
        <v>0</v>
      </c>
      <c r="S32" s="295">
        <v>35495</v>
      </c>
      <c r="T32" s="295">
        <v>104160</v>
      </c>
      <c r="U32" s="295">
        <v>265205</v>
      </c>
      <c r="V32" s="295">
        <v>133985</v>
      </c>
      <c r="W32" s="298">
        <v>538845</v>
      </c>
      <c r="X32" s="299">
        <v>538845</v>
      </c>
      <c r="Y32" s="294">
        <v>0</v>
      </c>
      <c r="Z32" s="295">
        <v>0</v>
      </c>
      <c r="AA32" s="296">
        <v>0</v>
      </c>
      <c r="AB32" s="300"/>
      <c r="AC32" s="295">
        <v>2635</v>
      </c>
      <c r="AD32" s="295">
        <v>51925</v>
      </c>
      <c r="AE32" s="295">
        <v>50395</v>
      </c>
      <c r="AF32" s="295">
        <v>87265</v>
      </c>
      <c r="AG32" s="295">
        <v>2635</v>
      </c>
      <c r="AH32" s="298">
        <v>194855</v>
      </c>
      <c r="AI32" s="299">
        <v>194855</v>
      </c>
      <c r="AJ32" s="294">
        <v>0</v>
      </c>
      <c r="AK32" s="295">
        <v>0</v>
      </c>
      <c r="AL32" s="296">
        <v>0</v>
      </c>
      <c r="AM32" s="300"/>
      <c r="AN32" s="295">
        <v>0</v>
      </c>
      <c r="AO32" s="295">
        <v>0</v>
      </c>
      <c r="AP32" s="295">
        <v>0</v>
      </c>
      <c r="AQ32" s="295">
        <v>0</v>
      </c>
      <c r="AR32" s="295">
        <v>0</v>
      </c>
      <c r="AS32" s="298">
        <v>0</v>
      </c>
      <c r="AT32" s="299">
        <v>0</v>
      </c>
      <c r="AU32" s="294">
        <v>0</v>
      </c>
      <c r="AV32" s="295">
        <v>0</v>
      </c>
      <c r="AW32" s="296">
        <v>0</v>
      </c>
      <c r="AX32" s="300"/>
      <c r="AY32" s="295">
        <v>0</v>
      </c>
      <c r="AZ32" s="295">
        <v>0</v>
      </c>
      <c r="BA32" s="295">
        <v>0</v>
      </c>
      <c r="BB32" s="295">
        <v>0</v>
      </c>
      <c r="BC32" s="295">
        <v>0</v>
      </c>
      <c r="BD32" s="298">
        <v>0</v>
      </c>
      <c r="BE32" s="299">
        <v>0</v>
      </c>
      <c r="BF32" s="294">
        <v>0</v>
      </c>
      <c r="BG32" s="295">
        <v>0</v>
      </c>
      <c r="BH32" s="296">
        <v>0</v>
      </c>
      <c r="BI32" s="300"/>
      <c r="BJ32" s="295">
        <v>0</v>
      </c>
      <c r="BK32" s="295">
        <v>2635</v>
      </c>
      <c r="BL32" s="295">
        <v>57785</v>
      </c>
      <c r="BM32" s="295">
        <v>154240</v>
      </c>
      <c r="BN32" s="295">
        <v>24645</v>
      </c>
      <c r="BO32" s="298">
        <v>239305</v>
      </c>
      <c r="BP32" s="299">
        <v>239305</v>
      </c>
      <c r="BQ32" s="294">
        <v>0</v>
      </c>
      <c r="BR32" s="295">
        <v>0</v>
      </c>
      <c r="BS32" s="296">
        <v>0</v>
      </c>
      <c r="BT32" s="297">
        <v>0</v>
      </c>
      <c r="BU32" s="295">
        <v>2145</v>
      </c>
      <c r="BV32" s="295">
        <v>38030</v>
      </c>
      <c r="BW32" s="295">
        <v>36380</v>
      </c>
      <c r="BX32" s="295">
        <v>22293</v>
      </c>
      <c r="BY32" s="295">
        <v>35960</v>
      </c>
      <c r="BZ32" s="298">
        <v>134808</v>
      </c>
      <c r="CA32" s="299">
        <v>134808</v>
      </c>
      <c r="CB32" s="294">
        <v>0</v>
      </c>
      <c r="CC32" s="295">
        <v>0</v>
      </c>
      <c r="CD32" s="296">
        <v>0</v>
      </c>
      <c r="CE32" s="297">
        <v>0</v>
      </c>
      <c r="CF32" s="295">
        <v>0</v>
      </c>
      <c r="CG32" s="295">
        <v>4330</v>
      </c>
      <c r="CH32" s="295">
        <v>145</v>
      </c>
      <c r="CI32" s="295">
        <v>0</v>
      </c>
      <c r="CJ32" s="295">
        <v>580</v>
      </c>
      <c r="CK32" s="298">
        <v>5055</v>
      </c>
      <c r="CL32" s="299">
        <v>5055</v>
      </c>
      <c r="CM32" s="294">
        <v>0</v>
      </c>
      <c r="CN32" s="295">
        <v>0</v>
      </c>
      <c r="CO32" s="296">
        <v>0</v>
      </c>
      <c r="CP32" s="297">
        <v>0</v>
      </c>
      <c r="CQ32" s="295">
        <v>0</v>
      </c>
      <c r="CR32" s="295">
        <v>0</v>
      </c>
      <c r="CS32" s="295">
        <v>0</v>
      </c>
      <c r="CT32" s="295">
        <v>0</v>
      </c>
      <c r="CU32" s="295">
        <v>0</v>
      </c>
      <c r="CV32" s="298">
        <v>0</v>
      </c>
      <c r="CW32" s="299">
        <v>0</v>
      </c>
      <c r="CX32" s="294">
        <v>0</v>
      </c>
      <c r="CY32" s="295">
        <v>0</v>
      </c>
      <c r="CZ32" s="296">
        <v>0</v>
      </c>
      <c r="DA32" s="300"/>
      <c r="DB32" s="295">
        <v>0</v>
      </c>
      <c r="DC32" s="295">
        <v>0</v>
      </c>
      <c r="DD32" s="295">
        <v>0</v>
      </c>
      <c r="DE32" s="295">
        <v>0</v>
      </c>
      <c r="DF32" s="295">
        <v>0</v>
      </c>
      <c r="DG32" s="298">
        <v>0</v>
      </c>
      <c r="DH32" s="299">
        <v>0</v>
      </c>
      <c r="DI32" s="294">
        <v>0</v>
      </c>
      <c r="DJ32" s="295">
        <v>0</v>
      </c>
      <c r="DK32" s="296">
        <v>0</v>
      </c>
      <c r="DL32" s="297">
        <v>0</v>
      </c>
      <c r="DM32" s="295">
        <v>2470</v>
      </c>
      <c r="DN32" s="295">
        <v>93813</v>
      </c>
      <c r="DO32" s="295">
        <v>241284</v>
      </c>
      <c r="DP32" s="295">
        <v>437770</v>
      </c>
      <c r="DQ32" s="295">
        <v>192665</v>
      </c>
      <c r="DR32" s="298">
        <v>968002</v>
      </c>
      <c r="DS32" s="301">
        <v>968002</v>
      </c>
      <c r="DT32" s="294">
        <v>0</v>
      </c>
      <c r="DU32" s="295">
        <v>0</v>
      </c>
      <c r="DV32" s="296">
        <v>0</v>
      </c>
      <c r="DW32" s="300"/>
      <c r="DX32" s="295">
        <v>0</v>
      </c>
      <c r="DY32" s="295">
        <v>26505</v>
      </c>
      <c r="DZ32" s="295">
        <v>88567</v>
      </c>
      <c r="EA32" s="295">
        <v>250263</v>
      </c>
      <c r="EB32" s="295">
        <v>134317</v>
      </c>
      <c r="EC32" s="298">
        <v>499652</v>
      </c>
      <c r="ED32" s="299">
        <v>499652</v>
      </c>
      <c r="EE32" s="294">
        <v>0</v>
      </c>
      <c r="EF32" s="295">
        <v>0</v>
      </c>
      <c r="EG32" s="296">
        <v>0</v>
      </c>
      <c r="EH32" s="300"/>
      <c r="EI32" s="295">
        <v>217</v>
      </c>
      <c r="EJ32" s="295">
        <v>10664</v>
      </c>
      <c r="EK32" s="295">
        <v>494</v>
      </c>
      <c r="EL32" s="295">
        <v>1085</v>
      </c>
      <c r="EM32" s="295">
        <v>217</v>
      </c>
      <c r="EN32" s="298">
        <v>12677</v>
      </c>
      <c r="EO32" s="299">
        <v>12677</v>
      </c>
      <c r="EP32" s="294">
        <v>0</v>
      </c>
      <c r="EQ32" s="295">
        <v>0</v>
      </c>
      <c r="ER32" s="296">
        <v>0</v>
      </c>
      <c r="ES32" s="300"/>
      <c r="ET32" s="295">
        <v>0</v>
      </c>
      <c r="EU32" s="295">
        <v>0</v>
      </c>
      <c r="EV32" s="295">
        <v>0</v>
      </c>
      <c r="EW32" s="295">
        <v>0</v>
      </c>
      <c r="EX32" s="295">
        <v>0</v>
      </c>
      <c r="EY32" s="298">
        <v>0</v>
      </c>
      <c r="EZ32" s="299">
        <v>0</v>
      </c>
      <c r="FA32" s="294">
        <v>0</v>
      </c>
      <c r="FB32" s="295">
        <v>0</v>
      </c>
      <c r="FC32" s="296">
        <v>0</v>
      </c>
      <c r="FD32" s="300"/>
      <c r="FE32" s="295">
        <v>0</v>
      </c>
      <c r="FF32" s="295">
        <v>0</v>
      </c>
      <c r="FG32" s="295">
        <v>0</v>
      </c>
      <c r="FH32" s="295">
        <v>0</v>
      </c>
      <c r="FI32" s="295">
        <v>0</v>
      </c>
      <c r="FJ32" s="298">
        <v>0</v>
      </c>
      <c r="FK32" s="299">
        <v>0</v>
      </c>
      <c r="FL32" s="294">
        <v>0</v>
      </c>
      <c r="FM32" s="295">
        <v>0</v>
      </c>
      <c r="FN32" s="296">
        <v>0</v>
      </c>
      <c r="FO32" s="300"/>
      <c r="FP32" s="295">
        <v>0</v>
      </c>
      <c r="FQ32" s="295">
        <v>21576</v>
      </c>
      <c r="FR32" s="295">
        <v>119284</v>
      </c>
      <c r="FS32" s="295">
        <v>166496</v>
      </c>
      <c r="FT32" s="295">
        <v>21576</v>
      </c>
      <c r="FU32" s="298">
        <v>328932</v>
      </c>
      <c r="FV32" s="299">
        <v>328932</v>
      </c>
      <c r="FW32" s="294">
        <v>0</v>
      </c>
      <c r="FX32" s="295">
        <v>0</v>
      </c>
      <c r="FY32" s="296">
        <v>0</v>
      </c>
      <c r="FZ32" s="297">
        <v>0</v>
      </c>
      <c r="GA32" s="295">
        <v>2253</v>
      </c>
      <c r="GB32" s="295">
        <v>33538</v>
      </c>
      <c r="GC32" s="295">
        <v>32925</v>
      </c>
      <c r="GD32" s="295">
        <v>19926</v>
      </c>
      <c r="GE32" s="295">
        <v>34407</v>
      </c>
      <c r="GF32" s="298">
        <v>123049</v>
      </c>
      <c r="GG32" s="299">
        <v>123049</v>
      </c>
      <c r="GH32" s="294">
        <v>0</v>
      </c>
      <c r="GI32" s="295">
        <v>0</v>
      </c>
      <c r="GJ32" s="296">
        <v>0</v>
      </c>
      <c r="GK32" s="297">
        <v>0</v>
      </c>
      <c r="GL32" s="295">
        <v>0</v>
      </c>
      <c r="GM32" s="295">
        <v>1530</v>
      </c>
      <c r="GN32" s="295">
        <v>14</v>
      </c>
      <c r="GO32" s="295">
        <v>0</v>
      </c>
      <c r="GP32" s="295">
        <v>2148</v>
      </c>
      <c r="GQ32" s="298">
        <v>3692</v>
      </c>
      <c r="GR32" s="299">
        <v>3692</v>
      </c>
      <c r="GS32" s="294">
        <v>0</v>
      </c>
      <c r="GT32" s="295">
        <v>0</v>
      </c>
      <c r="GU32" s="296">
        <v>0</v>
      </c>
      <c r="GV32" s="297">
        <v>0</v>
      </c>
      <c r="GW32" s="295">
        <v>0</v>
      </c>
      <c r="GX32" s="295">
        <v>0</v>
      </c>
      <c r="GY32" s="295">
        <v>0</v>
      </c>
      <c r="GZ32" s="295">
        <v>0</v>
      </c>
      <c r="HA32" s="295">
        <v>0</v>
      </c>
      <c r="HB32" s="298">
        <v>0</v>
      </c>
      <c r="HC32" s="299">
        <v>0</v>
      </c>
      <c r="HD32" s="294">
        <v>0</v>
      </c>
      <c r="HE32" s="295">
        <v>0</v>
      </c>
      <c r="HF32" s="296">
        <v>0</v>
      </c>
      <c r="HG32" s="300"/>
      <c r="HH32" s="295">
        <v>0</v>
      </c>
      <c r="HI32" s="295">
        <v>0</v>
      </c>
      <c r="HJ32" s="295">
        <v>0</v>
      </c>
      <c r="HK32" s="295">
        <v>0</v>
      </c>
      <c r="HL32" s="295">
        <v>0</v>
      </c>
      <c r="HM32" s="298">
        <v>0</v>
      </c>
      <c r="HN32" s="299">
        <v>0</v>
      </c>
      <c r="HO32" s="294">
        <v>0</v>
      </c>
      <c r="HP32" s="295">
        <v>0</v>
      </c>
      <c r="HQ32" s="296">
        <v>0</v>
      </c>
      <c r="HR32" s="297">
        <v>0</v>
      </c>
      <c r="HS32" s="295">
        <v>7250</v>
      </c>
      <c r="HT32" s="295">
        <v>226228</v>
      </c>
      <c r="HU32" s="295">
        <v>490149</v>
      </c>
      <c r="HV32" s="295">
        <v>966773</v>
      </c>
      <c r="HW32" s="295">
        <v>390470</v>
      </c>
      <c r="HX32" s="298">
        <v>2080870</v>
      </c>
      <c r="HY32" s="299">
        <v>2080870</v>
      </c>
    </row>
    <row r="33" spans="2:233" ht="21" customHeight="1" x14ac:dyDescent="0.2">
      <c r="B33" s="292" t="s">
        <v>30</v>
      </c>
      <c r="C33" s="294">
        <v>0</v>
      </c>
      <c r="D33" s="295">
        <v>0</v>
      </c>
      <c r="E33" s="296">
        <v>0</v>
      </c>
      <c r="F33" s="297">
        <v>0</v>
      </c>
      <c r="G33" s="295">
        <v>62620</v>
      </c>
      <c r="H33" s="295">
        <v>28295</v>
      </c>
      <c r="I33" s="295">
        <v>270900</v>
      </c>
      <c r="J33" s="295">
        <v>220520</v>
      </c>
      <c r="K33" s="295">
        <v>199145</v>
      </c>
      <c r="L33" s="298">
        <v>781480</v>
      </c>
      <c r="M33" s="299">
        <v>781480</v>
      </c>
      <c r="N33" s="294">
        <v>0</v>
      </c>
      <c r="O33" s="295">
        <v>0</v>
      </c>
      <c r="P33" s="296">
        <v>0</v>
      </c>
      <c r="Q33" s="300"/>
      <c r="R33" s="295">
        <v>2635</v>
      </c>
      <c r="S33" s="295">
        <v>2635</v>
      </c>
      <c r="T33" s="295">
        <v>188515</v>
      </c>
      <c r="U33" s="295">
        <v>130620</v>
      </c>
      <c r="V33" s="295">
        <v>166440</v>
      </c>
      <c r="W33" s="298">
        <v>490845</v>
      </c>
      <c r="X33" s="299">
        <v>490845</v>
      </c>
      <c r="Y33" s="294">
        <v>0</v>
      </c>
      <c r="Z33" s="295">
        <v>0</v>
      </c>
      <c r="AA33" s="296">
        <v>0</v>
      </c>
      <c r="AB33" s="300"/>
      <c r="AC33" s="295">
        <v>59985</v>
      </c>
      <c r="AD33" s="295">
        <v>24645</v>
      </c>
      <c r="AE33" s="295">
        <v>41870</v>
      </c>
      <c r="AF33" s="295">
        <v>89900</v>
      </c>
      <c r="AG33" s="295">
        <v>0</v>
      </c>
      <c r="AH33" s="298">
        <v>216400</v>
      </c>
      <c r="AI33" s="299">
        <v>216400</v>
      </c>
      <c r="AJ33" s="294">
        <v>0</v>
      </c>
      <c r="AK33" s="295">
        <v>0</v>
      </c>
      <c r="AL33" s="296">
        <v>0</v>
      </c>
      <c r="AM33" s="300"/>
      <c r="AN33" s="295">
        <v>0</v>
      </c>
      <c r="AO33" s="295">
        <v>0</v>
      </c>
      <c r="AP33" s="295">
        <v>0</v>
      </c>
      <c r="AQ33" s="295">
        <v>0</v>
      </c>
      <c r="AR33" s="295">
        <v>0</v>
      </c>
      <c r="AS33" s="298">
        <v>0</v>
      </c>
      <c r="AT33" s="299">
        <v>0</v>
      </c>
      <c r="AU33" s="294">
        <v>0</v>
      </c>
      <c r="AV33" s="295">
        <v>0</v>
      </c>
      <c r="AW33" s="296">
        <v>0</v>
      </c>
      <c r="AX33" s="300"/>
      <c r="AY33" s="295">
        <v>0</v>
      </c>
      <c r="AZ33" s="295">
        <v>0</v>
      </c>
      <c r="BA33" s="295">
        <v>35495</v>
      </c>
      <c r="BB33" s="295">
        <v>0</v>
      </c>
      <c r="BC33" s="295">
        <v>32705</v>
      </c>
      <c r="BD33" s="298">
        <v>68200</v>
      </c>
      <c r="BE33" s="299">
        <v>68200</v>
      </c>
      <c r="BF33" s="294">
        <v>0</v>
      </c>
      <c r="BG33" s="295">
        <v>0</v>
      </c>
      <c r="BH33" s="296">
        <v>0</v>
      </c>
      <c r="BI33" s="300"/>
      <c r="BJ33" s="295">
        <v>0</v>
      </c>
      <c r="BK33" s="295">
        <v>0</v>
      </c>
      <c r="BL33" s="295">
        <v>0</v>
      </c>
      <c r="BM33" s="295">
        <v>0</v>
      </c>
      <c r="BN33" s="295">
        <v>0</v>
      </c>
      <c r="BO33" s="298">
        <v>0</v>
      </c>
      <c r="BP33" s="299">
        <v>0</v>
      </c>
      <c r="BQ33" s="294">
        <v>0</v>
      </c>
      <c r="BR33" s="295">
        <v>0</v>
      </c>
      <c r="BS33" s="296">
        <v>0</v>
      </c>
      <c r="BT33" s="297">
        <v>0</v>
      </c>
      <c r="BU33" s="295">
        <v>0</v>
      </c>
      <c r="BV33" s="295">
        <v>1015</v>
      </c>
      <c r="BW33" s="295">
        <v>5020</v>
      </c>
      <c r="BX33" s="295">
        <v>0</v>
      </c>
      <c r="BY33" s="295">
        <v>0</v>
      </c>
      <c r="BZ33" s="298">
        <v>6035</v>
      </c>
      <c r="CA33" s="299">
        <v>6035</v>
      </c>
      <c r="CB33" s="294">
        <v>0</v>
      </c>
      <c r="CC33" s="295">
        <v>0</v>
      </c>
      <c r="CD33" s="296">
        <v>0</v>
      </c>
      <c r="CE33" s="297">
        <v>0</v>
      </c>
      <c r="CF33" s="295">
        <v>0</v>
      </c>
      <c r="CG33" s="295">
        <v>0</v>
      </c>
      <c r="CH33" s="295">
        <v>0</v>
      </c>
      <c r="CI33" s="295">
        <v>0</v>
      </c>
      <c r="CJ33" s="295">
        <v>0</v>
      </c>
      <c r="CK33" s="298">
        <v>0</v>
      </c>
      <c r="CL33" s="299">
        <v>0</v>
      </c>
      <c r="CM33" s="294">
        <v>0</v>
      </c>
      <c r="CN33" s="295">
        <v>0</v>
      </c>
      <c r="CO33" s="296">
        <v>0</v>
      </c>
      <c r="CP33" s="297">
        <v>0</v>
      </c>
      <c r="CQ33" s="295">
        <v>0</v>
      </c>
      <c r="CR33" s="295">
        <v>0</v>
      </c>
      <c r="CS33" s="295">
        <v>0</v>
      </c>
      <c r="CT33" s="295">
        <v>0</v>
      </c>
      <c r="CU33" s="295">
        <v>0</v>
      </c>
      <c r="CV33" s="298">
        <v>0</v>
      </c>
      <c r="CW33" s="299">
        <v>0</v>
      </c>
      <c r="CX33" s="294">
        <v>0</v>
      </c>
      <c r="CY33" s="295">
        <v>0</v>
      </c>
      <c r="CZ33" s="296">
        <v>0</v>
      </c>
      <c r="DA33" s="300"/>
      <c r="DB33" s="295">
        <v>0</v>
      </c>
      <c r="DC33" s="295">
        <v>0</v>
      </c>
      <c r="DD33" s="295">
        <v>0</v>
      </c>
      <c r="DE33" s="295">
        <v>0</v>
      </c>
      <c r="DF33" s="295">
        <v>0</v>
      </c>
      <c r="DG33" s="298">
        <v>0</v>
      </c>
      <c r="DH33" s="299">
        <v>0</v>
      </c>
      <c r="DI33" s="294">
        <v>0</v>
      </c>
      <c r="DJ33" s="295">
        <v>0</v>
      </c>
      <c r="DK33" s="296">
        <v>0</v>
      </c>
      <c r="DL33" s="297">
        <v>0</v>
      </c>
      <c r="DM33" s="295">
        <v>57660</v>
      </c>
      <c r="DN33" s="295">
        <v>21570</v>
      </c>
      <c r="DO33" s="295">
        <v>367470</v>
      </c>
      <c r="DP33" s="295">
        <v>210707</v>
      </c>
      <c r="DQ33" s="295">
        <v>173178</v>
      </c>
      <c r="DR33" s="298">
        <v>830585</v>
      </c>
      <c r="DS33" s="301">
        <v>830585</v>
      </c>
      <c r="DT33" s="294">
        <v>0</v>
      </c>
      <c r="DU33" s="295">
        <v>0</v>
      </c>
      <c r="DV33" s="296">
        <v>0</v>
      </c>
      <c r="DW33" s="300"/>
      <c r="DX33" s="295">
        <v>21576</v>
      </c>
      <c r="DY33" s="295">
        <v>15035</v>
      </c>
      <c r="DZ33" s="295">
        <v>298058</v>
      </c>
      <c r="EA33" s="295">
        <v>198524</v>
      </c>
      <c r="EB33" s="295">
        <v>172961</v>
      </c>
      <c r="EC33" s="298">
        <v>706154</v>
      </c>
      <c r="ED33" s="299">
        <v>706154</v>
      </c>
      <c r="EE33" s="294">
        <v>0</v>
      </c>
      <c r="EF33" s="295">
        <v>0</v>
      </c>
      <c r="EG33" s="296">
        <v>0</v>
      </c>
      <c r="EH33" s="300"/>
      <c r="EI33" s="295">
        <v>36084</v>
      </c>
      <c r="EJ33" s="295">
        <v>217</v>
      </c>
      <c r="EK33" s="295">
        <v>43584</v>
      </c>
      <c r="EL33" s="295">
        <v>12183</v>
      </c>
      <c r="EM33" s="295">
        <v>0</v>
      </c>
      <c r="EN33" s="298">
        <v>92068</v>
      </c>
      <c r="EO33" s="299">
        <v>92068</v>
      </c>
      <c r="EP33" s="294">
        <v>0</v>
      </c>
      <c r="EQ33" s="295">
        <v>0</v>
      </c>
      <c r="ER33" s="296">
        <v>0</v>
      </c>
      <c r="ES33" s="300"/>
      <c r="ET33" s="295">
        <v>0</v>
      </c>
      <c r="EU33" s="295">
        <v>0</v>
      </c>
      <c r="EV33" s="295">
        <v>0</v>
      </c>
      <c r="EW33" s="295">
        <v>0</v>
      </c>
      <c r="EX33" s="295">
        <v>0</v>
      </c>
      <c r="EY33" s="298">
        <v>0</v>
      </c>
      <c r="EZ33" s="299">
        <v>0</v>
      </c>
      <c r="FA33" s="294">
        <v>0</v>
      </c>
      <c r="FB33" s="295">
        <v>0</v>
      </c>
      <c r="FC33" s="296">
        <v>0</v>
      </c>
      <c r="FD33" s="300"/>
      <c r="FE33" s="295">
        <v>0</v>
      </c>
      <c r="FF33" s="295">
        <v>0</v>
      </c>
      <c r="FG33" s="295">
        <v>11687</v>
      </c>
      <c r="FH33" s="295">
        <v>0</v>
      </c>
      <c r="FI33" s="295">
        <v>217</v>
      </c>
      <c r="FJ33" s="298">
        <v>11904</v>
      </c>
      <c r="FK33" s="299">
        <v>11904</v>
      </c>
      <c r="FL33" s="294">
        <v>0</v>
      </c>
      <c r="FM33" s="295">
        <v>0</v>
      </c>
      <c r="FN33" s="296">
        <v>0</v>
      </c>
      <c r="FO33" s="300"/>
      <c r="FP33" s="295">
        <v>0</v>
      </c>
      <c r="FQ33" s="295">
        <v>0</v>
      </c>
      <c r="FR33" s="295">
        <v>0</v>
      </c>
      <c r="FS33" s="295">
        <v>0</v>
      </c>
      <c r="FT33" s="295">
        <v>0</v>
      </c>
      <c r="FU33" s="298">
        <v>0</v>
      </c>
      <c r="FV33" s="299">
        <v>0</v>
      </c>
      <c r="FW33" s="294">
        <v>0</v>
      </c>
      <c r="FX33" s="295">
        <v>0</v>
      </c>
      <c r="FY33" s="296">
        <v>0</v>
      </c>
      <c r="FZ33" s="297">
        <v>0</v>
      </c>
      <c r="GA33" s="295">
        <v>0</v>
      </c>
      <c r="GB33" s="295">
        <v>6318</v>
      </c>
      <c r="GC33" s="295">
        <v>14141</v>
      </c>
      <c r="GD33" s="295">
        <v>0</v>
      </c>
      <c r="GE33" s="295">
        <v>0</v>
      </c>
      <c r="GF33" s="298">
        <v>20459</v>
      </c>
      <c r="GG33" s="299">
        <v>20459</v>
      </c>
      <c r="GH33" s="294">
        <v>0</v>
      </c>
      <c r="GI33" s="295">
        <v>0</v>
      </c>
      <c r="GJ33" s="296">
        <v>0</v>
      </c>
      <c r="GK33" s="297">
        <v>0</v>
      </c>
      <c r="GL33" s="295">
        <v>0</v>
      </c>
      <c r="GM33" s="295">
        <v>0</v>
      </c>
      <c r="GN33" s="295">
        <v>0</v>
      </c>
      <c r="GO33" s="295">
        <v>0</v>
      </c>
      <c r="GP33" s="295">
        <v>0</v>
      </c>
      <c r="GQ33" s="298">
        <v>0</v>
      </c>
      <c r="GR33" s="299">
        <v>0</v>
      </c>
      <c r="GS33" s="294">
        <v>0</v>
      </c>
      <c r="GT33" s="295">
        <v>0</v>
      </c>
      <c r="GU33" s="296">
        <v>0</v>
      </c>
      <c r="GV33" s="297">
        <v>0</v>
      </c>
      <c r="GW33" s="295">
        <v>0</v>
      </c>
      <c r="GX33" s="295">
        <v>0</v>
      </c>
      <c r="GY33" s="295">
        <v>0</v>
      </c>
      <c r="GZ33" s="295">
        <v>0</v>
      </c>
      <c r="HA33" s="295">
        <v>0</v>
      </c>
      <c r="HB33" s="298">
        <v>0</v>
      </c>
      <c r="HC33" s="299">
        <v>0</v>
      </c>
      <c r="HD33" s="294">
        <v>0</v>
      </c>
      <c r="HE33" s="295">
        <v>0</v>
      </c>
      <c r="HF33" s="296">
        <v>0</v>
      </c>
      <c r="HG33" s="300"/>
      <c r="HH33" s="295">
        <v>0</v>
      </c>
      <c r="HI33" s="295">
        <v>0</v>
      </c>
      <c r="HJ33" s="295">
        <v>0</v>
      </c>
      <c r="HK33" s="295">
        <v>0</v>
      </c>
      <c r="HL33" s="295">
        <v>0</v>
      </c>
      <c r="HM33" s="298">
        <v>0</v>
      </c>
      <c r="HN33" s="299">
        <v>0</v>
      </c>
      <c r="HO33" s="294">
        <v>0</v>
      </c>
      <c r="HP33" s="295">
        <v>0</v>
      </c>
      <c r="HQ33" s="296">
        <v>0</v>
      </c>
      <c r="HR33" s="297">
        <v>0</v>
      </c>
      <c r="HS33" s="295">
        <v>120280</v>
      </c>
      <c r="HT33" s="295">
        <v>49865</v>
      </c>
      <c r="HU33" s="295">
        <v>638370</v>
      </c>
      <c r="HV33" s="295">
        <v>431227</v>
      </c>
      <c r="HW33" s="295">
        <v>372323</v>
      </c>
      <c r="HX33" s="298">
        <v>1612065</v>
      </c>
      <c r="HY33" s="299">
        <v>1612065</v>
      </c>
    </row>
    <row r="34" spans="2:233" ht="21" customHeight="1" x14ac:dyDescent="0.2">
      <c r="B34" s="292" t="s">
        <v>31</v>
      </c>
      <c r="C34" s="294">
        <v>0</v>
      </c>
      <c r="D34" s="295">
        <v>0</v>
      </c>
      <c r="E34" s="296">
        <v>0</v>
      </c>
      <c r="F34" s="297">
        <v>0</v>
      </c>
      <c r="G34" s="295">
        <v>1160</v>
      </c>
      <c r="H34" s="295">
        <v>123710</v>
      </c>
      <c r="I34" s="295">
        <v>322936</v>
      </c>
      <c r="J34" s="295">
        <v>198270</v>
      </c>
      <c r="K34" s="295">
        <v>166145</v>
      </c>
      <c r="L34" s="298">
        <v>812221</v>
      </c>
      <c r="M34" s="299">
        <v>812221</v>
      </c>
      <c r="N34" s="294">
        <v>0</v>
      </c>
      <c r="O34" s="295">
        <v>0</v>
      </c>
      <c r="P34" s="296">
        <v>0</v>
      </c>
      <c r="Q34" s="300"/>
      <c r="R34" s="295">
        <v>0</v>
      </c>
      <c r="S34" s="295">
        <v>57350</v>
      </c>
      <c r="T34" s="295">
        <v>290410</v>
      </c>
      <c r="U34" s="295">
        <v>125470</v>
      </c>
      <c r="V34" s="295">
        <v>166145</v>
      </c>
      <c r="W34" s="298">
        <v>639375</v>
      </c>
      <c r="X34" s="299">
        <v>639375</v>
      </c>
      <c r="Y34" s="294">
        <v>0</v>
      </c>
      <c r="Z34" s="295">
        <v>0</v>
      </c>
      <c r="AA34" s="296">
        <v>0</v>
      </c>
      <c r="AB34" s="300"/>
      <c r="AC34" s="295">
        <v>0</v>
      </c>
      <c r="AD34" s="295">
        <v>59455</v>
      </c>
      <c r="AE34" s="295">
        <v>20566</v>
      </c>
      <c r="AF34" s="295">
        <v>65255</v>
      </c>
      <c r="AG34" s="295">
        <v>0</v>
      </c>
      <c r="AH34" s="298">
        <v>145276</v>
      </c>
      <c r="AI34" s="299">
        <v>145276</v>
      </c>
      <c r="AJ34" s="294">
        <v>0</v>
      </c>
      <c r="AK34" s="295">
        <v>0</v>
      </c>
      <c r="AL34" s="296">
        <v>0</v>
      </c>
      <c r="AM34" s="300"/>
      <c r="AN34" s="295">
        <v>0</v>
      </c>
      <c r="AO34" s="295">
        <v>0</v>
      </c>
      <c r="AP34" s="295">
        <v>0</v>
      </c>
      <c r="AQ34" s="295">
        <v>0</v>
      </c>
      <c r="AR34" s="295">
        <v>0</v>
      </c>
      <c r="AS34" s="298">
        <v>0</v>
      </c>
      <c r="AT34" s="299">
        <v>0</v>
      </c>
      <c r="AU34" s="294">
        <v>0</v>
      </c>
      <c r="AV34" s="295">
        <v>0</v>
      </c>
      <c r="AW34" s="296">
        <v>0</v>
      </c>
      <c r="AX34" s="300"/>
      <c r="AY34" s="295">
        <v>0</v>
      </c>
      <c r="AZ34" s="295">
        <v>0</v>
      </c>
      <c r="BA34" s="295">
        <v>0</v>
      </c>
      <c r="BB34" s="295">
        <v>0</v>
      </c>
      <c r="BC34" s="295">
        <v>0</v>
      </c>
      <c r="BD34" s="298">
        <v>0</v>
      </c>
      <c r="BE34" s="299">
        <v>0</v>
      </c>
      <c r="BF34" s="294">
        <v>0</v>
      </c>
      <c r="BG34" s="295">
        <v>0</v>
      </c>
      <c r="BH34" s="296">
        <v>0</v>
      </c>
      <c r="BI34" s="300"/>
      <c r="BJ34" s="295">
        <v>0</v>
      </c>
      <c r="BK34" s="295">
        <v>0</v>
      </c>
      <c r="BL34" s="295">
        <v>0</v>
      </c>
      <c r="BM34" s="295">
        <v>0</v>
      </c>
      <c r="BN34" s="295">
        <v>0</v>
      </c>
      <c r="BO34" s="298">
        <v>0</v>
      </c>
      <c r="BP34" s="299">
        <v>0</v>
      </c>
      <c r="BQ34" s="294">
        <v>0</v>
      </c>
      <c r="BR34" s="295">
        <v>0</v>
      </c>
      <c r="BS34" s="296">
        <v>0</v>
      </c>
      <c r="BT34" s="297">
        <v>0</v>
      </c>
      <c r="BU34" s="295">
        <v>1160</v>
      </c>
      <c r="BV34" s="295">
        <v>6035</v>
      </c>
      <c r="BW34" s="295">
        <v>11960</v>
      </c>
      <c r="BX34" s="295">
        <v>7545</v>
      </c>
      <c r="BY34" s="295">
        <v>0</v>
      </c>
      <c r="BZ34" s="298">
        <v>26700</v>
      </c>
      <c r="CA34" s="299">
        <v>26700</v>
      </c>
      <c r="CB34" s="294">
        <v>0</v>
      </c>
      <c r="CC34" s="295">
        <v>0</v>
      </c>
      <c r="CD34" s="296">
        <v>0</v>
      </c>
      <c r="CE34" s="297">
        <v>0</v>
      </c>
      <c r="CF34" s="295">
        <v>0</v>
      </c>
      <c r="CG34" s="295">
        <v>870</v>
      </c>
      <c r="CH34" s="295">
        <v>0</v>
      </c>
      <c r="CI34" s="295">
        <v>0</v>
      </c>
      <c r="CJ34" s="295">
        <v>0</v>
      </c>
      <c r="CK34" s="298">
        <v>870</v>
      </c>
      <c r="CL34" s="299">
        <v>870</v>
      </c>
      <c r="CM34" s="294">
        <v>0</v>
      </c>
      <c r="CN34" s="295">
        <v>0</v>
      </c>
      <c r="CO34" s="296">
        <v>0</v>
      </c>
      <c r="CP34" s="297">
        <v>0</v>
      </c>
      <c r="CQ34" s="295">
        <v>0</v>
      </c>
      <c r="CR34" s="295">
        <v>0</v>
      </c>
      <c r="CS34" s="295">
        <v>0</v>
      </c>
      <c r="CT34" s="295">
        <v>0</v>
      </c>
      <c r="CU34" s="295">
        <v>0</v>
      </c>
      <c r="CV34" s="298">
        <v>0</v>
      </c>
      <c r="CW34" s="299">
        <v>0</v>
      </c>
      <c r="CX34" s="294">
        <v>0</v>
      </c>
      <c r="CY34" s="295">
        <v>0</v>
      </c>
      <c r="CZ34" s="296">
        <v>0</v>
      </c>
      <c r="DA34" s="300"/>
      <c r="DB34" s="295">
        <v>0</v>
      </c>
      <c r="DC34" s="295">
        <v>0</v>
      </c>
      <c r="DD34" s="295">
        <v>0</v>
      </c>
      <c r="DE34" s="295">
        <v>0</v>
      </c>
      <c r="DF34" s="295">
        <v>0</v>
      </c>
      <c r="DG34" s="298">
        <v>0</v>
      </c>
      <c r="DH34" s="299">
        <v>0</v>
      </c>
      <c r="DI34" s="294">
        <v>0</v>
      </c>
      <c r="DJ34" s="295">
        <v>0</v>
      </c>
      <c r="DK34" s="296">
        <v>0</v>
      </c>
      <c r="DL34" s="297">
        <v>0</v>
      </c>
      <c r="DM34" s="295">
        <v>3510</v>
      </c>
      <c r="DN34" s="295">
        <v>67962</v>
      </c>
      <c r="DO34" s="295">
        <v>395540</v>
      </c>
      <c r="DP34" s="295">
        <v>244016</v>
      </c>
      <c r="DQ34" s="295">
        <v>179551</v>
      </c>
      <c r="DR34" s="298">
        <v>890579</v>
      </c>
      <c r="DS34" s="301">
        <v>890579</v>
      </c>
      <c r="DT34" s="294">
        <v>0</v>
      </c>
      <c r="DU34" s="295">
        <v>0</v>
      </c>
      <c r="DV34" s="296">
        <v>0</v>
      </c>
      <c r="DW34" s="300"/>
      <c r="DX34" s="295">
        <v>0</v>
      </c>
      <c r="DY34" s="295">
        <v>51801</v>
      </c>
      <c r="DZ34" s="295">
        <v>378213</v>
      </c>
      <c r="EA34" s="295">
        <v>233754</v>
      </c>
      <c r="EB34" s="295">
        <v>179551</v>
      </c>
      <c r="EC34" s="298">
        <v>843319</v>
      </c>
      <c r="ED34" s="299">
        <v>843319</v>
      </c>
      <c r="EE34" s="294">
        <v>0</v>
      </c>
      <c r="EF34" s="295">
        <v>0</v>
      </c>
      <c r="EG34" s="296">
        <v>0</v>
      </c>
      <c r="EH34" s="300"/>
      <c r="EI34" s="295">
        <v>0</v>
      </c>
      <c r="EJ34" s="295">
        <v>816</v>
      </c>
      <c r="EK34" s="295">
        <v>524</v>
      </c>
      <c r="EL34" s="295">
        <v>1085</v>
      </c>
      <c r="EM34" s="295">
        <v>0</v>
      </c>
      <c r="EN34" s="298">
        <v>2425</v>
      </c>
      <c r="EO34" s="299">
        <v>2425</v>
      </c>
      <c r="EP34" s="294">
        <v>0</v>
      </c>
      <c r="EQ34" s="295">
        <v>0</v>
      </c>
      <c r="ER34" s="296">
        <v>0</v>
      </c>
      <c r="ES34" s="300"/>
      <c r="ET34" s="295">
        <v>0</v>
      </c>
      <c r="EU34" s="295">
        <v>0</v>
      </c>
      <c r="EV34" s="295">
        <v>0</v>
      </c>
      <c r="EW34" s="295">
        <v>0</v>
      </c>
      <c r="EX34" s="295">
        <v>0</v>
      </c>
      <c r="EY34" s="298">
        <v>0</v>
      </c>
      <c r="EZ34" s="299">
        <v>0</v>
      </c>
      <c r="FA34" s="294">
        <v>0</v>
      </c>
      <c r="FB34" s="295">
        <v>0</v>
      </c>
      <c r="FC34" s="296">
        <v>0</v>
      </c>
      <c r="FD34" s="300"/>
      <c r="FE34" s="295">
        <v>0</v>
      </c>
      <c r="FF34" s="295">
        <v>0</v>
      </c>
      <c r="FG34" s="295">
        <v>0</v>
      </c>
      <c r="FH34" s="295">
        <v>0</v>
      </c>
      <c r="FI34" s="295">
        <v>0</v>
      </c>
      <c r="FJ34" s="298">
        <v>0</v>
      </c>
      <c r="FK34" s="299">
        <v>0</v>
      </c>
      <c r="FL34" s="294">
        <v>0</v>
      </c>
      <c r="FM34" s="295">
        <v>0</v>
      </c>
      <c r="FN34" s="296">
        <v>0</v>
      </c>
      <c r="FO34" s="300"/>
      <c r="FP34" s="295">
        <v>0</v>
      </c>
      <c r="FQ34" s="295">
        <v>0</v>
      </c>
      <c r="FR34" s="295">
        <v>0</v>
      </c>
      <c r="FS34" s="295">
        <v>0</v>
      </c>
      <c r="FT34" s="295">
        <v>0</v>
      </c>
      <c r="FU34" s="298">
        <v>0</v>
      </c>
      <c r="FV34" s="299">
        <v>0</v>
      </c>
      <c r="FW34" s="294">
        <v>0</v>
      </c>
      <c r="FX34" s="295">
        <v>0</v>
      </c>
      <c r="FY34" s="296">
        <v>0</v>
      </c>
      <c r="FZ34" s="297">
        <v>0</v>
      </c>
      <c r="GA34" s="295">
        <v>3510</v>
      </c>
      <c r="GB34" s="295">
        <v>12481</v>
      </c>
      <c r="GC34" s="295">
        <v>16803</v>
      </c>
      <c r="GD34" s="295">
        <v>9177</v>
      </c>
      <c r="GE34" s="295">
        <v>0</v>
      </c>
      <c r="GF34" s="298">
        <v>41971</v>
      </c>
      <c r="GG34" s="299">
        <v>41971</v>
      </c>
      <c r="GH34" s="294">
        <v>0</v>
      </c>
      <c r="GI34" s="295">
        <v>0</v>
      </c>
      <c r="GJ34" s="296">
        <v>0</v>
      </c>
      <c r="GK34" s="297">
        <v>0</v>
      </c>
      <c r="GL34" s="295">
        <v>0</v>
      </c>
      <c r="GM34" s="295">
        <v>2864</v>
      </c>
      <c r="GN34" s="295">
        <v>0</v>
      </c>
      <c r="GO34" s="295">
        <v>0</v>
      </c>
      <c r="GP34" s="295">
        <v>0</v>
      </c>
      <c r="GQ34" s="298">
        <v>2864</v>
      </c>
      <c r="GR34" s="299">
        <v>2864</v>
      </c>
      <c r="GS34" s="294">
        <v>0</v>
      </c>
      <c r="GT34" s="295">
        <v>0</v>
      </c>
      <c r="GU34" s="296">
        <v>0</v>
      </c>
      <c r="GV34" s="297">
        <v>0</v>
      </c>
      <c r="GW34" s="295">
        <v>0</v>
      </c>
      <c r="GX34" s="295">
        <v>0</v>
      </c>
      <c r="GY34" s="295">
        <v>0</v>
      </c>
      <c r="GZ34" s="295">
        <v>0</v>
      </c>
      <c r="HA34" s="295">
        <v>0</v>
      </c>
      <c r="HB34" s="298">
        <v>0</v>
      </c>
      <c r="HC34" s="299">
        <v>0</v>
      </c>
      <c r="HD34" s="294">
        <v>0</v>
      </c>
      <c r="HE34" s="295">
        <v>0</v>
      </c>
      <c r="HF34" s="296">
        <v>0</v>
      </c>
      <c r="HG34" s="300"/>
      <c r="HH34" s="295">
        <v>0</v>
      </c>
      <c r="HI34" s="295">
        <v>0</v>
      </c>
      <c r="HJ34" s="295">
        <v>0</v>
      </c>
      <c r="HK34" s="295">
        <v>0</v>
      </c>
      <c r="HL34" s="295">
        <v>0</v>
      </c>
      <c r="HM34" s="298">
        <v>0</v>
      </c>
      <c r="HN34" s="299">
        <v>0</v>
      </c>
      <c r="HO34" s="294">
        <v>0</v>
      </c>
      <c r="HP34" s="295">
        <v>0</v>
      </c>
      <c r="HQ34" s="296">
        <v>0</v>
      </c>
      <c r="HR34" s="297">
        <v>0</v>
      </c>
      <c r="HS34" s="295">
        <v>4670</v>
      </c>
      <c r="HT34" s="295">
        <v>191672</v>
      </c>
      <c r="HU34" s="295">
        <v>718476</v>
      </c>
      <c r="HV34" s="295">
        <v>442286</v>
      </c>
      <c r="HW34" s="295">
        <v>345696</v>
      </c>
      <c r="HX34" s="298">
        <v>1702800</v>
      </c>
      <c r="HY34" s="299">
        <v>1702800</v>
      </c>
    </row>
    <row r="35" spans="2:233" ht="21" customHeight="1" x14ac:dyDescent="0.2">
      <c r="B35" s="292" t="s">
        <v>32</v>
      </c>
      <c r="C35" s="294">
        <v>0</v>
      </c>
      <c r="D35" s="295">
        <v>0</v>
      </c>
      <c r="E35" s="296">
        <v>0</v>
      </c>
      <c r="F35" s="297">
        <v>0</v>
      </c>
      <c r="G35" s="295">
        <v>37280</v>
      </c>
      <c r="H35" s="295">
        <v>51351</v>
      </c>
      <c r="I35" s="295">
        <v>384709</v>
      </c>
      <c r="J35" s="295">
        <v>355815</v>
      </c>
      <c r="K35" s="295">
        <v>138215</v>
      </c>
      <c r="L35" s="298">
        <v>967370</v>
      </c>
      <c r="M35" s="299">
        <v>967370</v>
      </c>
      <c r="N35" s="294">
        <v>0</v>
      </c>
      <c r="O35" s="295">
        <v>0</v>
      </c>
      <c r="P35" s="296">
        <v>0</v>
      </c>
      <c r="Q35" s="300"/>
      <c r="R35" s="295">
        <v>35495</v>
      </c>
      <c r="S35" s="295">
        <v>0</v>
      </c>
      <c r="T35" s="295">
        <v>105935</v>
      </c>
      <c r="U35" s="295">
        <v>204570</v>
      </c>
      <c r="V35" s="295">
        <v>44500</v>
      </c>
      <c r="W35" s="298">
        <v>390500</v>
      </c>
      <c r="X35" s="299">
        <v>390500</v>
      </c>
      <c r="Y35" s="294">
        <v>0</v>
      </c>
      <c r="Z35" s="295">
        <v>0</v>
      </c>
      <c r="AA35" s="296">
        <v>0</v>
      </c>
      <c r="AB35" s="300"/>
      <c r="AC35" s="295">
        <v>1785</v>
      </c>
      <c r="AD35" s="295">
        <v>41415</v>
      </c>
      <c r="AE35" s="295">
        <v>65255</v>
      </c>
      <c r="AF35" s="295">
        <v>139160</v>
      </c>
      <c r="AG35" s="295">
        <v>35495</v>
      </c>
      <c r="AH35" s="298">
        <v>283110</v>
      </c>
      <c r="AI35" s="299">
        <v>283110</v>
      </c>
      <c r="AJ35" s="294">
        <v>0</v>
      </c>
      <c r="AK35" s="295">
        <v>0</v>
      </c>
      <c r="AL35" s="296">
        <v>0</v>
      </c>
      <c r="AM35" s="300"/>
      <c r="AN35" s="295">
        <v>0</v>
      </c>
      <c r="AO35" s="295">
        <v>0</v>
      </c>
      <c r="AP35" s="295">
        <v>0</v>
      </c>
      <c r="AQ35" s="295">
        <v>0</v>
      </c>
      <c r="AR35" s="295">
        <v>0</v>
      </c>
      <c r="AS35" s="298">
        <v>0</v>
      </c>
      <c r="AT35" s="299">
        <v>0</v>
      </c>
      <c r="AU35" s="294">
        <v>0</v>
      </c>
      <c r="AV35" s="295">
        <v>0</v>
      </c>
      <c r="AW35" s="296">
        <v>0</v>
      </c>
      <c r="AX35" s="300"/>
      <c r="AY35" s="295">
        <v>0</v>
      </c>
      <c r="AZ35" s="295">
        <v>0</v>
      </c>
      <c r="BA35" s="295">
        <v>0</v>
      </c>
      <c r="BB35" s="295">
        <v>0</v>
      </c>
      <c r="BC35" s="295">
        <v>32705</v>
      </c>
      <c r="BD35" s="298">
        <v>32705</v>
      </c>
      <c r="BE35" s="299">
        <v>32705</v>
      </c>
      <c r="BF35" s="294">
        <v>0</v>
      </c>
      <c r="BG35" s="295">
        <v>0</v>
      </c>
      <c r="BH35" s="296">
        <v>0</v>
      </c>
      <c r="BI35" s="300"/>
      <c r="BJ35" s="295">
        <v>0</v>
      </c>
      <c r="BK35" s="295">
        <v>0</v>
      </c>
      <c r="BL35" s="295">
        <v>209795</v>
      </c>
      <c r="BM35" s="295">
        <v>7905</v>
      </c>
      <c r="BN35" s="295">
        <v>24645</v>
      </c>
      <c r="BO35" s="298">
        <v>242345</v>
      </c>
      <c r="BP35" s="299">
        <v>242345</v>
      </c>
      <c r="BQ35" s="294">
        <v>0</v>
      </c>
      <c r="BR35" s="295">
        <v>0</v>
      </c>
      <c r="BS35" s="296">
        <v>0</v>
      </c>
      <c r="BT35" s="297">
        <v>0</v>
      </c>
      <c r="BU35" s="295">
        <v>0</v>
      </c>
      <c r="BV35" s="295">
        <v>9936</v>
      </c>
      <c r="BW35" s="295">
        <v>3434</v>
      </c>
      <c r="BX35" s="295">
        <v>3915</v>
      </c>
      <c r="BY35" s="295">
        <v>870</v>
      </c>
      <c r="BZ35" s="298">
        <v>18155</v>
      </c>
      <c r="CA35" s="299">
        <v>18155</v>
      </c>
      <c r="CB35" s="294">
        <v>0</v>
      </c>
      <c r="CC35" s="295">
        <v>0</v>
      </c>
      <c r="CD35" s="296">
        <v>0</v>
      </c>
      <c r="CE35" s="297">
        <v>0</v>
      </c>
      <c r="CF35" s="295">
        <v>0</v>
      </c>
      <c r="CG35" s="295">
        <v>0</v>
      </c>
      <c r="CH35" s="295">
        <v>290</v>
      </c>
      <c r="CI35" s="295">
        <v>265</v>
      </c>
      <c r="CJ35" s="295">
        <v>0</v>
      </c>
      <c r="CK35" s="298">
        <v>555</v>
      </c>
      <c r="CL35" s="299">
        <v>555</v>
      </c>
      <c r="CM35" s="294">
        <v>0</v>
      </c>
      <c r="CN35" s="295">
        <v>0</v>
      </c>
      <c r="CO35" s="296">
        <v>0</v>
      </c>
      <c r="CP35" s="297">
        <v>0</v>
      </c>
      <c r="CQ35" s="295">
        <v>0</v>
      </c>
      <c r="CR35" s="295">
        <v>0</v>
      </c>
      <c r="CS35" s="295">
        <v>0</v>
      </c>
      <c r="CT35" s="295">
        <v>0</v>
      </c>
      <c r="CU35" s="295">
        <v>0</v>
      </c>
      <c r="CV35" s="298">
        <v>0</v>
      </c>
      <c r="CW35" s="299">
        <v>0</v>
      </c>
      <c r="CX35" s="294">
        <v>0</v>
      </c>
      <c r="CY35" s="295">
        <v>0</v>
      </c>
      <c r="CZ35" s="296">
        <v>0</v>
      </c>
      <c r="DA35" s="300"/>
      <c r="DB35" s="295">
        <v>0</v>
      </c>
      <c r="DC35" s="295">
        <v>0</v>
      </c>
      <c r="DD35" s="295">
        <v>0</v>
      </c>
      <c r="DE35" s="295">
        <v>0</v>
      </c>
      <c r="DF35" s="295">
        <v>0</v>
      </c>
      <c r="DG35" s="298">
        <v>0</v>
      </c>
      <c r="DH35" s="299">
        <v>0</v>
      </c>
      <c r="DI35" s="294">
        <v>0</v>
      </c>
      <c r="DJ35" s="295">
        <v>0</v>
      </c>
      <c r="DK35" s="296">
        <v>0</v>
      </c>
      <c r="DL35" s="297">
        <v>0</v>
      </c>
      <c r="DM35" s="295">
        <v>26722</v>
      </c>
      <c r="DN35" s="295">
        <v>21927</v>
      </c>
      <c r="DO35" s="295">
        <v>354709</v>
      </c>
      <c r="DP35" s="295">
        <v>318187</v>
      </c>
      <c r="DQ35" s="295">
        <v>125473</v>
      </c>
      <c r="DR35" s="298">
        <v>847018</v>
      </c>
      <c r="DS35" s="301">
        <v>847018</v>
      </c>
      <c r="DT35" s="294">
        <v>0</v>
      </c>
      <c r="DU35" s="295">
        <v>0</v>
      </c>
      <c r="DV35" s="296">
        <v>0</v>
      </c>
      <c r="DW35" s="300"/>
      <c r="DX35" s="295">
        <v>26505</v>
      </c>
      <c r="DY35" s="295">
        <v>0</v>
      </c>
      <c r="DZ35" s="295">
        <v>147343</v>
      </c>
      <c r="EA35" s="295">
        <v>248194</v>
      </c>
      <c r="EB35" s="295">
        <v>100933</v>
      </c>
      <c r="EC35" s="298">
        <v>522975</v>
      </c>
      <c r="ED35" s="299">
        <v>522975</v>
      </c>
      <c r="EE35" s="294">
        <v>0</v>
      </c>
      <c r="EF35" s="295">
        <v>0</v>
      </c>
      <c r="EG35" s="296">
        <v>0</v>
      </c>
      <c r="EH35" s="300"/>
      <c r="EI35" s="295">
        <v>217</v>
      </c>
      <c r="EJ35" s="295">
        <v>402</v>
      </c>
      <c r="EK35" s="295">
        <v>22816</v>
      </c>
      <c r="EL35" s="295">
        <v>20322</v>
      </c>
      <c r="EM35" s="295">
        <v>11687</v>
      </c>
      <c r="EN35" s="298">
        <v>55444</v>
      </c>
      <c r="EO35" s="299">
        <v>55444</v>
      </c>
      <c r="EP35" s="294">
        <v>0</v>
      </c>
      <c r="EQ35" s="295">
        <v>0</v>
      </c>
      <c r="ER35" s="296">
        <v>0</v>
      </c>
      <c r="ES35" s="300"/>
      <c r="ET35" s="295">
        <v>0</v>
      </c>
      <c r="EU35" s="295">
        <v>0</v>
      </c>
      <c r="EV35" s="295">
        <v>0</v>
      </c>
      <c r="EW35" s="295">
        <v>0</v>
      </c>
      <c r="EX35" s="295">
        <v>0</v>
      </c>
      <c r="EY35" s="298">
        <v>0</v>
      </c>
      <c r="EZ35" s="299">
        <v>0</v>
      </c>
      <c r="FA35" s="294">
        <v>0</v>
      </c>
      <c r="FB35" s="295">
        <v>0</v>
      </c>
      <c r="FC35" s="296">
        <v>0</v>
      </c>
      <c r="FD35" s="300"/>
      <c r="FE35" s="295">
        <v>0</v>
      </c>
      <c r="FF35" s="295">
        <v>0</v>
      </c>
      <c r="FG35" s="295">
        <v>0</v>
      </c>
      <c r="FH35" s="295">
        <v>0</v>
      </c>
      <c r="FI35" s="295">
        <v>217</v>
      </c>
      <c r="FJ35" s="298">
        <v>217</v>
      </c>
      <c r="FK35" s="299">
        <v>217</v>
      </c>
      <c r="FL35" s="294">
        <v>0</v>
      </c>
      <c r="FM35" s="295">
        <v>0</v>
      </c>
      <c r="FN35" s="296">
        <v>0</v>
      </c>
      <c r="FO35" s="300"/>
      <c r="FP35" s="295">
        <v>0</v>
      </c>
      <c r="FQ35" s="295">
        <v>0</v>
      </c>
      <c r="FR35" s="295">
        <v>177603</v>
      </c>
      <c r="FS35" s="295">
        <v>32643</v>
      </c>
      <c r="FT35" s="295">
        <v>10881</v>
      </c>
      <c r="FU35" s="298">
        <v>221127</v>
      </c>
      <c r="FV35" s="299">
        <v>221127</v>
      </c>
      <c r="FW35" s="294">
        <v>0</v>
      </c>
      <c r="FX35" s="295">
        <v>0</v>
      </c>
      <c r="FY35" s="296">
        <v>0</v>
      </c>
      <c r="FZ35" s="297">
        <v>0</v>
      </c>
      <c r="GA35" s="295">
        <v>0</v>
      </c>
      <c r="GB35" s="295">
        <v>21525</v>
      </c>
      <c r="GC35" s="295">
        <v>4799</v>
      </c>
      <c r="GD35" s="295">
        <v>15954</v>
      </c>
      <c r="GE35" s="295">
        <v>1755</v>
      </c>
      <c r="GF35" s="298">
        <v>44033</v>
      </c>
      <c r="GG35" s="299">
        <v>44033</v>
      </c>
      <c r="GH35" s="294">
        <v>0</v>
      </c>
      <c r="GI35" s="295">
        <v>0</v>
      </c>
      <c r="GJ35" s="296">
        <v>0</v>
      </c>
      <c r="GK35" s="297">
        <v>0</v>
      </c>
      <c r="GL35" s="295">
        <v>0</v>
      </c>
      <c r="GM35" s="295">
        <v>0</v>
      </c>
      <c r="GN35" s="295">
        <v>2148</v>
      </c>
      <c r="GO35" s="295">
        <v>1074</v>
      </c>
      <c r="GP35" s="295">
        <v>0</v>
      </c>
      <c r="GQ35" s="298">
        <v>3222</v>
      </c>
      <c r="GR35" s="299">
        <v>3222</v>
      </c>
      <c r="GS35" s="294">
        <v>0</v>
      </c>
      <c r="GT35" s="295">
        <v>0</v>
      </c>
      <c r="GU35" s="296">
        <v>0</v>
      </c>
      <c r="GV35" s="297">
        <v>0</v>
      </c>
      <c r="GW35" s="295">
        <v>0</v>
      </c>
      <c r="GX35" s="295">
        <v>0</v>
      </c>
      <c r="GY35" s="295">
        <v>0</v>
      </c>
      <c r="GZ35" s="295">
        <v>0</v>
      </c>
      <c r="HA35" s="295">
        <v>0</v>
      </c>
      <c r="HB35" s="298">
        <v>0</v>
      </c>
      <c r="HC35" s="299">
        <v>0</v>
      </c>
      <c r="HD35" s="294">
        <v>0</v>
      </c>
      <c r="HE35" s="295">
        <v>0</v>
      </c>
      <c r="HF35" s="296">
        <v>0</v>
      </c>
      <c r="HG35" s="300"/>
      <c r="HH35" s="295">
        <v>0</v>
      </c>
      <c r="HI35" s="295">
        <v>0</v>
      </c>
      <c r="HJ35" s="295">
        <v>0</v>
      </c>
      <c r="HK35" s="295">
        <v>0</v>
      </c>
      <c r="HL35" s="295">
        <v>0</v>
      </c>
      <c r="HM35" s="298">
        <v>0</v>
      </c>
      <c r="HN35" s="299">
        <v>0</v>
      </c>
      <c r="HO35" s="294">
        <v>0</v>
      </c>
      <c r="HP35" s="295">
        <v>0</v>
      </c>
      <c r="HQ35" s="296">
        <v>0</v>
      </c>
      <c r="HR35" s="297">
        <v>0</v>
      </c>
      <c r="HS35" s="295">
        <v>64002</v>
      </c>
      <c r="HT35" s="295">
        <v>73278</v>
      </c>
      <c r="HU35" s="295">
        <v>739418</v>
      </c>
      <c r="HV35" s="295">
        <v>674002</v>
      </c>
      <c r="HW35" s="295">
        <v>263688</v>
      </c>
      <c r="HX35" s="298">
        <v>1814388</v>
      </c>
      <c r="HY35" s="299">
        <v>1814388</v>
      </c>
    </row>
    <row r="36" spans="2:233" ht="21" customHeight="1" x14ac:dyDescent="0.2">
      <c r="B36" s="292" t="s">
        <v>33</v>
      </c>
      <c r="C36" s="294">
        <v>0</v>
      </c>
      <c r="D36" s="295">
        <v>0</v>
      </c>
      <c r="E36" s="296">
        <v>0</v>
      </c>
      <c r="F36" s="297">
        <v>0</v>
      </c>
      <c r="G36" s="295">
        <v>91495</v>
      </c>
      <c r="H36" s="295">
        <v>160045</v>
      </c>
      <c r="I36" s="295">
        <v>411465</v>
      </c>
      <c r="J36" s="295">
        <v>595340</v>
      </c>
      <c r="K36" s="295">
        <v>260535</v>
      </c>
      <c r="L36" s="298">
        <v>1518880</v>
      </c>
      <c r="M36" s="299">
        <v>1518880</v>
      </c>
      <c r="N36" s="294">
        <v>0</v>
      </c>
      <c r="O36" s="295">
        <v>0</v>
      </c>
      <c r="P36" s="296">
        <v>0</v>
      </c>
      <c r="Q36" s="300"/>
      <c r="R36" s="295">
        <v>0</v>
      </c>
      <c r="S36" s="295">
        <v>27280</v>
      </c>
      <c r="T36" s="295">
        <v>246035</v>
      </c>
      <c r="U36" s="295">
        <v>378730</v>
      </c>
      <c r="V36" s="295">
        <v>218085</v>
      </c>
      <c r="W36" s="298">
        <v>870130</v>
      </c>
      <c r="X36" s="299">
        <v>870130</v>
      </c>
      <c r="Y36" s="294">
        <v>0</v>
      </c>
      <c r="Z36" s="295">
        <v>0</v>
      </c>
      <c r="AA36" s="296">
        <v>0</v>
      </c>
      <c r="AB36" s="300"/>
      <c r="AC36" s="295">
        <v>65255</v>
      </c>
      <c r="AD36" s="295">
        <v>62775</v>
      </c>
      <c r="AE36" s="295">
        <v>126785</v>
      </c>
      <c r="AF36" s="295">
        <v>138725</v>
      </c>
      <c r="AG36" s="295">
        <v>2635</v>
      </c>
      <c r="AH36" s="298">
        <v>396175</v>
      </c>
      <c r="AI36" s="299">
        <v>396175</v>
      </c>
      <c r="AJ36" s="294">
        <v>0</v>
      </c>
      <c r="AK36" s="295">
        <v>0</v>
      </c>
      <c r="AL36" s="296">
        <v>0</v>
      </c>
      <c r="AM36" s="300"/>
      <c r="AN36" s="295">
        <v>0</v>
      </c>
      <c r="AO36" s="295">
        <v>0</v>
      </c>
      <c r="AP36" s="295">
        <v>0</v>
      </c>
      <c r="AQ36" s="295">
        <v>0</v>
      </c>
      <c r="AR36" s="295">
        <v>0</v>
      </c>
      <c r="AS36" s="298">
        <v>0</v>
      </c>
      <c r="AT36" s="299">
        <v>0</v>
      </c>
      <c r="AU36" s="294">
        <v>0</v>
      </c>
      <c r="AV36" s="295">
        <v>0</v>
      </c>
      <c r="AW36" s="296">
        <v>0</v>
      </c>
      <c r="AX36" s="300"/>
      <c r="AY36" s="295">
        <v>24645</v>
      </c>
      <c r="AZ36" s="295">
        <v>68045</v>
      </c>
      <c r="BA36" s="295">
        <v>30330</v>
      </c>
      <c r="BB36" s="295">
        <v>70990</v>
      </c>
      <c r="BC36" s="295">
        <v>32705</v>
      </c>
      <c r="BD36" s="298">
        <v>226715</v>
      </c>
      <c r="BE36" s="299">
        <v>226715</v>
      </c>
      <c r="BF36" s="294">
        <v>0</v>
      </c>
      <c r="BG36" s="295">
        <v>0</v>
      </c>
      <c r="BH36" s="296">
        <v>0</v>
      </c>
      <c r="BI36" s="300"/>
      <c r="BJ36" s="295">
        <v>0</v>
      </c>
      <c r="BK36" s="295">
        <v>0</v>
      </c>
      <c r="BL36" s="295">
        <v>0</v>
      </c>
      <c r="BM36" s="295">
        <v>0</v>
      </c>
      <c r="BN36" s="295">
        <v>0</v>
      </c>
      <c r="BO36" s="298">
        <v>0</v>
      </c>
      <c r="BP36" s="299">
        <v>0</v>
      </c>
      <c r="BQ36" s="294">
        <v>0</v>
      </c>
      <c r="BR36" s="295">
        <v>0</v>
      </c>
      <c r="BS36" s="296">
        <v>0</v>
      </c>
      <c r="BT36" s="297">
        <v>0</v>
      </c>
      <c r="BU36" s="295">
        <v>1595</v>
      </c>
      <c r="BV36" s="295">
        <v>1945</v>
      </c>
      <c r="BW36" s="295">
        <v>7470</v>
      </c>
      <c r="BX36" s="295">
        <v>6895</v>
      </c>
      <c r="BY36" s="295">
        <v>3730</v>
      </c>
      <c r="BZ36" s="298">
        <v>21635</v>
      </c>
      <c r="CA36" s="299">
        <v>21635</v>
      </c>
      <c r="CB36" s="294">
        <v>0</v>
      </c>
      <c r="CC36" s="295">
        <v>0</v>
      </c>
      <c r="CD36" s="296">
        <v>0</v>
      </c>
      <c r="CE36" s="297">
        <v>0</v>
      </c>
      <c r="CF36" s="295">
        <v>0</v>
      </c>
      <c r="CG36" s="295">
        <v>0</v>
      </c>
      <c r="CH36" s="295">
        <v>0</v>
      </c>
      <c r="CI36" s="295">
        <v>0</v>
      </c>
      <c r="CJ36" s="295">
        <v>3380</v>
      </c>
      <c r="CK36" s="298">
        <v>3380</v>
      </c>
      <c r="CL36" s="299">
        <v>3380</v>
      </c>
      <c r="CM36" s="294">
        <v>0</v>
      </c>
      <c r="CN36" s="295">
        <v>0</v>
      </c>
      <c r="CO36" s="296">
        <v>0</v>
      </c>
      <c r="CP36" s="297">
        <v>0</v>
      </c>
      <c r="CQ36" s="295">
        <v>0</v>
      </c>
      <c r="CR36" s="295">
        <v>0</v>
      </c>
      <c r="CS36" s="295">
        <v>0</v>
      </c>
      <c r="CT36" s="295">
        <v>0</v>
      </c>
      <c r="CU36" s="295">
        <v>0</v>
      </c>
      <c r="CV36" s="298">
        <v>0</v>
      </c>
      <c r="CW36" s="299">
        <v>0</v>
      </c>
      <c r="CX36" s="294">
        <v>0</v>
      </c>
      <c r="CY36" s="295">
        <v>0</v>
      </c>
      <c r="CZ36" s="296">
        <v>0</v>
      </c>
      <c r="DA36" s="300"/>
      <c r="DB36" s="295">
        <v>0</v>
      </c>
      <c r="DC36" s="295">
        <v>0</v>
      </c>
      <c r="DD36" s="295">
        <v>845</v>
      </c>
      <c r="DE36" s="295">
        <v>0</v>
      </c>
      <c r="DF36" s="295">
        <v>0</v>
      </c>
      <c r="DG36" s="298">
        <v>845</v>
      </c>
      <c r="DH36" s="299">
        <v>845</v>
      </c>
      <c r="DI36" s="294">
        <v>0</v>
      </c>
      <c r="DJ36" s="295">
        <v>0</v>
      </c>
      <c r="DK36" s="296">
        <v>0</v>
      </c>
      <c r="DL36" s="297">
        <v>0</v>
      </c>
      <c r="DM36" s="295">
        <v>7122</v>
      </c>
      <c r="DN36" s="295">
        <v>65454</v>
      </c>
      <c r="DO36" s="295">
        <v>330391</v>
      </c>
      <c r="DP36" s="295">
        <v>460773</v>
      </c>
      <c r="DQ36" s="295">
        <v>186740</v>
      </c>
      <c r="DR36" s="298">
        <v>1050480</v>
      </c>
      <c r="DS36" s="301">
        <v>1050480</v>
      </c>
      <c r="DT36" s="294">
        <v>0</v>
      </c>
      <c r="DU36" s="295">
        <v>0</v>
      </c>
      <c r="DV36" s="296">
        <v>0</v>
      </c>
      <c r="DW36" s="300"/>
      <c r="DX36" s="295">
        <v>0</v>
      </c>
      <c r="DY36" s="295">
        <v>36611</v>
      </c>
      <c r="DZ36" s="295">
        <v>301773</v>
      </c>
      <c r="EA36" s="295">
        <v>402463</v>
      </c>
      <c r="EB36" s="295">
        <v>183396</v>
      </c>
      <c r="EC36" s="298">
        <v>924243</v>
      </c>
      <c r="ED36" s="299">
        <v>924243</v>
      </c>
      <c r="EE36" s="294">
        <v>0</v>
      </c>
      <c r="EF36" s="295">
        <v>0</v>
      </c>
      <c r="EG36" s="296">
        <v>0</v>
      </c>
      <c r="EH36" s="300"/>
      <c r="EI36" s="295">
        <v>1085</v>
      </c>
      <c r="EJ36" s="295">
        <v>12121</v>
      </c>
      <c r="EK36" s="295">
        <v>19501</v>
      </c>
      <c r="EL36" s="295">
        <v>1519</v>
      </c>
      <c r="EM36" s="295">
        <v>217</v>
      </c>
      <c r="EN36" s="298">
        <v>34443</v>
      </c>
      <c r="EO36" s="299">
        <v>34443</v>
      </c>
      <c r="EP36" s="294">
        <v>0</v>
      </c>
      <c r="EQ36" s="295">
        <v>0</v>
      </c>
      <c r="ER36" s="296">
        <v>0</v>
      </c>
      <c r="ES36" s="300"/>
      <c r="ET36" s="295">
        <v>0</v>
      </c>
      <c r="EU36" s="295">
        <v>0</v>
      </c>
      <c r="EV36" s="295">
        <v>0</v>
      </c>
      <c r="EW36" s="295">
        <v>0</v>
      </c>
      <c r="EX36" s="295">
        <v>0</v>
      </c>
      <c r="EY36" s="298">
        <v>0</v>
      </c>
      <c r="EZ36" s="299">
        <v>0</v>
      </c>
      <c r="FA36" s="294">
        <v>0</v>
      </c>
      <c r="FB36" s="295">
        <v>0</v>
      </c>
      <c r="FC36" s="296">
        <v>0</v>
      </c>
      <c r="FD36" s="300"/>
      <c r="FE36" s="295">
        <v>217</v>
      </c>
      <c r="FF36" s="295">
        <v>12555</v>
      </c>
      <c r="FG36" s="295">
        <v>1565</v>
      </c>
      <c r="FH36" s="295">
        <v>23374</v>
      </c>
      <c r="FI36" s="295">
        <v>217</v>
      </c>
      <c r="FJ36" s="298">
        <v>37928</v>
      </c>
      <c r="FK36" s="299">
        <v>37928</v>
      </c>
      <c r="FL36" s="294">
        <v>0</v>
      </c>
      <c r="FM36" s="295">
        <v>0</v>
      </c>
      <c r="FN36" s="296">
        <v>0</v>
      </c>
      <c r="FO36" s="300"/>
      <c r="FP36" s="295">
        <v>0</v>
      </c>
      <c r="FQ36" s="295">
        <v>0</v>
      </c>
      <c r="FR36" s="295">
        <v>0</v>
      </c>
      <c r="FS36" s="295">
        <v>0</v>
      </c>
      <c r="FT36" s="295">
        <v>0</v>
      </c>
      <c r="FU36" s="298">
        <v>0</v>
      </c>
      <c r="FV36" s="299">
        <v>0</v>
      </c>
      <c r="FW36" s="294">
        <v>0</v>
      </c>
      <c r="FX36" s="295">
        <v>0</v>
      </c>
      <c r="FY36" s="296">
        <v>0</v>
      </c>
      <c r="FZ36" s="297">
        <v>0</v>
      </c>
      <c r="GA36" s="295">
        <v>5820</v>
      </c>
      <c r="GB36" s="295">
        <v>4167</v>
      </c>
      <c r="GC36" s="295">
        <v>7510</v>
      </c>
      <c r="GD36" s="295">
        <v>33417</v>
      </c>
      <c r="GE36" s="295">
        <v>2910</v>
      </c>
      <c r="GF36" s="298">
        <v>53824</v>
      </c>
      <c r="GG36" s="299">
        <v>53824</v>
      </c>
      <c r="GH36" s="294">
        <v>0</v>
      </c>
      <c r="GI36" s="295">
        <v>0</v>
      </c>
      <c r="GJ36" s="296">
        <v>0</v>
      </c>
      <c r="GK36" s="297">
        <v>0</v>
      </c>
      <c r="GL36" s="295">
        <v>0</v>
      </c>
      <c r="GM36" s="295">
        <v>0</v>
      </c>
      <c r="GN36" s="295">
        <v>0</v>
      </c>
      <c r="GO36" s="295">
        <v>0</v>
      </c>
      <c r="GP36" s="295">
        <v>0</v>
      </c>
      <c r="GQ36" s="298">
        <v>0</v>
      </c>
      <c r="GR36" s="299">
        <v>0</v>
      </c>
      <c r="GS36" s="294">
        <v>0</v>
      </c>
      <c r="GT36" s="295">
        <v>0</v>
      </c>
      <c r="GU36" s="296">
        <v>0</v>
      </c>
      <c r="GV36" s="297">
        <v>0</v>
      </c>
      <c r="GW36" s="295">
        <v>0</v>
      </c>
      <c r="GX36" s="295">
        <v>0</v>
      </c>
      <c r="GY36" s="295">
        <v>0</v>
      </c>
      <c r="GZ36" s="295">
        <v>0</v>
      </c>
      <c r="HA36" s="295">
        <v>0</v>
      </c>
      <c r="HB36" s="298">
        <v>0</v>
      </c>
      <c r="HC36" s="299">
        <v>0</v>
      </c>
      <c r="HD36" s="294">
        <v>0</v>
      </c>
      <c r="HE36" s="295">
        <v>0</v>
      </c>
      <c r="HF36" s="296">
        <v>0</v>
      </c>
      <c r="HG36" s="300"/>
      <c r="HH36" s="295">
        <v>0</v>
      </c>
      <c r="HI36" s="295">
        <v>0</v>
      </c>
      <c r="HJ36" s="295">
        <v>42</v>
      </c>
      <c r="HK36" s="295">
        <v>0</v>
      </c>
      <c r="HL36" s="295">
        <v>0</v>
      </c>
      <c r="HM36" s="298">
        <v>42</v>
      </c>
      <c r="HN36" s="299">
        <v>42</v>
      </c>
      <c r="HO36" s="294">
        <v>0</v>
      </c>
      <c r="HP36" s="295">
        <v>0</v>
      </c>
      <c r="HQ36" s="296">
        <v>0</v>
      </c>
      <c r="HR36" s="297">
        <v>0</v>
      </c>
      <c r="HS36" s="295">
        <v>98617</v>
      </c>
      <c r="HT36" s="295">
        <v>225499</v>
      </c>
      <c r="HU36" s="295">
        <v>741856</v>
      </c>
      <c r="HV36" s="295">
        <v>1056113</v>
      </c>
      <c r="HW36" s="295">
        <v>447275</v>
      </c>
      <c r="HX36" s="298">
        <v>2569360</v>
      </c>
      <c r="HY36" s="299">
        <v>2569360</v>
      </c>
    </row>
    <row r="37" spans="2:233" ht="21" customHeight="1" x14ac:dyDescent="0.2">
      <c r="B37" s="292" t="s">
        <v>34</v>
      </c>
      <c r="C37" s="294">
        <v>0</v>
      </c>
      <c r="D37" s="295">
        <v>0</v>
      </c>
      <c r="E37" s="296">
        <v>0</v>
      </c>
      <c r="F37" s="297">
        <v>0</v>
      </c>
      <c r="G37" s="295">
        <v>24645</v>
      </c>
      <c r="H37" s="295">
        <v>76260</v>
      </c>
      <c r="I37" s="295">
        <v>75030</v>
      </c>
      <c r="J37" s="295">
        <v>309040</v>
      </c>
      <c r="K37" s="295">
        <v>171217</v>
      </c>
      <c r="L37" s="298">
        <v>656192</v>
      </c>
      <c r="M37" s="299">
        <v>656192</v>
      </c>
      <c r="N37" s="294">
        <v>0</v>
      </c>
      <c r="O37" s="295">
        <v>0</v>
      </c>
      <c r="P37" s="296">
        <v>0</v>
      </c>
      <c r="Q37" s="300"/>
      <c r="R37" s="295">
        <v>0</v>
      </c>
      <c r="S37" s="295">
        <v>0</v>
      </c>
      <c r="T37" s="295">
        <v>40610</v>
      </c>
      <c r="U37" s="295">
        <v>257385</v>
      </c>
      <c r="V37" s="295">
        <v>118350</v>
      </c>
      <c r="W37" s="298">
        <v>416345</v>
      </c>
      <c r="X37" s="299">
        <v>416345</v>
      </c>
      <c r="Y37" s="294">
        <v>0</v>
      </c>
      <c r="Z37" s="295">
        <v>0</v>
      </c>
      <c r="AA37" s="296">
        <v>0</v>
      </c>
      <c r="AB37" s="300"/>
      <c r="AC37" s="295">
        <v>24645</v>
      </c>
      <c r="AD37" s="295">
        <v>40765</v>
      </c>
      <c r="AE37" s="295">
        <v>34420</v>
      </c>
      <c r="AF37" s="295">
        <v>44195</v>
      </c>
      <c r="AG37" s="295">
        <v>20315</v>
      </c>
      <c r="AH37" s="298">
        <v>164340</v>
      </c>
      <c r="AI37" s="299">
        <v>164340</v>
      </c>
      <c r="AJ37" s="294">
        <v>0</v>
      </c>
      <c r="AK37" s="295">
        <v>0</v>
      </c>
      <c r="AL37" s="296">
        <v>0</v>
      </c>
      <c r="AM37" s="300"/>
      <c r="AN37" s="295">
        <v>0</v>
      </c>
      <c r="AO37" s="295">
        <v>0</v>
      </c>
      <c r="AP37" s="295">
        <v>0</v>
      </c>
      <c r="AQ37" s="295">
        <v>0</v>
      </c>
      <c r="AR37" s="295">
        <v>0</v>
      </c>
      <c r="AS37" s="298">
        <v>0</v>
      </c>
      <c r="AT37" s="299">
        <v>0</v>
      </c>
      <c r="AU37" s="294">
        <v>0</v>
      </c>
      <c r="AV37" s="295">
        <v>0</v>
      </c>
      <c r="AW37" s="296">
        <v>0</v>
      </c>
      <c r="AX37" s="300"/>
      <c r="AY37" s="295">
        <v>0</v>
      </c>
      <c r="AZ37" s="295">
        <v>35495</v>
      </c>
      <c r="BA37" s="295">
        <v>0</v>
      </c>
      <c r="BB37" s="295">
        <v>0</v>
      </c>
      <c r="BC37" s="295">
        <v>0</v>
      </c>
      <c r="BD37" s="298">
        <v>35495</v>
      </c>
      <c r="BE37" s="299">
        <v>35495</v>
      </c>
      <c r="BF37" s="294">
        <v>0</v>
      </c>
      <c r="BG37" s="295">
        <v>0</v>
      </c>
      <c r="BH37" s="296">
        <v>0</v>
      </c>
      <c r="BI37" s="300"/>
      <c r="BJ37" s="295">
        <v>0</v>
      </c>
      <c r="BK37" s="295">
        <v>0</v>
      </c>
      <c r="BL37" s="295">
        <v>0</v>
      </c>
      <c r="BM37" s="295">
        <v>0</v>
      </c>
      <c r="BN37" s="295">
        <v>0</v>
      </c>
      <c r="BO37" s="298">
        <v>0</v>
      </c>
      <c r="BP37" s="299">
        <v>0</v>
      </c>
      <c r="BQ37" s="294">
        <v>0</v>
      </c>
      <c r="BR37" s="295">
        <v>0</v>
      </c>
      <c r="BS37" s="296">
        <v>0</v>
      </c>
      <c r="BT37" s="297">
        <v>0</v>
      </c>
      <c r="BU37" s="295">
        <v>0</v>
      </c>
      <c r="BV37" s="295">
        <v>0</v>
      </c>
      <c r="BW37" s="295">
        <v>0</v>
      </c>
      <c r="BX37" s="295">
        <v>0</v>
      </c>
      <c r="BY37" s="295">
        <v>32552</v>
      </c>
      <c r="BZ37" s="298">
        <v>32552</v>
      </c>
      <c r="CA37" s="299">
        <v>32552</v>
      </c>
      <c r="CB37" s="294">
        <v>0</v>
      </c>
      <c r="CC37" s="295">
        <v>0</v>
      </c>
      <c r="CD37" s="296">
        <v>0</v>
      </c>
      <c r="CE37" s="297">
        <v>0</v>
      </c>
      <c r="CF37" s="295">
        <v>0</v>
      </c>
      <c r="CG37" s="295">
        <v>0</v>
      </c>
      <c r="CH37" s="295">
        <v>0</v>
      </c>
      <c r="CI37" s="295">
        <v>7460</v>
      </c>
      <c r="CJ37" s="295">
        <v>0</v>
      </c>
      <c r="CK37" s="298">
        <v>7460</v>
      </c>
      <c r="CL37" s="299">
        <v>7460</v>
      </c>
      <c r="CM37" s="294">
        <v>0</v>
      </c>
      <c r="CN37" s="295">
        <v>0</v>
      </c>
      <c r="CO37" s="296">
        <v>0</v>
      </c>
      <c r="CP37" s="297">
        <v>0</v>
      </c>
      <c r="CQ37" s="295">
        <v>0</v>
      </c>
      <c r="CR37" s="295">
        <v>0</v>
      </c>
      <c r="CS37" s="295">
        <v>0</v>
      </c>
      <c r="CT37" s="295">
        <v>0</v>
      </c>
      <c r="CU37" s="295">
        <v>0</v>
      </c>
      <c r="CV37" s="298">
        <v>0</v>
      </c>
      <c r="CW37" s="299">
        <v>0</v>
      </c>
      <c r="CX37" s="294">
        <v>0</v>
      </c>
      <c r="CY37" s="295">
        <v>0</v>
      </c>
      <c r="CZ37" s="296">
        <v>0</v>
      </c>
      <c r="DA37" s="300"/>
      <c r="DB37" s="295">
        <v>0</v>
      </c>
      <c r="DC37" s="295">
        <v>0</v>
      </c>
      <c r="DD37" s="295">
        <v>0</v>
      </c>
      <c r="DE37" s="295">
        <v>0</v>
      </c>
      <c r="DF37" s="295">
        <v>0</v>
      </c>
      <c r="DG37" s="298">
        <v>0</v>
      </c>
      <c r="DH37" s="299">
        <v>0</v>
      </c>
      <c r="DI37" s="294">
        <v>0</v>
      </c>
      <c r="DJ37" s="295">
        <v>0</v>
      </c>
      <c r="DK37" s="296">
        <v>0</v>
      </c>
      <c r="DL37" s="297">
        <v>0</v>
      </c>
      <c r="DM37" s="295">
        <v>186</v>
      </c>
      <c r="DN37" s="295">
        <v>23822</v>
      </c>
      <c r="DO37" s="295">
        <v>102383</v>
      </c>
      <c r="DP37" s="295">
        <v>299983</v>
      </c>
      <c r="DQ37" s="295">
        <v>195451</v>
      </c>
      <c r="DR37" s="298">
        <v>621825</v>
      </c>
      <c r="DS37" s="301">
        <v>621825</v>
      </c>
      <c r="DT37" s="294">
        <v>0</v>
      </c>
      <c r="DU37" s="295">
        <v>0</v>
      </c>
      <c r="DV37" s="296">
        <v>0</v>
      </c>
      <c r="DW37" s="300"/>
      <c r="DX37" s="295">
        <v>0</v>
      </c>
      <c r="DY37" s="295">
        <v>0</v>
      </c>
      <c r="DZ37" s="295">
        <v>101494</v>
      </c>
      <c r="EA37" s="295">
        <v>287575</v>
      </c>
      <c r="EB37" s="295">
        <v>148854</v>
      </c>
      <c r="EC37" s="298">
        <v>537923</v>
      </c>
      <c r="ED37" s="299">
        <v>537923</v>
      </c>
      <c r="EE37" s="294">
        <v>0</v>
      </c>
      <c r="EF37" s="295">
        <v>0</v>
      </c>
      <c r="EG37" s="296">
        <v>0</v>
      </c>
      <c r="EH37" s="300"/>
      <c r="EI37" s="295">
        <v>186</v>
      </c>
      <c r="EJ37" s="295">
        <v>12135</v>
      </c>
      <c r="EK37" s="295">
        <v>889</v>
      </c>
      <c r="EL37" s="295">
        <v>12345</v>
      </c>
      <c r="EM37" s="295">
        <v>343</v>
      </c>
      <c r="EN37" s="298">
        <v>25898</v>
      </c>
      <c r="EO37" s="299">
        <v>25898</v>
      </c>
      <c r="EP37" s="294">
        <v>0</v>
      </c>
      <c r="EQ37" s="295">
        <v>0</v>
      </c>
      <c r="ER37" s="296">
        <v>0</v>
      </c>
      <c r="ES37" s="300"/>
      <c r="ET37" s="295">
        <v>0</v>
      </c>
      <c r="EU37" s="295">
        <v>0</v>
      </c>
      <c r="EV37" s="295">
        <v>0</v>
      </c>
      <c r="EW37" s="295">
        <v>0</v>
      </c>
      <c r="EX37" s="295">
        <v>0</v>
      </c>
      <c r="EY37" s="298">
        <v>0</v>
      </c>
      <c r="EZ37" s="299">
        <v>0</v>
      </c>
      <c r="FA37" s="294">
        <v>0</v>
      </c>
      <c r="FB37" s="295">
        <v>0</v>
      </c>
      <c r="FC37" s="296">
        <v>0</v>
      </c>
      <c r="FD37" s="300"/>
      <c r="FE37" s="295">
        <v>0</v>
      </c>
      <c r="FF37" s="295">
        <v>11687</v>
      </c>
      <c r="FG37" s="295">
        <v>0</v>
      </c>
      <c r="FH37" s="295">
        <v>0</v>
      </c>
      <c r="FI37" s="295">
        <v>0</v>
      </c>
      <c r="FJ37" s="298">
        <v>11687</v>
      </c>
      <c r="FK37" s="299">
        <v>11687</v>
      </c>
      <c r="FL37" s="294">
        <v>0</v>
      </c>
      <c r="FM37" s="295">
        <v>0</v>
      </c>
      <c r="FN37" s="296">
        <v>0</v>
      </c>
      <c r="FO37" s="300"/>
      <c r="FP37" s="295">
        <v>0</v>
      </c>
      <c r="FQ37" s="295">
        <v>0</v>
      </c>
      <c r="FR37" s="295">
        <v>0</v>
      </c>
      <c r="FS37" s="295">
        <v>0</v>
      </c>
      <c r="FT37" s="295">
        <v>0</v>
      </c>
      <c r="FU37" s="298">
        <v>0</v>
      </c>
      <c r="FV37" s="299">
        <v>0</v>
      </c>
      <c r="FW37" s="294">
        <v>0</v>
      </c>
      <c r="FX37" s="295">
        <v>0</v>
      </c>
      <c r="FY37" s="296">
        <v>0</v>
      </c>
      <c r="FZ37" s="297">
        <v>0</v>
      </c>
      <c r="GA37" s="295">
        <v>0</v>
      </c>
      <c r="GB37" s="295">
        <v>0</v>
      </c>
      <c r="GC37" s="295">
        <v>0</v>
      </c>
      <c r="GD37" s="295">
        <v>0</v>
      </c>
      <c r="GE37" s="295">
        <v>46254</v>
      </c>
      <c r="GF37" s="298">
        <v>46254</v>
      </c>
      <c r="GG37" s="299">
        <v>46254</v>
      </c>
      <c r="GH37" s="294">
        <v>0</v>
      </c>
      <c r="GI37" s="295">
        <v>0</v>
      </c>
      <c r="GJ37" s="296">
        <v>0</v>
      </c>
      <c r="GK37" s="297">
        <v>0</v>
      </c>
      <c r="GL37" s="295">
        <v>0</v>
      </c>
      <c r="GM37" s="295">
        <v>0</v>
      </c>
      <c r="GN37" s="295">
        <v>0</v>
      </c>
      <c r="GO37" s="295">
        <v>63</v>
      </c>
      <c r="GP37" s="295">
        <v>0</v>
      </c>
      <c r="GQ37" s="298">
        <v>63</v>
      </c>
      <c r="GR37" s="299">
        <v>63</v>
      </c>
      <c r="GS37" s="294">
        <v>0</v>
      </c>
      <c r="GT37" s="295">
        <v>0</v>
      </c>
      <c r="GU37" s="296">
        <v>0</v>
      </c>
      <c r="GV37" s="297">
        <v>0</v>
      </c>
      <c r="GW37" s="295">
        <v>0</v>
      </c>
      <c r="GX37" s="295">
        <v>0</v>
      </c>
      <c r="GY37" s="295">
        <v>0</v>
      </c>
      <c r="GZ37" s="295">
        <v>0</v>
      </c>
      <c r="HA37" s="295">
        <v>0</v>
      </c>
      <c r="HB37" s="298">
        <v>0</v>
      </c>
      <c r="HC37" s="299">
        <v>0</v>
      </c>
      <c r="HD37" s="294">
        <v>0</v>
      </c>
      <c r="HE37" s="295">
        <v>0</v>
      </c>
      <c r="HF37" s="296">
        <v>0</v>
      </c>
      <c r="HG37" s="300"/>
      <c r="HH37" s="295">
        <v>0</v>
      </c>
      <c r="HI37" s="295">
        <v>0</v>
      </c>
      <c r="HJ37" s="295">
        <v>0</v>
      </c>
      <c r="HK37" s="295">
        <v>0</v>
      </c>
      <c r="HL37" s="295">
        <v>0</v>
      </c>
      <c r="HM37" s="298">
        <v>0</v>
      </c>
      <c r="HN37" s="299">
        <v>0</v>
      </c>
      <c r="HO37" s="294">
        <v>0</v>
      </c>
      <c r="HP37" s="295">
        <v>0</v>
      </c>
      <c r="HQ37" s="296">
        <v>0</v>
      </c>
      <c r="HR37" s="297">
        <v>0</v>
      </c>
      <c r="HS37" s="295">
        <v>24831</v>
      </c>
      <c r="HT37" s="295">
        <v>100082</v>
      </c>
      <c r="HU37" s="295">
        <v>177413</v>
      </c>
      <c r="HV37" s="295">
        <v>609023</v>
      </c>
      <c r="HW37" s="295">
        <v>366668</v>
      </c>
      <c r="HX37" s="298">
        <v>1278017</v>
      </c>
      <c r="HY37" s="299">
        <v>1278017</v>
      </c>
    </row>
    <row r="38" spans="2:233" ht="21" customHeight="1" x14ac:dyDescent="0.2">
      <c r="B38" s="292" t="s">
        <v>35</v>
      </c>
      <c r="C38" s="294">
        <v>0</v>
      </c>
      <c r="D38" s="295">
        <v>0</v>
      </c>
      <c r="E38" s="296">
        <v>0</v>
      </c>
      <c r="F38" s="297">
        <v>0</v>
      </c>
      <c r="G38" s="295">
        <v>271765</v>
      </c>
      <c r="H38" s="295">
        <v>295245</v>
      </c>
      <c r="I38" s="295">
        <v>635482</v>
      </c>
      <c r="J38" s="295">
        <v>677675</v>
      </c>
      <c r="K38" s="295">
        <v>486125</v>
      </c>
      <c r="L38" s="298">
        <v>2366292</v>
      </c>
      <c r="M38" s="299">
        <v>2366292</v>
      </c>
      <c r="N38" s="294">
        <v>0</v>
      </c>
      <c r="O38" s="295">
        <v>0</v>
      </c>
      <c r="P38" s="296">
        <v>0</v>
      </c>
      <c r="Q38" s="300"/>
      <c r="R38" s="295">
        <v>2635</v>
      </c>
      <c r="S38" s="295">
        <v>57350</v>
      </c>
      <c r="T38" s="295">
        <v>304730</v>
      </c>
      <c r="U38" s="295">
        <v>391215</v>
      </c>
      <c r="V38" s="295">
        <v>274460</v>
      </c>
      <c r="W38" s="298">
        <v>1030390</v>
      </c>
      <c r="X38" s="299">
        <v>1030390</v>
      </c>
      <c r="Y38" s="294">
        <v>0</v>
      </c>
      <c r="Z38" s="295">
        <v>0</v>
      </c>
      <c r="AA38" s="296">
        <v>0</v>
      </c>
      <c r="AB38" s="300"/>
      <c r="AC38" s="295">
        <v>230945</v>
      </c>
      <c r="AD38" s="295">
        <v>234050</v>
      </c>
      <c r="AE38" s="295">
        <v>233290</v>
      </c>
      <c r="AF38" s="295">
        <v>210025</v>
      </c>
      <c r="AG38" s="295">
        <v>8055</v>
      </c>
      <c r="AH38" s="298">
        <v>916365</v>
      </c>
      <c r="AI38" s="299">
        <v>916365</v>
      </c>
      <c r="AJ38" s="294">
        <v>0</v>
      </c>
      <c r="AK38" s="295">
        <v>0</v>
      </c>
      <c r="AL38" s="296">
        <v>0</v>
      </c>
      <c r="AM38" s="300"/>
      <c r="AN38" s="295">
        <v>0</v>
      </c>
      <c r="AO38" s="295">
        <v>0</v>
      </c>
      <c r="AP38" s="295">
        <v>0</v>
      </c>
      <c r="AQ38" s="295">
        <v>0</v>
      </c>
      <c r="AR38" s="295">
        <v>0</v>
      </c>
      <c r="AS38" s="298">
        <v>0</v>
      </c>
      <c r="AT38" s="299">
        <v>0</v>
      </c>
      <c r="AU38" s="294">
        <v>0</v>
      </c>
      <c r="AV38" s="295">
        <v>0</v>
      </c>
      <c r="AW38" s="296">
        <v>0</v>
      </c>
      <c r="AX38" s="300"/>
      <c r="AY38" s="295">
        <v>37975</v>
      </c>
      <c r="AZ38" s="295">
        <v>0</v>
      </c>
      <c r="BA38" s="295">
        <v>73625</v>
      </c>
      <c r="BB38" s="295">
        <v>60140</v>
      </c>
      <c r="BC38" s="295">
        <v>203610</v>
      </c>
      <c r="BD38" s="298">
        <v>375350</v>
      </c>
      <c r="BE38" s="299">
        <v>375350</v>
      </c>
      <c r="BF38" s="294">
        <v>0</v>
      </c>
      <c r="BG38" s="295">
        <v>0</v>
      </c>
      <c r="BH38" s="296">
        <v>0</v>
      </c>
      <c r="BI38" s="300"/>
      <c r="BJ38" s="295">
        <v>0</v>
      </c>
      <c r="BK38" s="295">
        <v>0</v>
      </c>
      <c r="BL38" s="295">
        <v>0</v>
      </c>
      <c r="BM38" s="295">
        <v>0</v>
      </c>
      <c r="BN38" s="295">
        <v>0</v>
      </c>
      <c r="BO38" s="298">
        <v>0</v>
      </c>
      <c r="BP38" s="299">
        <v>0</v>
      </c>
      <c r="BQ38" s="294">
        <v>0</v>
      </c>
      <c r="BR38" s="295">
        <v>0</v>
      </c>
      <c r="BS38" s="296">
        <v>0</v>
      </c>
      <c r="BT38" s="297">
        <v>0</v>
      </c>
      <c r="BU38" s="295">
        <v>210</v>
      </c>
      <c r="BV38" s="295">
        <v>3845</v>
      </c>
      <c r="BW38" s="295">
        <v>22587</v>
      </c>
      <c r="BX38" s="295">
        <v>16295</v>
      </c>
      <c r="BY38" s="295">
        <v>0</v>
      </c>
      <c r="BZ38" s="298">
        <v>42937</v>
      </c>
      <c r="CA38" s="299">
        <v>42937</v>
      </c>
      <c r="CB38" s="294">
        <v>0</v>
      </c>
      <c r="CC38" s="295">
        <v>0</v>
      </c>
      <c r="CD38" s="296">
        <v>0</v>
      </c>
      <c r="CE38" s="297">
        <v>0</v>
      </c>
      <c r="CF38" s="295">
        <v>0</v>
      </c>
      <c r="CG38" s="295">
        <v>0</v>
      </c>
      <c r="CH38" s="295">
        <v>1250</v>
      </c>
      <c r="CI38" s="295">
        <v>0</v>
      </c>
      <c r="CJ38" s="295">
        <v>0</v>
      </c>
      <c r="CK38" s="298">
        <v>1250</v>
      </c>
      <c r="CL38" s="299">
        <v>1250</v>
      </c>
      <c r="CM38" s="294">
        <v>0</v>
      </c>
      <c r="CN38" s="295">
        <v>0</v>
      </c>
      <c r="CO38" s="296">
        <v>0</v>
      </c>
      <c r="CP38" s="297">
        <v>0</v>
      </c>
      <c r="CQ38" s="295">
        <v>0</v>
      </c>
      <c r="CR38" s="295">
        <v>0</v>
      </c>
      <c r="CS38" s="295">
        <v>0</v>
      </c>
      <c r="CT38" s="295">
        <v>0</v>
      </c>
      <c r="CU38" s="295">
        <v>0</v>
      </c>
      <c r="CV38" s="298">
        <v>0</v>
      </c>
      <c r="CW38" s="299">
        <v>0</v>
      </c>
      <c r="CX38" s="294">
        <v>0</v>
      </c>
      <c r="CY38" s="295">
        <v>0</v>
      </c>
      <c r="CZ38" s="296">
        <v>0</v>
      </c>
      <c r="DA38" s="300"/>
      <c r="DB38" s="295">
        <v>0</v>
      </c>
      <c r="DC38" s="295">
        <v>0</v>
      </c>
      <c r="DD38" s="295">
        <v>0</v>
      </c>
      <c r="DE38" s="295">
        <v>0</v>
      </c>
      <c r="DF38" s="295">
        <v>0</v>
      </c>
      <c r="DG38" s="298">
        <v>0</v>
      </c>
      <c r="DH38" s="299">
        <v>0</v>
      </c>
      <c r="DI38" s="294">
        <v>0</v>
      </c>
      <c r="DJ38" s="295">
        <v>0</v>
      </c>
      <c r="DK38" s="296">
        <v>0</v>
      </c>
      <c r="DL38" s="297">
        <v>0</v>
      </c>
      <c r="DM38" s="295">
        <v>40046</v>
      </c>
      <c r="DN38" s="295">
        <v>54482</v>
      </c>
      <c r="DO38" s="295">
        <v>426643</v>
      </c>
      <c r="DP38" s="295">
        <v>460202</v>
      </c>
      <c r="DQ38" s="295">
        <v>320250</v>
      </c>
      <c r="DR38" s="298">
        <v>1301623</v>
      </c>
      <c r="DS38" s="301">
        <v>1301623</v>
      </c>
      <c r="DT38" s="294">
        <v>0</v>
      </c>
      <c r="DU38" s="295">
        <v>0</v>
      </c>
      <c r="DV38" s="296">
        <v>0</v>
      </c>
      <c r="DW38" s="300"/>
      <c r="DX38" s="295">
        <v>15035</v>
      </c>
      <c r="DY38" s="295">
        <v>36611</v>
      </c>
      <c r="DZ38" s="295">
        <v>371535</v>
      </c>
      <c r="EA38" s="295">
        <v>399820</v>
      </c>
      <c r="EB38" s="295">
        <v>261702</v>
      </c>
      <c r="EC38" s="298">
        <v>1084703</v>
      </c>
      <c r="ED38" s="299">
        <v>1084703</v>
      </c>
      <c r="EE38" s="294">
        <v>0</v>
      </c>
      <c r="EF38" s="295">
        <v>0</v>
      </c>
      <c r="EG38" s="296">
        <v>0</v>
      </c>
      <c r="EH38" s="300"/>
      <c r="EI38" s="295">
        <v>21935</v>
      </c>
      <c r="EJ38" s="295">
        <v>2604</v>
      </c>
      <c r="EK38" s="295">
        <v>2707</v>
      </c>
      <c r="EL38" s="295">
        <v>1953</v>
      </c>
      <c r="EM38" s="295">
        <v>56</v>
      </c>
      <c r="EN38" s="298">
        <v>29255</v>
      </c>
      <c r="EO38" s="299">
        <v>29255</v>
      </c>
      <c r="EP38" s="294">
        <v>0</v>
      </c>
      <c r="EQ38" s="295">
        <v>0</v>
      </c>
      <c r="ER38" s="296">
        <v>0</v>
      </c>
      <c r="ES38" s="300"/>
      <c r="ET38" s="295">
        <v>0</v>
      </c>
      <c r="EU38" s="295">
        <v>0</v>
      </c>
      <c r="EV38" s="295">
        <v>0</v>
      </c>
      <c r="EW38" s="295">
        <v>0</v>
      </c>
      <c r="EX38" s="295">
        <v>0</v>
      </c>
      <c r="EY38" s="298">
        <v>0</v>
      </c>
      <c r="EZ38" s="299">
        <v>0</v>
      </c>
      <c r="FA38" s="294">
        <v>0</v>
      </c>
      <c r="FB38" s="295">
        <v>0</v>
      </c>
      <c r="FC38" s="296">
        <v>0</v>
      </c>
      <c r="FD38" s="300"/>
      <c r="FE38" s="295">
        <v>651</v>
      </c>
      <c r="FF38" s="295">
        <v>0</v>
      </c>
      <c r="FG38" s="295">
        <v>23591</v>
      </c>
      <c r="FH38" s="295">
        <v>12044</v>
      </c>
      <c r="FI38" s="295">
        <v>58492</v>
      </c>
      <c r="FJ38" s="298">
        <v>94778</v>
      </c>
      <c r="FK38" s="299">
        <v>94778</v>
      </c>
      <c r="FL38" s="294">
        <v>0</v>
      </c>
      <c r="FM38" s="295">
        <v>0</v>
      </c>
      <c r="FN38" s="296">
        <v>0</v>
      </c>
      <c r="FO38" s="300"/>
      <c r="FP38" s="295">
        <v>0</v>
      </c>
      <c r="FQ38" s="295">
        <v>0</v>
      </c>
      <c r="FR38" s="295">
        <v>0</v>
      </c>
      <c r="FS38" s="295">
        <v>0</v>
      </c>
      <c r="FT38" s="295">
        <v>0</v>
      </c>
      <c r="FU38" s="298">
        <v>0</v>
      </c>
      <c r="FV38" s="299">
        <v>0</v>
      </c>
      <c r="FW38" s="294">
        <v>0</v>
      </c>
      <c r="FX38" s="295">
        <v>0</v>
      </c>
      <c r="FY38" s="296">
        <v>0</v>
      </c>
      <c r="FZ38" s="297">
        <v>0</v>
      </c>
      <c r="GA38" s="295">
        <v>2425</v>
      </c>
      <c r="GB38" s="295">
        <v>17567</v>
      </c>
      <c r="GC38" s="295">
        <v>28782</v>
      </c>
      <c r="GD38" s="295">
        <v>46385</v>
      </c>
      <c r="GE38" s="295">
        <v>0</v>
      </c>
      <c r="GF38" s="298">
        <v>95159</v>
      </c>
      <c r="GG38" s="299">
        <v>95159</v>
      </c>
      <c r="GH38" s="294">
        <v>0</v>
      </c>
      <c r="GI38" s="295">
        <v>0</v>
      </c>
      <c r="GJ38" s="296">
        <v>0</v>
      </c>
      <c r="GK38" s="297">
        <v>0</v>
      </c>
      <c r="GL38" s="295">
        <v>0</v>
      </c>
      <c r="GM38" s="295">
        <v>-2300</v>
      </c>
      <c r="GN38" s="295">
        <v>28</v>
      </c>
      <c r="GO38" s="295">
        <v>0</v>
      </c>
      <c r="GP38" s="295">
        <v>0</v>
      </c>
      <c r="GQ38" s="298">
        <v>-2272</v>
      </c>
      <c r="GR38" s="299">
        <v>-2272</v>
      </c>
      <c r="GS38" s="294">
        <v>0</v>
      </c>
      <c r="GT38" s="295">
        <v>0</v>
      </c>
      <c r="GU38" s="296">
        <v>0</v>
      </c>
      <c r="GV38" s="297">
        <v>0</v>
      </c>
      <c r="GW38" s="295">
        <v>0</v>
      </c>
      <c r="GX38" s="295">
        <v>0</v>
      </c>
      <c r="GY38" s="295">
        <v>0</v>
      </c>
      <c r="GZ38" s="295">
        <v>0</v>
      </c>
      <c r="HA38" s="295">
        <v>0</v>
      </c>
      <c r="HB38" s="298">
        <v>0</v>
      </c>
      <c r="HC38" s="299">
        <v>0</v>
      </c>
      <c r="HD38" s="294">
        <v>0</v>
      </c>
      <c r="HE38" s="295">
        <v>0</v>
      </c>
      <c r="HF38" s="296">
        <v>0</v>
      </c>
      <c r="HG38" s="300"/>
      <c r="HH38" s="295">
        <v>0</v>
      </c>
      <c r="HI38" s="295">
        <v>0</v>
      </c>
      <c r="HJ38" s="295">
        <v>0</v>
      </c>
      <c r="HK38" s="295">
        <v>0</v>
      </c>
      <c r="HL38" s="295">
        <v>0</v>
      </c>
      <c r="HM38" s="298">
        <v>0</v>
      </c>
      <c r="HN38" s="299">
        <v>0</v>
      </c>
      <c r="HO38" s="294">
        <v>0</v>
      </c>
      <c r="HP38" s="295">
        <v>0</v>
      </c>
      <c r="HQ38" s="296">
        <v>0</v>
      </c>
      <c r="HR38" s="297">
        <v>0</v>
      </c>
      <c r="HS38" s="295">
        <v>311811</v>
      </c>
      <c r="HT38" s="295">
        <v>349727</v>
      </c>
      <c r="HU38" s="295">
        <v>1062125</v>
      </c>
      <c r="HV38" s="295">
        <v>1137877</v>
      </c>
      <c r="HW38" s="295">
        <v>806375</v>
      </c>
      <c r="HX38" s="298">
        <v>3667915</v>
      </c>
      <c r="HY38" s="299">
        <v>3667915</v>
      </c>
    </row>
    <row r="39" spans="2:233" ht="21" customHeight="1" x14ac:dyDescent="0.2">
      <c r="B39" s="292" t="s">
        <v>36</v>
      </c>
      <c r="C39" s="294">
        <v>0</v>
      </c>
      <c r="D39" s="295">
        <v>0</v>
      </c>
      <c r="E39" s="296">
        <v>0</v>
      </c>
      <c r="F39" s="297">
        <v>0</v>
      </c>
      <c r="G39" s="295">
        <v>186177</v>
      </c>
      <c r="H39" s="295">
        <v>171085</v>
      </c>
      <c r="I39" s="295">
        <v>830935</v>
      </c>
      <c r="J39" s="295">
        <v>847312</v>
      </c>
      <c r="K39" s="295">
        <v>681284</v>
      </c>
      <c r="L39" s="298">
        <v>2716793</v>
      </c>
      <c r="M39" s="299">
        <v>2716793</v>
      </c>
      <c r="N39" s="294">
        <v>0</v>
      </c>
      <c r="O39" s="295">
        <v>0</v>
      </c>
      <c r="P39" s="296">
        <v>0</v>
      </c>
      <c r="Q39" s="300"/>
      <c r="R39" s="295">
        <v>0</v>
      </c>
      <c r="S39" s="295">
        <v>32705</v>
      </c>
      <c r="T39" s="295">
        <v>518445</v>
      </c>
      <c r="U39" s="295">
        <v>505455</v>
      </c>
      <c r="V39" s="295">
        <v>459700</v>
      </c>
      <c r="W39" s="298">
        <v>1516305</v>
      </c>
      <c r="X39" s="299">
        <v>1516305</v>
      </c>
      <c r="Y39" s="294">
        <v>0</v>
      </c>
      <c r="Z39" s="295">
        <v>0</v>
      </c>
      <c r="AA39" s="296">
        <v>0</v>
      </c>
      <c r="AB39" s="300"/>
      <c r="AC39" s="295">
        <v>167787</v>
      </c>
      <c r="AD39" s="295">
        <v>104350</v>
      </c>
      <c r="AE39" s="295">
        <v>302180</v>
      </c>
      <c r="AF39" s="295">
        <v>261622</v>
      </c>
      <c r="AG39" s="295">
        <v>212129</v>
      </c>
      <c r="AH39" s="298">
        <v>1048068</v>
      </c>
      <c r="AI39" s="299">
        <v>1048068</v>
      </c>
      <c r="AJ39" s="294">
        <v>0</v>
      </c>
      <c r="AK39" s="295">
        <v>0</v>
      </c>
      <c r="AL39" s="296">
        <v>0</v>
      </c>
      <c r="AM39" s="300"/>
      <c r="AN39" s="295">
        <v>0</v>
      </c>
      <c r="AO39" s="295">
        <v>0</v>
      </c>
      <c r="AP39" s="295">
        <v>0</v>
      </c>
      <c r="AQ39" s="295">
        <v>0</v>
      </c>
      <c r="AR39" s="295">
        <v>0</v>
      </c>
      <c r="AS39" s="298">
        <v>0</v>
      </c>
      <c r="AT39" s="299">
        <v>0</v>
      </c>
      <c r="AU39" s="294">
        <v>0</v>
      </c>
      <c r="AV39" s="295">
        <v>0</v>
      </c>
      <c r="AW39" s="296">
        <v>0</v>
      </c>
      <c r="AX39" s="300"/>
      <c r="AY39" s="295">
        <v>0</v>
      </c>
      <c r="AZ39" s="295">
        <v>0</v>
      </c>
      <c r="BA39" s="295">
        <v>0</v>
      </c>
      <c r="BB39" s="295">
        <v>78605</v>
      </c>
      <c r="BC39" s="295">
        <v>8440</v>
      </c>
      <c r="BD39" s="298">
        <v>87045</v>
      </c>
      <c r="BE39" s="299">
        <v>87045</v>
      </c>
      <c r="BF39" s="294">
        <v>0</v>
      </c>
      <c r="BG39" s="295">
        <v>0</v>
      </c>
      <c r="BH39" s="296">
        <v>0</v>
      </c>
      <c r="BI39" s="300"/>
      <c r="BJ39" s="295">
        <v>0</v>
      </c>
      <c r="BK39" s="295">
        <v>0</v>
      </c>
      <c r="BL39" s="295">
        <v>0</v>
      </c>
      <c r="BM39" s="295">
        <v>0</v>
      </c>
      <c r="BN39" s="295">
        <v>0</v>
      </c>
      <c r="BO39" s="298">
        <v>0</v>
      </c>
      <c r="BP39" s="299">
        <v>0</v>
      </c>
      <c r="BQ39" s="294">
        <v>0</v>
      </c>
      <c r="BR39" s="295">
        <v>0</v>
      </c>
      <c r="BS39" s="296">
        <v>0</v>
      </c>
      <c r="BT39" s="297">
        <v>0</v>
      </c>
      <c r="BU39" s="295">
        <v>18390</v>
      </c>
      <c r="BV39" s="295">
        <v>34030</v>
      </c>
      <c r="BW39" s="295">
        <v>10310</v>
      </c>
      <c r="BX39" s="295">
        <v>720</v>
      </c>
      <c r="BY39" s="295">
        <v>1015</v>
      </c>
      <c r="BZ39" s="298">
        <v>64465</v>
      </c>
      <c r="CA39" s="299">
        <v>64465</v>
      </c>
      <c r="CB39" s="294">
        <v>0</v>
      </c>
      <c r="CC39" s="295">
        <v>0</v>
      </c>
      <c r="CD39" s="296">
        <v>0</v>
      </c>
      <c r="CE39" s="297">
        <v>0</v>
      </c>
      <c r="CF39" s="295">
        <v>0</v>
      </c>
      <c r="CG39" s="295">
        <v>0</v>
      </c>
      <c r="CH39" s="295">
        <v>0</v>
      </c>
      <c r="CI39" s="295">
        <v>910</v>
      </c>
      <c r="CJ39" s="295">
        <v>0</v>
      </c>
      <c r="CK39" s="298">
        <v>910</v>
      </c>
      <c r="CL39" s="299">
        <v>910</v>
      </c>
      <c r="CM39" s="294">
        <v>0</v>
      </c>
      <c r="CN39" s="295">
        <v>0</v>
      </c>
      <c r="CO39" s="296">
        <v>0</v>
      </c>
      <c r="CP39" s="297">
        <v>0</v>
      </c>
      <c r="CQ39" s="295">
        <v>0</v>
      </c>
      <c r="CR39" s="295">
        <v>0</v>
      </c>
      <c r="CS39" s="295">
        <v>0</v>
      </c>
      <c r="CT39" s="295">
        <v>0</v>
      </c>
      <c r="CU39" s="295">
        <v>0</v>
      </c>
      <c r="CV39" s="298">
        <v>0</v>
      </c>
      <c r="CW39" s="299">
        <v>0</v>
      </c>
      <c r="CX39" s="294">
        <v>0</v>
      </c>
      <c r="CY39" s="295">
        <v>0</v>
      </c>
      <c r="CZ39" s="296">
        <v>0</v>
      </c>
      <c r="DA39" s="300"/>
      <c r="DB39" s="295">
        <v>0</v>
      </c>
      <c r="DC39" s="295">
        <v>0</v>
      </c>
      <c r="DD39" s="295">
        <v>0</v>
      </c>
      <c r="DE39" s="295">
        <v>0</v>
      </c>
      <c r="DF39" s="295">
        <v>0</v>
      </c>
      <c r="DG39" s="298">
        <v>0</v>
      </c>
      <c r="DH39" s="299">
        <v>0</v>
      </c>
      <c r="DI39" s="294">
        <v>0</v>
      </c>
      <c r="DJ39" s="295">
        <v>0</v>
      </c>
      <c r="DK39" s="296">
        <v>0</v>
      </c>
      <c r="DL39" s="297">
        <v>0</v>
      </c>
      <c r="DM39" s="295">
        <v>41744</v>
      </c>
      <c r="DN39" s="295">
        <v>61116</v>
      </c>
      <c r="DO39" s="295">
        <v>625411</v>
      </c>
      <c r="DP39" s="295">
        <v>794133</v>
      </c>
      <c r="DQ39" s="295">
        <v>663790</v>
      </c>
      <c r="DR39" s="298">
        <v>2186194</v>
      </c>
      <c r="DS39" s="301">
        <v>2186194</v>
      </c>
      <c r="DT39" s="294">
        <v>0</v>
      </c>
      <c r="DU39" s="295">
        <v>0</v>
      </c>
      <c r="DV39" s="296">
        <v>0</v>
      </c>
      <c r="DW39" s="300"/>
      <c r="DX39" s="295">
        <v>0</v>
      </c>
      <c r="DY39" s="295">
        <v>15035</v>
      </c>
      <c r="DZ39" s="295">
        <v>558957</v>
      </c>
      <c r="EA39" s="295">
        <v>749783</v>
      </c>
      <c r="EB39" s="295">
        <v>647550</v>
      </c>
      <c r="EC39" s="298">
        <v>1971325</v>
      </c>
      <c r="ED39" s="299">
        <v>1971325</v>
      </c>
      <c r="EE39" s="294">
        <v>0</v>
      </c>
      <c r="EF39" s="295">
        <v>0</v>
      </c>
      <c r="EG39" s="296">
        <v>0</v>
      </c>
      <c r="EH39" s="300"/>
      <c r="EI39" s="295">
        <v>14074</v>
      </c>
      <c r="EJ39" s="295">
        <v>1694</v>
      </c>
      <c r="EK39" s="295">
        <v>27125</v>
      </c>
      <c r="EL39" s="295">
        <v>25461</v>
      </c>
      <c r="EM39" s="295">
        <v>2905</v>
      </c>
      <c r="EN39" s="298">
        <v>71259</v>
      </c>
      <c r="EO39" s="299">
        <v>71259</v>
      </c>
      <c r="EP39" s="294">
        <v>0</v>
      </c>
      <c r="EQ39" s="295">
        <v>0</v>
      </c>
      <c r="ER39" s="296">
        <v>0</v>
      </c>
      <c r="ES39" s="300"/>
      <c r="ET39" s="295">
        <v>0</v>
      </c>
      <c r="EU39" s="295">
        <v>0</v>
      </c>
      <c r="EV39" s="295">
        <v>0</v>
      </c>
      <c r="EW39" s="295">
        <v>0</v>
      </c>
      <c r="EX39" s="295">
        <v>0</v>
      </c>
      <c r="EY39" s="298">
        <v>0</v>
      </c>
      <c r="EZ39" s="299">
        <v>0</v>
      </c>
      <c r="FA39" s="294">
        <v>0</v>
      </c>
      <c r="FB39" s="295">
        <v>0</v>
      </c>
      <c r="FC39" s="296">
        <v>0</v>
      </c>
      <c r="FD39" s="300"/>
      <c r="FE39" s="295">
        <v>0</v>
      </c>
      <c r="FF39" s="295">
        <v>0</v>
      </c>
      <c r="FG39" s="295">
        <v>0</v>
      </c>
      <c r="FH39" s="295">
        <v>12555</v>
      </c>
      <c r="FI39" s="295">
        <v>196</v>
      </c>
      <c r="FJ39" s="298">
        <v>12751</v>
      </c>
      <c r="FK39" s="299">
        <v>12751</v>
      </c>
      <c r="FL39" s="294">
        <v>0</v>
      </c>
      <c r="FM39" s="295">
        <v>0</v>
      </c>
      <c r="FN39" s="296">
        <v>0</v>
      </c>
      <c r="FO39" s="300"/>
      <c r="FP39" s="295">
        <v>0</v>
      </c>
      <c r="FQ39" s="295">
        <v>0</v>
      </c>
      <c r="FR39" s="295">
        <v>0</v>
      </c>
      <c r="FS39" s="295">
        <v>0</v>
      </c>
      <c r="FT39" s="295">
        <v>0</v>
      </c>
      <c r="FU39" s="298">
        <v>0</v>
      </c>
      <c r="FV39" s="299">
        <v>0</v>
      </c>
      <c r="FW39" s="294">
        <v>0</v>
      </c>
      <c r="FX39" s="295">
        <v>0</v>
      </c>
      <c r="FY39" s="296">
        <v>0</v>
      </c>
      <c r="FZ39" s="297">
        <v>0</v>
      </c>
      <c r="GA39" s="295">
        <v>27670</v>
      </c>
      <c r="GB39" s="295">
        <v>44387</v>
      </c>
      <c r="GC39" s="295">
        <v>39329</v>
      </c>
      <c r="GD39" s="295">
        <v>6264</v>
      </c>
      <c r="GE39" s="295">
        <v>13139</v>
      </c>
      <c r="GF39" s="298">
        <v>130789</v>
      </c>
      <c r="GG39" s="299">
        <v>130789</v>
      </c>
      <c r="GH39" s="294">
        <v>0</v>
      </c>
      <c r="GI39" s="295">
        <v>0</v>
      </c>
      <c r="GJ39" s="296">
        <v>0</v>
      </c>
      <c r="GK39" s="297">
        <v>0</v>
      </c>
      <c r="GL39" s="295">
        <v>0</v>
      </c>
      <c r="GM39" s="295">
        <v>0</v>
      </c>
      <c r="GN39" s="295">
        <v>0</v>
      </c>
      <c r="GO39" s="295">
        <v>70</v>
      </c>
      <c r="GP39" s="295">
        <v>0</v>
      </c>
      <c r="GQ39" s="298">
        <v>70</v>
      </c>
      <c r="GR39" s="299">
        <v>70</v>
      </c>
      <c r="GS39" s="294">
        <v>0</v>
      </c>
      <c r="GT39" s="295">
        <v>0</v>
      </c>
      <c r="GU39" s="296">
        <v>0</v>
      </c>
      <c r="GV39" s="297">
        <v>0</v>
      </c>
      <c r="GW39" s="295">
        <v>0</v>
      </c>
      <c r="GX39" s="295">
        <v>0</v>
      </c>
      <c r="GY39" s="295">
        <v>0</v>
      </c>
      <c r="GZ39" s="295">
        <v>0</v>
      </c>
      <c r="HA39" s="295">
        <v>0</v>
      </c>
      <c r="HB39" s="298">
        <v>0</v>
      </c>
      <c r="HC39" s="299">
        <v>0</v>
      </c>
      <c r="HD39" s="294">
        <v>0</v>
      </c>
      <c r="HE39" s="295">
        <v>0</v>
      </c>
      <c r="HF39" s="296">
        <v>0</v>
      </c>
      <c r="HG39" s="300"/>
      <c r="HH39" s="295">
        <v>0</v>
      </c>
      <c r="HI39" s="295">
        <v>0</v>
      </c>
      <c r="HJ39" s="295">
        <v>0</v>
      </c>
      <c r="HK39" s="295">
        <v>0</v>
      </c>
      <c r="HL39" s="295">
        <v>0</v>
      </c>
      <c r="HM39" s="298">
        <v>0</v>
      </c>
      <c r="HN39" s="299">
        <v>0</v>
      </c>
      <c r="HO39" s="294">
        <v>0</v>
      </c>
      <c r="HP39" s="295">
        <v>0</v>
      </c>
      <c r="HQ39" s="296">
        <v>0</v>
      </c>
      <c r="HR39" s="297">
        <v>0</v>
      </c>
      <c r="HS39" s="295">
        <v>227921</v>
      </c>
      <c r="HT39" s="295">
        <v>232201</v>
      </c>
      <c r="HU39" s="295">
        <v>1456346</v>
      </c>
      <c r="HV39" s="295">
        <v>1641445</v>
      </c>
      <c r="HW39" s="295">
        <v>1345074</v>
      </c>
      <c r="HX39" s="298">
        <v>4902987</v>
      </c>
      <c r="HY39" s="299">
        <v>4902987</v>
      </c>
    </row>
    <row r="40" spans="2:233" ht="21" customHeight="1" thickBot="1" x14ac:dyDescent="0.25">
      <c r="B40" s="293" t="s">
        <v>37</v>
      </c>
      <c r="C40" s="302">
        <v>0</v>
      </c>
      <c r="D40" s="303">
        <v>0</v>
      </c>
      <c r="E40" s="304">
        <v>0</v>
      </c>
      <c r="F40" s="305">
        <v>0</v>
      </c>
      <c r="G40" s="303">
        <v>3380</v>
      </c>
      <c r="H40" s="303">
        <v>0</v>
      </c>
      <c r="I40" s="303">
        <v>109260</v>
      </c>
      <c r="J40" s="303">
        <v>67825</v>
      </c>
      <c r="K40" s="303">
        <v>35340</v>
      </c>
      <c r="L40" s="306">
        <v>215805</v>
      </c>
      <c r="M40" s="307">
        <v>215805</v>
      </c>
      <c r="N40" s="302">
        <v>0</v>
      </c>
      <c r="O40" s="303">
        <v>0</v>
      </c>
      <c r="P40" s="304">
        <v>0</v>
      </c>
      <c r="Q40" s="308"/>
      <c r="R40" s="303">
        <v>0</v>
      </c>
      <c r="S40" s="303">
        <v>0</v>
      </c>
      <c r="T40" s="303">
        <v>54850</v>
      </c>
      <c r="U40" s="303">
        <v>2635</v>
      </c>
      <c r="V40" s="303">
        <v>35340</v>
      </c>
      <c r="W40" s="306">
        <v>92825</v>
      </c>
      <c r="X40" s="307">
        <v>92825</v>
      </c>
      <c r="Y40" s="302">
        <v>0</v>
      </c>
      <c r="Z40" s="303">
        <v>0</v>
      </c>
      <c r="AA40" s="304">
        <v>0</v>
      </c>
      <c r="AB40" s="308"/>
      <c r="AC40" s="303">
        <v>0</v>
      </c>
      <c r="AD40" s="303">
        <v>0</v>
      </c>
      <c r="AE40" s="303">
        <v>51925</v>
      </c>
      <c r="AF40" s="303">
        <v>59985</v>
      </c>
      <c r="AG40" s="303">
        <v>0</v>
      </c>
      <c r="AH40" s="306">
        <v>111910</v>
      </c>
      <c r="AI40" s="307">
        <v>111910</v>
      </c>
      <c r="AJ40" s="302">
        <v>0</v>
      </c>
      <c r="AK40" s="303">
        <v>0</v>
      </c>
      <c r="AL40" s="304">
        <v>0</v>
      </c>
      <c r="AM40" s="308"/>
      <c r="AN40" s="303">
        <v>0</v>
      </c>
      <c r="AO40" s="303">
        <v>0</v>
      </c>
      <c r="AP40" s="303">
        <v>0</v>
      </c>
      <c r="AQ40" s="303">
        <v>0</v>
      </c>
      <c r="AR40" s="303">
        <v>0</v>
      </c>
      <c r="AS40" s="306">
        <v>0</v>
      </c>
      <c r="AT40" s="307">
        <v>0</v>
      </c>
      <c r="AU40" s="302">
        <v>0</v>
      </c>
      <c r="AV40" s="303">
        <v>0</v>
      </c>
      <c r="AW40" s="304">
        <v>0</v>
      </c>
      <c r="AX40" s="308"/>
      <c r="AY40" s="303">
        <v>0</v>
      </c>
      <c r="AZ40" s="303">
        <v>0</v>
      </c>
      <c r="BA40" s="303">
        <v>0</v>
      </c>
      <c r="BB40" s="303">
        <v>0</v>
      </c>
      <c r="BC40" s="303">
        <v>0</v>
      </c>
      <c r="BD40" s="306">
        <v>0</v>
      </c>
      <c r="BE40" s="307">
        <v>0</v>
      </c>
      <c r="BF40" s="302">
        <v>0</v>
      </c>
      <c r="BG40" s="303">
        <v>0</v>
      </c>
      <c r="BH40" s="304">
        <v>0</v>
      </c>
      <c r="BI40" s="308"/>
      <c r="BJ40" s="303">
        <v>0</v>
      </c>
      <c r="BK40" s="303">
        <v>0</v>
      </c>
      <c r="BL40" s="303">
        <v>0</v>
      </c>
      <c r="BM40" s="303">
        <v>0</v>
      </c>
      <c r="BN40" s="303">
        <v>0</v>
      </c>
      <c r="BO40" s="306">
        <v>0</v>
      </c>
      <c r="BP40" s="307">
        <v>0</v>
      </c>
      <c r="BQ40" s="302">
        <v>0</v>
      </c>
      <c r="BR40" s="303">
        <v>0</v>
      </c>
      <c r="BS40" s="304">
        <v>0</v>
      </c>
      <c r="BT40" s="305">
        <v>0</v>
      </c>
      <c r="BU40" s="303">
        <v>3380</v>
      </c>
      <c r="BV40" s="303">
        <v>0</v>
      </c>
      <c r="BW40" s="303">
        <v>2485</v>
      </c>
      <c r="BX40" s="303">
        <v>5205</v>
      </c>
      <c r="BY40" s="303">
        <v>0</v>
      </c>
      <c r="BZ40" s="306">
        <v>11070</v>
      </c>
      <c r="CA40" s="307">
        <v>11070</v>
      </c>
      <c r="CB40" s="302">
        <v>0</v>
      </c>
      <c r="CC40" s="303">
        <v>0</v>
      </c>
      <c r="CD40" s="304">
        <v>0</v>
      </c>
      <c r="CE40" s="305">
        <v>0</v>
      </c>
      <c r="CF40" s="303">
        <v>0</v>
      </c>
      <c r="CG40" s="303">
        <v>0</v>
      </c>
      <c r="CH40" s="303">
        <v>0</v>
      </c>
      <c r="CI40" s="303">
        <v>0</v>
      </c>
      <c r="CJ40" s="303">
        <v>0</v>
      </c>
      <c r="CK40" s="306">
        <v>0</v>
      </c>
      <c r="CL40" s="307">
        <v>0</v>
      </c>
      <c r="CM40" s="302">
        <v>0</v>
      </c>
      <c r="CN40" s="303">
        <v>0</v>
      </c>
      <c r="CO40" s="304">
        <v>0</v>
      </c>
      <c r="CP40" s="305">
        <v>0</v>
      </c>
      <c r="CQ40" s="303">
        <v>0</v>
      </c>
      <c r="CR40" s="303">
        <v>0</v>
      </c>
      <c r="CS40" s="303">
        <v>0</v>
      </c>
      <c r="CT40" s="303">
        <v>0</v>
      </c>
      <c r="CU40" s="303">
        <v>0</v>
      </c>
      <c r="CV40" s="306">
        <v>0</v>
      </c>
      <c r="CW40" s="307">
        <v>0</v>
      </c>
      <c r="CX40" s="302">
        <v>0</v>
      </c>
      <c r="CY40" s="303">
        <v>0</v>
      </c>
      <c r="CZ40" s="304">
        <v>0</v>
      </c>
      <c r="DA40" s="308"/>
      <c r="DB40" s="303">
        <v>0</v>
      </c>
      <c r="DC40" s="303">
        <v>0</v>
      </c>
      <c r="DD40" s="303">
        <v>0</v>
      </c>
      <c r="DE40" s="303">
        <v>0</v>
      </c>
      <c r="DF40" s="303">
        <v>0</v>
      </c>
      <c r="DG40" s="306">
        <v>0</v>
      </c>
      <c r="DH40" s="307">
        <v>0</v>
      </c>
      <c r="DI40" s="302">
        <v>0</v>
      </c>
      <c r="DJ40" s="303">
        <v>0</v>
      </c>
      <c r="DK40" s="304">
        <v>0</v>
      </c>
      <c r="DL40" s="305">
        <v>0</v>
      </c>
      <c r="DM40" s="303">
        <v>960</v>
      </c>
      <c r="DN40" s="303">
        <v>0</v>
      </c>
      <c r="DO40" s="303">
        <v>128205</v>
      </c>
      <c r="DP40" s="303">
        <v>21991</v>
      </c>
      <c r="DQ40" s="303">
        <v>30070</v>
      </c>
      <c r="DR40" s="306">
        <v>181226</v>
      </c>
      <c r="DS40" s="309">
        <v>181226</v>
      </c>
      <c r="DT40" s="302">
        <v>0</v>
      </c>
      <c r="DU40" s="303">
        <v>0</v>
      </c>
      <c r="DV40" s="304">
        <v>0</v>
      </c>
      <c r="DW40" s="308"/>
      <c r="DX40" s="303">
        <v>0</v>
      </c>
      <c r="DY40" s="303">
        <v>0</v>
      </c>
      <c r="DZ40" s="303">
        <v>116146</v>
      </c>
      <c r="EA40" s="303">
        <v>15035</v>
      </c>
      <c r="EB40" s="303">
        <v>30070</v>
      </c>
      <c r="EC40" s="306">
        <v>161251</v>
      </c>
      <c r="ED40" s="307">
        <v>161251</v>
      </c>
      <c r="EE40" s="302">
        <v>0</v>
      </c>
      <c r="EF40" s="303">
        <v>0</v>
      </c>
      <c r="EG40" s="304">
        <v>0</v>
      </c>
      <c r="EH40" s="308"/>
      <c r="EI40" s="303">
        <v>0</v>
      </c>
      <c r="EJ40" s="303">
        <v>0</v>
      </c>
      <c r="EK40" s="303">
        <v>651</v>
      </c>
      <c r="EL40" s="303">
        <v>651</v>
      </c>
      <c r="EM40" s="303">
        <v>0</v>
      </c>
      <c r="EN40" s="306">
        <v>1302</v>
      </c>
      <c r="EO40" s="307">
        <v>1302</v>
      </c>
      <c r="EP40" s="302">
        <v>0</v>
      </c>
      <c r="EQ40" s="303">
        <v>0</v>
      </c>
      <c r="ER40" s="304">
        <v>0</v>
      </c>
      <c r="ES40" s="308"/>
      <c r="ET40" s="303">
        <v>0</v>
      </c>
      <c r="EU40" s="303">
        <v>0</v>
      </c>
      <c r="EV40" s="303">
        <v>0</v>
      </c>
      <c r="EW40" s="303">
        <v>0</v>
      </c>
      <c r="EX40" s="303">
        <v>0</v>
      </c>
      <c r="EY40" s="306">
        <v>0</v>
      </c>
      <c r="EZ40" s="307">
        <v>0</v>
      </c>
      <c r="FA40" s="302">
        <v>0</v>
      </c>
      <c r="FB40" s="303">
        <v>0</v>
      </c>
      <c r="FC40" s="304">
        <v>0</v>
      </c>
      <c r="FD40" s="308"/>
      <c r="FE40" s="303">
        <v>0</v>
      </c>
      <c r="FF40" s="303">
        <v>0</v>
      </c>
      <c r="FG40" s="303">
        <v>0</v>
      </c>
      <c r="FH40" s="303">
        <v>0</v>
      </c>
      <c r="FI40" s="303">
        <v>0</v>
      </c>
      <c r="FJ40" s="306">
        <v>0</v>
      </c>
      <c r="FK40" s="307">
        <v>0</v>
      </c>
      <c r="FL40" s="302">
        <v>0</v>
      </c>
      <c r="FM40" s="303">
        <v>0</v>
      </c>
      <c r="FN40" s="304">
        <v>0</v>
      </c>
      <c r="FO40" s="308"/>
      <c r="FP40" s="303">
        <v>0</v>
      </c>
      <c r="FQ40" s="303">
        <v>0</v>
      </c>
      <c r="FR40" s="303">
        <v>0</v>
      </c>
      <c r="FS40" s="303">
        <v>0</v>
      </c>
      <c r="FT40" s="303">
        <v>0</v>
      </c>
      <c r="FU40" s="306">
        <v>0</v>
      </c>
      <c r="FV40" s="307">
        <v>0</v>
      </c>
      <c r="FW40" s="302">
        <v>0</v>
      </c>
      <c r="FX40" s="303">
        <v>0</v>
      </c>
      <c r="FY40" s="304">
        <v>0</v>
      </c>
      <c r="FZ40" s="305">
        <v>0</v>
      </c>
      <c r="GA40" s="303">
        <v>960</v>
      </c>
      <c r="GB40" s="303">
        <v>0</v>
      </c>
      <c r="GC40" s="303">
        <v>11408</v>
      </c>
      <c r="GD40" s="303">
        <v>6305</v>
      </c>
      <c r="GE40" s="303">
        <v>0</v>
      </c>
      <c r="GF40" s="306">
        <v>18673</v>
      </c>
      <c r="GG40" s="307">
        <v>18673</v>
      </c>
      <c r="GH40" s="302">
        <v>0</v>
      </c>
      <c r="GI40" s="303">
        <v>0</v>
      </c>
      <c r="GJ40" s="304">
        <v>0</v>
      </c>
      <c r="GK40" s="305">
        <v>0</v>
      </c>
      <c r="GL40" s="303">
        <v>0</v>
      </c>
      <c r="GM40" s="303">
        <v>0</v>
      </c>
      <c r="GN40" s="303">
        <v>0</v>
      </c>
      <c r="GO40" s="303">
        <v>0</v>
      </c>
      <c r="GP40" s="303">
        <v>0</v>
      </c>
      <c r="GQ40" s="306">
        <v>0</v>
      </c>
      <c r="GR40" s="307">
        <v>0</v>
      </c>
      <c r="GS40" s="302">
        <v>0</v>
      </c>
      <c r="GT40" s="303">
        <v>0</v>
      </c>
      <c r="GU40" s="304">
        <v>0</v>
      </c>
      <c r="GV40" s="305">
        <v>0</v>
      </c>
      <c r="GW40" s="303">
        <v>0</v>
      </c>
      <c r="GX40" s="303">
        <v>0</v>
      </c>
      <c r="GY40" s="303">
        <v>0</v>
      </c>
      <c r="GZ40" s="303">
        <v>0</v>
      </c>
      <c r="HA40" s="303">
        <v>0</v>
      </c>
      <c r="HB40" s="306">
        <v>0</v>
      </c>
      <c r="HC40" s="307">
        <v>0</v>
      </c>
      <c r="HD40" s="302">
        <v>0</v>
      </c>
      <c r="HE40" s="303">
        <v>0</v>
      </c>
      <c r="HF40" s="304">
        <v>0</v>
      </c>
      <c r="HG40" s="308"/>
      <c r="HH40" s="303">
        <v>0</v>
      </c>
      <c r="HI40" s="303">
        <v>0</v>
      </c>
      <c r="HJ40" s="303">
        <v>0</v>
      </c>
      <c r="HK40" s="303">
        <v>0</v>
      </c>
      <c r="HL40" s="303">
        <v>0</v>
      </c>
      <c r="HM40" s="306">
        <v>0</v>
      </c>
      <c r="HN40" s="307">
        <v>0</v>
      </c>
      <c r="HO40" s="302">
        <v>0</v>
      </c>
      <c r="HP40" s="303">
        <v>0</v>
      </c>
      <c r="HQ40" s="304">
        <v>0</v>
      </c>
      <c r="HR40" s="305">
        <v>0</v>
      </c>
      <c r="HS40" s="303">
        <v>4340</v>
      </c>
      <c r="HT40" s="303">
        <v>0</v>
      </c>
      <c r="HU40" s="303">
        <v>237465</v>
      </c>
      <c r="HV40" s="303">
        <v>89816</v>
      </c>
      <c r="HW40" s="303">
        <v>65410</v>
      </c>
      <c r="HX40" s="306">
        <v>397031</v>
      </c>
      <c r="HY40" s="307">
        <v>397031</v>
      </c>
    </row>
    <row r="41" spans="2:233" x14ac:dyDescent="0.2">
      <c r="B41" s="1" t="s">
        <v>84</v>
      </c>
    </row>
  </sheetData>
  <mergeCells count="88">
    <mergeCell ref="FK5:FK6"/>
    <mergeCell ref="HC5:HC6"/>
    <mergeCell ref="HO5:HQ5"/>
    <mergeCell ref="HR5:HX5"/>
    <mergeCell ref="HY5:HY6"/>
    <mergeCell ref="GG5:GG6"/>
    <mergeCell ref="GH5:GJ5"/>
    <mergeCell ref="GK5:GQ5"/>
    <mergeCell ref="GR5:GR6"/>
    <mergeCell ref="GS5:GU5"/>
    <mergeCell ref="GV5:HB5"/>
    <mergeCell ref="HD5:HF5"/>
    <mergeCell ref="HG5:HM5"/>
    <mergeCell ref="HN5:HN6"/>
    <mergeCell ref="DA5:DG5"/>
    <mergeCell ref="DH5:DH6"/>
    <mergeCell ref="FZ5:GF5"/>
    <mergeCell ref="ED5:ED6"/>
    <mergeCell ref="EE5:EG5"/>
    <mergeCell ref="EH5:EN5"/>
    <mergeCell ref="EO5:EO6"/>
    <mergeCell ref="EP5:ER5"/>
    <mergeCell ref="ES5:EY5"/>
    <mergeCell ref="EZ5:EZ6"/>
    <mergeCell ref="FL5:FN5"/>
    <mergeCell ref="FO5:FU5"/>
    <mergeCell ref="FV5:FV6"/>
    <mergeCell ref="FW5:FY5"/>
    <mergeCell ref="FA5:FC5"/>
    <mergeCell ref="FD5:FJ5"/>
    <mergeCell ref="AU5:AW5"/>
    <mergeCell ref="AX5:BD5"/>
    <mergeCell ref="BE5:BE6"/>
    <mergeCell ref="DW5:EC5"/>
    <mergeCell ref="CA5:CA6"/>
    <mergeCell ref="CB5:CD5"/>
    <mergeCell ref="CE5:CK5"/>
    <mergeCell ref="CL5:CL6"/>
    <mergeCell ref="CM5:CO5"/>
    <mergeCell ref="CP5:CV5"/>
    <mergeCell ref="CW5:CW6"/>
    <mergeCell ref="DI5:DK5"/>
    <mergeCell ref="DL5:DR5"/>
    <mergeCell ref="DS5:DS6"/>
    <mergeCell ref="DT5:DV5"/>
    <mergeCell ref="CX5:CZ5"/>
    <mergeCell ref="B3:B6"/>
    <mergeCell ref="BQ4:CA4"/>
    <mergeCell ref="CB4:CL4"/>
    <mergeCell ref="CM4:CW4"/>
    <mergeCell ref="BT5:BZ5"/>
    <mergeCell ref="X5:X6"/>
    <mergeCell ref="Y5:AA5"/>
    <mergeCell ref="AB5:AH5"/>
    <mergeCell ref="AI5:AI6"/>
    <mergeCell ref="AJ5:AL5"/>
    <mergeCell ref="AM5:AS5"/>
    <mergeCell ref="AT5:AT6"/>
    <mergeCell ref="BF5:BH5"/>
    <mergeCell ref="BI5:BO5"/>
    <mergeCell ref="BP5:BP6"/>
    <mergeCell ref="BQ5:BS5"/>
    <mergeCell ref="C5:E5"/>
    <mergeCell ref="F5:L5"/>
    <mergeCell ref="M5:M6"/>
    <mergeCell ref="N5:P5"/>
    <mergeCell ref="Q5:W5"/>
    <mergeCell ref="HO3:HY4"/>
    <mergeCell ref="EE4:EO4"/>
    <mergeCell ref="FW4:GG4"/>
    <mergeCell ref="GH4:GR4"/>
    <mergeCell ref="GS4:HC4"/>
    <mergeCell ref="FA4:FK4"/>
    <mergeCell ref="G1:H1"/>
    <mergeCell ref="HD4:HN4"/>
    <mergeCell ref="DI3:HN3"/>
    <mergeCell ref="EP4:EZ4"/>
    <mergeCell ref="FL4:FV4"/>
    <mergeCell ref="CX4:DH4"/>
    <mergeCell ref="C3:DH3"/>
    <mergeCell ref="DI4:DS4"/>
    <mergeCell ref="DT4:ED4"/>
    <mergeCell ref="C4:M4"/>
    <mergeCell ref="N4:X4"/>
    <mergeCell ref="Y4:AI4"/>
    <mergeCell ref="AJ4:AT4"/>
    <mergeCell ref="BF4:BP4"/>
    <mergeCell ref="AU4:BE4"/>
  </mergeCells>
  <phoneticPr fontId="4"/>
  <pageMargins left="0.70866141732283472" right="0.70866141732283472" top="0.74803149606299213" bottom="0.74803149606299213" header="0.31496062992125984" footer="0.31496062992125984"/>
  <pageSetup paperSize="9" scale="54" orientation="landscape" r:id="rId1"/>
  <headerFooter>
    <oddFooter>&amp;L&amp;20&amp;A&amp;C&amp;P/&amp;N</oddFooter>
  </headerFooter>
  <colBreaks count="8" manualBreakCount="8">
    <brk id="24" max="1048575" man="1"/>
    <brk id="57" max="1048575" man="1"/>
    <brk id="79" max="1048575" man="1"/>
    <brk id="112" max="1048575" man="1"/>
    <brk id="134" max="1048575" man="1"/>
    <brk id="167" max="1048575" man="1"/>
    <brk id="189" max="1048575" man="1"/>
    <brk id="222" max="1048575" man="1"/>
  </colBreaks>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6"/>
  </sheetPr>
  <dimension ref="B1:KM41"/>
  <sheetViews>
    <sheetView zoomScaleNormal="100" workbookViewId="0">
      <pane xSplit="2" ySplit="7" topLeftCell="C8" activePane="bottomRight" state="frozen"/>
      <selection activeCell="F37" sqref="F37"/>
      <selection pane="topRight" activeCell="F37" sqref="F37"/>
      <selection pane="bottomLeft" activeCell="F37" sqref="F37"/>
      <selection pane="bottomRight" activeCell="B1" sqref="B1"/>
    </sheetView>
  </sheetViews>
  <sheetFormatPr defaultColWidth="9" defaultRowHeight="13.2" x14ac:dyDescent="0.2"/>
  <cols>
    <col min="1" max="1" width="2.77734375" style="44" customWidth="1"/>
    <col min="2" max="2" width="9.44140625" style="44" customWidth="1"/>
    <col min="3" max="11" width="7.88671875" style="43" customWidth="1"/>
    <col min="12" max="13" width="8.77734375" style="43" customWidth="1"/>
    <col min="14" max="33" width="7.88671875" style="43" customWidth="1"/>
    <col min="34" max="34" width="9.109375" style="43" customWidth="1"/>
    <col min="35" max="35" width="8.44140625" style="43" customWidth="1"/>
    <col min="36" max="55" width="7.88671875" style="43" customWidth="1"/>
    <col min="56" max="56" width="9.109375" style="43" customWidth="1"/>
    <col min="57" max="57" width="8.44140625" style="43" customWidth="1"/>
    <col min="58" max="77" width="7.88671875" style="43" customWidth="1"/>
    <col min="78" max="78" width="9.109375" style="43" customWidth="1"/>
    <col min="79" max="79" width="8.44140625" style="43" customWidth="1"/>
    <col min="80" max="86" width="7.88671875" style="43" customWidth="1"/>
    <col min="87" max="93" width="9" style="43"/>
    <col min="94" max="94" width="8.44140625" style="43" customWidth="1"/>
    <col min="95" max="102" width="9" style="43"/>
    <col min="103" max="104" width="9" style="44"/>
    <col min="105" max="105" width="7.77734375" style="44" customWidth="1"/>
    <col min="106" max="115" width="9" style="44"/>
    <col min="116" max="116" width="7.77734375" style="44" customWidth="1"/>
    <col min="117" max="126" width="9" style="44"/>
    <col min="127" max="127" width="7.77734375" style="44" customWidth="1"/>
    <col min="128" max="137" width="9" style="44"/>
    <col min="138" max="138" width="8" style="44" customWidth="1"/>
    <col min="139" max="148" width="9" style="44"/>
    <col min="149" max="149" width="7.77734375" style="44" customWidth="1"/>
    <col min="150" max="159" width="9" style="44"/>
    <col min="160" max="160" width="7.44140625" style="44" customWidth="1"/>
    <col min="161" max="170" width="9" style="44"/>
    <col min="171" max="171" width="7.88671875" style="44" customWidth="1"/>
    <col min="172" max="181" width="9" style="44"/>
    <col min="182" max="182" width="7.21875" style="44" customWidth="1"/>
    <col min="183" max="192" width="9" style="44"/>
    <col min="193" max="193" width="8" style="44" customWidth="1"/>
    <col min="194" max="203" width="9" style="44"/>
    <col min="204" max="204" width="7.88671875" style="44" customWidth="1"/>
    <col min="205" max="214" width="9" style="44"/>
    <col min="215" max="215" width="7.88671875" style="44" customWidth="1"/>
    <col min="216" max="225" width="9" style="44"/>
    <col min="226" max="226" width="7.33203125" style="44" customWidth="1"/>
    <col min="227" max="236" width="9" style="44"/>
    <col min="237" max="237" width="7.6640625" style="44" customWidth="1"/>
    <col min="238" max="247" width="9" style="44"/>
    <col min="248" max="248" width="8" style="44" customWidth="1"/>
    <col min="249" max="258" width="9" style="44"/>
    <col min="259" max="259" width="8" style="44" customWidth="1"/>
    <col min="260" max="269" width="9" style="44"/>
    <col min="270" max="270" width="8" style="44" customWidth="1"/>
    <col min="271" max="280" width="9" style="44"/>
    <col min="281" max="281" width="8" style="44" customWidth="1"/>
    <col min="282" max="291" width="9" style="44"/>
    <col min="292" max="292" width="8.109375" style="44" customWidth="1"/>
    <col min="293" max="16384" width="9" style="44"/>
  </cols>
  <sheetData>
    <row r="1" spans="2:299" ht="24" customHeight="1" x14ac:dyDescent="0.2">
      <c r="B1" s="12" t="s">
        <v>121</v>
      </c>
      <c r="F1" s="524">
        <f>第１表!F2</f>
        <v>5</v>
      </c>
      <c r="G1" s="524"/>
      <c r="H1" s="248">
        <f>第１表!G2</f>
        <v>2</v>
      </c>
      <c r="I1" s="506">
        <f>H1</f>
        <v>2</v>
      </c>
      <c r="J1" s="506"/>
    </row>
    <row r="2" spans="2:299" ht="24" customHeight="1" thickBot="1" x14ac:dyDescent="0.25">
      <c r="B2" s="20" t="s">
        <v>132</v>
      </c>
    </row>
    <row r="3" spans="2:299" ht="21" customHeight="1" thickBot="1" x14ac:dyDescent="0.25">
      <c r="B3" s="507" t="s">
        <v>38</v>
      </c>
      <c r="C3" s="519" t="s">
        <v>96</v>
      </c>
      <c r="D3" s="519"/>
      <c r="E3" s="519"/>
      <c r="F3" s="519"/>
      <c r="G3" s="519"/>
      <c r="H3" s="519"/>
      <c r="I3" s="519"/>
      <c r="J3" s="519"/>
      <c r="K3" s="519"/>
      <c r="L3" s="519"/>
      <c r="M3" s="519"/>
      <c r="N3" s="519"/>
      <c r="O3" s="519"/>
      <c r="P3" s="519"/>
      <c r="Q3" s="519"/>
      <c r="R3" s="519"/>
      <c r="S3" s="519"/>
      <c r="T3" s="519"/>
      <c r="U3" s="519"/>
      <c r="V3" s="519"/>
      <c r="W3" s="519"/>
      <c r="X3" s="519"/>
      <c r="Y3" s="519"/>
      <c r="Z3" s="519"/>
      <c r="AA3" s="519"/>
      <c r="AB3" s="519"/>
      <c r="AC3" s="519"/>
      <c r="AD3" s="519"/>
      <c r="AE3" s="519"/>
      <c r="AF3" s="519"/>
      <c r="AG3" s="519"/>
      <c r="AH3" s="519"/>
      <c r="AI3" s="519"/>
      <c r="AJ3" s="519"/>
      <c r="AK3" s="519"/>
      <c r="AL3" s="519"/>
      <c r="AM3" s="519"/>
      <c r="AN3" s="519"/>
      <c r="AO3" s="519"/>
      <c r="AP3" s="519"/>
      <c r="AQ3" s="519"/>
      <c r="AR3" s="519"/>
      <c r="AS3" s="519"/>
      <c r="AT3" s="519"/>
      <c r="AU3" s="519"/>
      <c r="AV3" s="519"/>
      <c r="AW3" s="519"/>
      <c r="AX3" s="519"/>
      <c r="AY3" s="519"/>
      <c r="AZ3" s="519"/>
      <c r="BA3" s="519"/>
      <c r="BB3" s="519"/>
      <c r="BC3" s="519"/>
      <c r="BD3" s="519"/>
      <c r="BE3" s="519"/>
      <c r="BF3" s="519"/>
      <c r="BG3" s="519"/>
      <c r="BH3" s="519"/>
      <c r="BI3" s="519"/>
      <c r="BJ3" s="519"/>
      <c r="BK3" s="519"/>
      <c r="BL3" s="519"/>
      <c r="BM3" s="519"/>
      <c r="BN3" s="519"/>
      <c r="BO3" s="519"/>
      <c r="BP3" s="519"/>
      <c r="BQ3" s="519"/>
      <c r="BR3" s="519"/>
      <c r="BS3" s="519"/>
      <c r="BT3" s="519"/>
      <c r="BU3" s="519"/>
      <c r="BV3" s="519"/>
      <c r="BW3" s="519"/>
      <c r="BX3" s="519"/>
      <c r="BY3" s="519"/>
      <c r="BZ3" s="519"/>
      <c r="CA3" s="519"/>
      <c r="CB3" s="519"/>
      <c r="CC3" s="519"/>
      <c r="CD3" s="519"/>
      <c r="CE3" s="519"/>
      <c r="CF3" s="519"/>
      <c r="CG3" s="519"/>
      <c r="CH3" s="519"/>
      <c r="CI3" s="519"/>
      <c r="CJ3" s="519"/>
      <c r="CK3" s="519"/>
      <c r="CL3" s="519"/>
      <c r="CM3" s="519"/>
      <c r="CN3" s="519"/>
      <c r="CO3" s="519"/>
      <c r="CP3" s="519"/>
      <c r="CQ3" s="519"/>
      <c r="CR3" s="519"/>
      <c r="CS3" s="519"/>
      <c r="CT3" s="519"/>
      <c r="CU3" s="519"/>
      <c r="CV3" s="519"/>
      <c r="CW3" s="520"/>
      <c r="CX3" s="519" t="s">
        <v>103</v>
      </c>
      <c r="CY3" s="519"/>
      <c r="CZ3" s="519"/>
      <c r="DA3" s="519"/>
      <c r="DB3" s="519"/>
      <c r="DC3" s="519"/>
      <c r="DD3" s="519"/>
      <c r="DE3" s="519"/>
      <c r="DF3" s="519"/>
      <c r="DG3" s="519"/>
      <c r="DH3" s="519"/>
      <c r="DI3" s="519"/>
      <c r="DJ3" s="519"/>
      <c r="DK3" s="519"/>
      <c r="DL3" s="519"/>
      <c r="DM3" s="519"/>
      <c r="DN3" s="519"/>
      <c r="DO3" s="519"/>
      <c r="DP3" s="519"/>
      <c r="DQ3" s="519"/>
      <c r="DR3" s="519"/>
      <c r="DS3" s="519"/>
      <c r="DT3" s="519"/>
      <c r="DU3" s="519"/>
      <c r="DV3" s="519"/>
      <c r="DW3" s="519"/>
      <c r="DX3" s="519"/>
      <c r="DY3" s="519"/>
      <c r="DZ3" s="519"/>
      <c r="EA3" s="519"/>
      <c r="EB3" s="519"/>
      <c r="EC3" s="519"/>
      <c r="ED3" s="519"/>
      <c r="EE3" s="519"/>
      <c r="EF3" s="519"/>
      <c r="EG3" s="519"/>
      <c r="EH3" s="519"/>
      <c r="EI3" s="519"/>
      <c r="EJ3" s="519"/>
      <c r="EK3" s="519"/>
      <c r="EL3" s="519"/>
      <c r="EM3" s="519"/>
      <c r="EN3" s="519"/>
      <c r="EO3" s="519"/>
      <c r="EP3" s="519"/>
      <c r="EQ3" s="519"/>
      <c r="ER3" s="519"/>
      <c r="ES3" s="519"/>
      <c r="ET3" s="519"/>
      <c r="EU3" s="519"/>
      <c r="EV3" s="519"/>
      <c r="EW3" s="519"/>
      <c r="EX3" s="519"/>
      <c r="EY3" s="519"/>
      <c r="EZ3" s="519"/>
      <c r="FA3" s="519"/>
      <c r="FB3" s="519"/>
      <c r="FC3" s="519"/>
      <c r="FD3" s="519"/>
      <c r="FE3" s="519"/>
      <c r="FF3" s="519"/>
      <c r="FG3" s="519"/>
      <c r="FH3" s="519"/>
      <c r="FI3" s="519"/>
      <c r="FJ3" s="519"/>
      <c r="FK3" s="519"/>
      <c r="FL3" s="519"/>
      <c r="FM3" s="519"/>
      <c r="FN3" s="519"/>
      <c r="FO3" s="519"/>
      <c r="FP3" s="519"/>
      <c r="FQ3" s="519"/>
      <c r="FR3" s="519"/>
      <c r="FS3" s="519"/>
      <c r="FT3" s="519"/>
      <c r="FU3" s="519"/>
      <c r="FV3" s="519"/>
      <c r="FW3" s="519"/>
      <c r="FX3" s="519"/>
      <c r="FY3" s="519"/>
      <c r="FZ3" s="519"/>
      <c r="GA3" s="519"/>
      <c r="GB3" s="519"/>
      <c r="GC3" s="519"/>
      <c r="GD3" s="519"/>
      <c r="GE3" s="519"/>
      <c r="GF3" s="519"/>
      <c r="GG3" s="519"/>
      <c r="GH3" s="519"/>
      <c r="GI3" s="519"/>
      <c r="GJ3" s="519"/>
      <c r="GK3" s="519"/>
      <c r="GL3" s="519"/>
      <c r="GM3" s="519"/>
      <c r="GN3" s="519"/>
      <c r="GO3" s="519"/>
      <c r="GP3" s="519"/>
      <c r="GQ3" s="519"/>
      <c r="GR3" s="520"/>
      <c r="GS3" s="519" t="s">
        <v>104</v>
      </c>
      <c r="GT3" s="519"/>
      <c r="GU3" s="519"/>
      <c r="GV3" s="519"/>
      <c r="GW3" s="519"/>
      <c r="GX3" s="519"/>
      <c r="GY3" s="519"/>
      <c r="GZ3" s="519"/>
      <c r="HA3" s="519"/>
      <c r="HB3" s="519"/>
      <c r="HC3" s="519"/>
      <c r="HD3" s="519"/>
      <c r="HE3" s="519"/>
      <c r="HF3" s="519"/>
      <c r="HG3" s="519"/>
      <c r="HH3" s="519"/>
      <c r="HI3" s="519"/>
      <c r="HJ3" s="519"/>
      <c r="HK3" s="519"/>
      <c r="HL3" s="519"/>
      <c r="HM3" s="519"/>
      <c r="HN3" s="519"/>
      <c r="HO3" s="519"/>
      <c r="HP3" s="519"/>
      <c r="HQ3" s="519"/>
      <c r="HR3" s="519"/>
      <c r="HS3" s="519"/>
      <c r="HT3" s="519"/>
      <c r="HU3" s="519"/>
      <c r="HV3" s="519"/>
      <c r="HW3" s="519"/>
      <c r="HX3" s="519"/>
      <c r="HY3" s="519"/>
      <c r="HZ3" s="519"/>
      <c r="IA3" s="519"/>
      <c r="IB3" s="519"/>
      <c r="IC3" s="519"/>
      <c r="ID3" s="519"/>
      <c r="IE3" s="519"/>
      <c r="IF3" s="519"/>
      <c r="IG3" s="519"/>
      <c r="IH3" s="519"/>
      <c r="II3" s="519"/>
      <c r="IJ3" s="519"/>
      <c r="IK3" s="519"/>
      <c r="IL3" s="519"/>
      <c r="IM3" s="519"/>
      <c r="IN3" s="519"/>
      <c r="IO3" s="519"/>
      <c r="IP3" s="519"/>
      <c r="IQ3" s="519"/>
      <c r="IR3" s="519"/>
      <c r="IS3" s="519"/>
      <c r="IT3" s="519"/>
      <c r="IU3" s="519"/>
      <c r="IV3" s="519"/>
      <c r="IW3" s="519"/>
      <c r="IX3" s="519"/>
      <c r="IY3" s="519"/>
      <c r="IZ3" s="519"/>
      <c r="JA3" s="519"/>
      <c r="JB3" s="519"/>
      <c r="JC3" s="519"/>
      <c r="JD3" s="519"/>
      <c r="JE3" s="519"/>
      <c r="JF3" s="519"/>
      <c r="JG3" s="519"/>
      <c r="JH3" s="519"/>
      <c r="JI3" s="519"/>
      <c r="JJ3" s="519"/>
      <c r="JK3" s="519"/>
      <c r="JL3" s="519"/>
      <c r="JM3" s="519"/>
      <c r="JN3" s="519"/>
      <c r="JO3" s="519"/>
      <c r="JP3" s="519"/>
      <c r="JQ3" s="519"/>
      <c r="JR3" s="519"/>
      <c r="JS3" s="519"/>
      <c r="JT3" s="519"/>
      <c r="JU3" s="519"/>
      <c r="JV3" s="519"/>
      <c r="JW3" s="519"/>
      <c r="JX3" s="519"/>
      <c r="JY3" s="519"/>
      <c r="JZ3" s="519"/>
      <c r="KA3" s="519"/>
      <c r="KB3" s="519"/>
      <c r="KC3" s="519"/>
      <c r="KD3" s="519"/>
      <c r="KE3" s="519"/>
      <c r="KF3" s="519"/>
      <c r="KG3" s="519"/>
      <c r="KH3" s="519"/>
      <c r="KI3" s="519"/>
      <c r="KJ3" s="519"/>
      <c r="KK3" s="519"/>
      <c r="KL3" s="519"/>
      <c r="KM3" s="520"/>
    </row>
    <row r="4" spans="2:299" ht="21" customHeight="1" thickBot="1" x14ac:dyDescent="0.25">
      <c r="B4" s="525"/>
      <c r="C4" s="521" t="s">
        <v>39</v>
      </c>
      <c r="D4" s="522"/>
      <c r="E4" s="522"/>
      <c r="F4" s="522"/>
      <c r="G4" s="522"/>
      <c r="H4" s="522"/>
      <c r="I4" s="522"/>
      <c r="J4" s="522"/>
      <c r="K4" s="522"/>
      <c r="L4" s="522"/>
      <c r="M4" s="522"/>
      <c r="N4" s="522"/>
      <c r="O4" s="522"/>
      <c r="P4" s="522"/>
      <c r="Q4" s="522"/>
      <c r="R4" s="522"/>
      <c r="S4" s="522"/>
      <c r="T4" s="522"/>
      <c r="U4" s="522"/>
      <c r="V4" s="522"/>
      <c r="W4" s="522"/>
      <c r="X4" s="522"/>
      <c r="Y4" s="522"/>
      <c r="Z4" s="522"/>
      <c r="AA4" s="522"/>
      <c r="AB4" s="522"/>
      <c r="AC4" s="522"/>
      <c r="AD4" s="522"/>
      <c r="AE4" s="522"/>
      <c r="AF4" s="522"/>
      <c r="AG4" s="522"/>
      <c r="AH4" s="522"/>
      <c r="AI4" s="522"/>
      <c r="AJ4" s="522"/>
      <c r="AK4" s="522"/>
      <c r="AL4" s="522"/>
      <c r="AM4" s="522"/>
      <c r="AN4" s="522"/>
      <c r="AO4" s="522"/>
      <c r="AP4" s="522"/>
      <c r="AQ4" s="522"/>
      <c r="AR4" s="522"/>
      <c r="AS4" s="522"/>
      <c r="AT4" s="522"/>
      <c r="AU4" s="522"/>
      <c r="AV4" s="522"/>
      <c r="AW4" s="522"/>
      <c r="AX4" s="522"/>
      <c r="AY4" s="522"/>
      <c r="AZ4" s="522"/>
      <c r="BA4" s="522"/>
      <c r="BB4" s="522"/>
      <c r="BC4" s="522"/>
      <c r="BD4" s="522"/>
      <c r="BE4" s="522"/>
      <c r="BF4" s="522"/>
      <c r="BG4" s="522"/>
      <c r="BH4" s="522"/>
      <c r="BI4" s="522"/>
      <c r="BJ4" s="522"/>
      <c r="BK4" s="522"/>
      <c r="BL4" s="522"/>
      <c r="BM4" s="522"/>
      <c r="BN4" s="522"/>
      <c r="BO4" s="522"/>
      <c r="BP4" s="522"/>
      <c r="BQ4" s="522"/>
      <c r="BR4" s="522"/>
      <c r="BS4" s="522"/>
      <c r="BT4" s="522"/>
      <c r="BU4" s="522"/>
      <c r="BV4" s="522"/>
      <c r="BW4" s="522"/>
      <c r="BX4" s="522"/>
      <c r="BY4" s="522"/>
      <c r="BZ4" s="522"/>
      <c r="CA4" s="523"/>
      <c r="CB4" s="507" t="s">
        <v>40</v>
      </c>
      <c r="CC4" s="508"/>
      <c r="CD4" s="508"/>
      <c r="CE4" s="508"/>
      <c r="CF4" s="508"/>
      <c r="CG4" s="508"/>
      <c r="CH4" s="508"/>
      <c r="CI4" s="508"/>
      <c r="CJ4" s="508"/>
      <c r="CK4" s="508"/>
      <c r="CL4" s="509"/>
      <c r="CM4" s="507" t="s">
        <v>41</v>
      </c>
      <c r="CN4" s="508"/>
      <c r="CO4" s="508"/>
      <c r="CP4" s="508"/>
      <c r="CQ4" s="508"/>
      <c r="CR4" s="508"/>
      <c r="CS4" s="508"/>
      <c r="CT4" s="508"/>
      <c r="CU4" s="508"/>
      <c r="CV4" s="508"/>
      <c r="CW4" s="509"/>
      <c r="CX4" s="521" t="s">
        <v>39</v>
      </c>
      <c r="CY4" s="522"/>
      <c r="CZ4" s="522"/>
      <c r="DA4" s="522"/>
      <c r="DB4" s="522"/>
      <c r="DC4" s="522"/>
      <c r="DD4" s="522"/>
      <c r="DE4" s="522"/>
      <c r="DF4" s="522"/>
      <c r="DG4" s="522"/>
      <c r="DH4" s="522"/>
      <c r="DI4" s="522"/>
      <c r="DJ4" s="522"/>
      <c r="DK4" s="522"/>
      <c r="DL4" s="522"/>
      <c r="DM4" s="522"/>
      <c r="DN4" s="522"/>
      <c r="DO4" s="522"/>
      <c r="DP4" s="522"/>
      <c r="DQ4" s="522"/>
      <c r="DR4" s="522"/>
      <c r="DS4" s="522"/>
      <c r="DT4" s="522"/>
      <c r="DU4" s="522"/>
      <c r="DV4" s="522"/>
      <c r="DW4" s="522"/>
      <c r="DX4" s="522"/>
      <c r="DY4" s="522"/>
      <c r="DZ4" s="522"/>
      <c r="EA4" s="522"/>
      <c r="EB4" s="522"/>
      <c r="EC4" s="522"/>
      <c r="ED4" s="522"/>
      <c r="EE4" s="522"/>
      <c r="EF4" s="522"/>
      <c r="EG4" s="522"/>
      <c r="EH4" s="522"/>
      <c r="EI4" s="522"/>
      <c r="EJ4" s="522"/>
      <c r="EK4" s="522"/>
      <c r="EL4" s="522"/>
      <c r="EM4" s="522"/>
      <c r="EN4" s="522"/>
      <c r="EO4" s="522"/>
      <c r="EP4" s="522"/>
      <c r="EQ4" s="522"/>
      <c r="ER4" s="522"/>
      <c r="ES4" s="522"/>
      <c r="ET4" s="522"/>
      <c r="EU4" s="522"/>
      <c r="EV4" s="522"/>
      <c r="EW4" s="522"/>
      <c r="EX4" s="522"/>
      <c r="EY4" s="522"/>
      <c r="EZ4" s="522"/>
      <c r="FA4" s="522"/>
      <c r="FB4" s="522"/>
      <c r="FC4" s="522"/>
      <c r="FD4" s="522"/>
      <c r="FE4" s="522"/>
      <c r="FF4" s="522"/>
      <c r="FG4" s="522"/>
      <c r="FH4" s="522"/>
      <c r="FI4" s="522"/>
      <c r="FJ4" s="522"/>
      <c r="FK4" s="522"/>
      <c r="FL4" s="522"/>
      <c r="FM4" s="522"/>
      <c r="FN4" s="522"/>
      <c r="FO4" s="522"/>
      <c r="FP4" s="522"/>
      <c r="FQ4" s="522"/>
      <c r="FR4" s="522"/>
      <c r="FS4" s="522"/>
      <c r="FT4" s="522"/>
      <c r="FU4" s="522"/>
      <c r="FV4" s="523"/>
      <c r="FW4" s="507" t="s">
        <v>40</v>
      </c>
      <c r="FX4" s="508"/>
      <c r="FY4" s="508"/>
      <c r="FZ4" s="508"/>
      <c r="GA4" s="508"/>
      <c r="GB4" s="508"/>
      <c r="GC4" s="508"/>
      <c r="GD4" s="508"/>
      <c r="GE4" s="508"/>
      <c r="GF4" s="508"/>
      <c r="GG4" s="509"/>
      <c r="GH4" s="507" t="s">
        <v>41</v>
      </c>
      <c r="GI4" s="508"/>
      <c r="GJ4" s="508"/>
      <c r="GK4" s="508"/>
      <c r="GL4" s="508"/>
      <c r="GM4" s="508"/>
      <c r="GN4" s="508"/>
      <c r="GO4" s="508"/>
      <c r="GP4" s="508"/>
      <c r="GQ4" s="508"/>
      <c r="GR4" s="509"/>
      <c r="GS4" s="521" t="s">
        <v>39</v>
      </c>
      <c r="GT4" s="522"/>
      <c r="GU4" s="522"/>
      <c r="GV4" s="522"/>
      <c r="GW4" s="522"/>
      <c r="GX4" s="522"/>
      <c r="GY4" s="522"/>
      <c r="GZ4" s="522"/>
      <c r="HA4" s="522"/>
      <c r="HB4" s="522"/>
      <c r="HC4" s="522"/>
      <c r="HD4" s="522"/>
      <c r="HE4" s="522"/>
      <c r="HF4" s="522"/>
      <c r="HG4" s="522"/>
      <c r="HH4" s="522"/>
      <c r="HI4" s="522"/>
      <c r="HJ4" s="522"/>
      <c r="HK4" s="522"/>
      <c r="HL4" s="522"/>
      <c r="HM4" s="522"/>
      <c r="HN4" s="522"/>
      <c r="HO4" s="522"/>
      <c r="HP4" s="522"/>
      <c r="HQ4" s="522"/>
      <c r="HR4" s="522"/>
      <c r="HS4" s="522"/>
      <c r="HT4" s="522"/>
      <c r="HU4" s="522"/>
      <c r="HV4" s="522"/>
      <c r="HW4" s="522"/>
      <c r="HX4" s="522"/>
      <c r="HY4" s="522"/>
      <c r="HZ4" s="522"/>
      <c r="IA4" s="522"/>
      <c r="IB4" s="522"/>
      <c r="IC4" s="522"/>
      <c r="ID4" s="522"/>
      <c r="IE4" s="522"/>
      <c r="IF4" s="522"/>
      <c r="IG4" s="522"/>
      <c r="IH4" s="522"/>
      <c r="II4" s="522"/>
      <c r="IJ4" s="522"/>
      <c r="IK4" s="522"/>
      <c r="IL4" s="522"/>
      <c r="IM4" s="522"/>
      <c r="IN4" s="522"/>
      <c r="IO4" s="522"/>
      <c r="IP4" s="522"/>
      <c r="IQ4" s="522"/>
      <c r="IR4" s="522"/>
      <c r="IS4" s="522"/>
      <c r="IT4" s="522"/>
      <c r="IU4" s="522"/>
      <c r="IV4" s="522"/>
      <c r="IW4" s="522"/>
      <c r="IX4" s="522"/>
      <c r="IY4" s="522"/>
      <c r="IZ4" s="522"/>
      <c r="JA4" s="522"/>
      <c r="JB4" s="522"/>
      <c r="JC4" s="522"/>
      <c r="JD4" s="522"/>
      <c r="JE4" s="522"/>
      <c r="JF4" s="522"/>
      <c r="JG4" s="522"/>
      <c r="JH4" s="522"/>
      <c r="JI4" s="522"/>
      <c r="JJ4" s="522"/>
      <c r="JK4" s="522"/>
      <c r="JL4" s="522"/>
      <c r="JM4" s="522"/>
      <c r="JN4" s="522"/>
      <c r="JO4" s="522"/>
      <c r="JP4" s="522"/>
      <c r="JQ4" s="523"/>
      <c r="JR4" s="507" t="s">
        <v>40</v>
      </c>
      <c r="JS4" s="508"/>
      <c r="JT4" s="508"/>
      <c r="JU4" s="508"/>
      <c r="JV4" s="508"/>
      <c r="JW4" s="508"/>
      <c r="JX4" s="508"/>
      <c r="JY4" s="508"/>
      <c r="JZ4" s="508"/>
      <c r="KA4" s="508"/>
      <c r="KB4" s="509"/>
      <c r="KC4" s="507" t="s">
        <v>41</v>
      </c>
      <c r="KD4" s="508"/>
      <c r="KE4" s="508"/>
      <c r="KF4" s="508"/>
      <c r="KG4" s="508"/>
      <c r="KH4" s="508"/>
      <c r="KI4" s="508"/>
      <c r="KJ4" s="508"/>
      <c r="KK4" s="508"/>
      <c r="KL4" s="508"/>
      <c r="KM4" s="509"/>
    </row>
    <row r="5" spans="2:299" ht="21" customHeight="1" thickBot="1" x14ac:dyDescent="0.25">
      <c r="B5" s="513"/>
      <c r="C5" s="513"/>
      <c r="D5" s="514"/>
      <c r="E5" s="514"/>
      <c r="F5" s="514"/>
      <c r="G5" s="514"/>
      <c r="H5" s="514"/>
      <c r="I5" s="514"/>
      <c r="J5" s="514"/>
      <c r="K5" s="514"/>
      <c r="L5" s="514"/>
      <c r="M5" s="515"/>
      <c r="N5" s="516" t="s">
        <v>97</v>
      </c>
      <c r="O5" s="517"/>
      <c r="P5" s="517"/>
      <c r="Q5" s="517"/>
      <c r="R5" s="517"/>
      <c r="S5" s="517"/>
      <c r="T5" s="517"/>
      <c r="U5" s="517"/>
      <c r="V5" s="517"/>
      <c r="W5" s="517"/>
      <c r="X5" s="518"/>
      <c r="Y5" s="516" t="s">
        <v>98</v>
      </c>
      <c r="Z5" s="517"/>
      <c r="AA5" s="517"/>
      <c r="AB5" s="517"/>
      <c r="AC5" s="517"/>
      <c r="AD5" s="517"/>
      <c r="AE5" s="517"/>
      <c r="AF5" s="517"/>
      <c r="AG5" s="517"/>
      <c r="AH5" s="517"/>
      <c r="AI5" s="518"/>
      <c r="AJ5" s="516" t="s">
        <v>99</v>
      </c>
      <c r="AK5" s="517"/>
      <c r="AL5" s="517"/>
      <c r="AM5" s="517"/>
      <c r="AN5" s="517"/>
      <c r="AO5" s="517"/>
      <c r="AP5" s="517"/>
      <c r="AQ5" s="517"/>
      <c r="AR5" s="517"/>
      <c r="AS5" s="517"/>
      <c r="AT5" s="518"/>
      <c r="AU5" s="516" t="s">
        <v>100</v>
      </c>
      <c r="AV5" s="517"/>
      <c r="AW5" s="517"/>
      <c r="AX5" s="517"/>
      <c r="AY5" s="517"/>
      <c r="AZ5" s="517"/>
      <c r="BA5" s="517"/>
      <c r="BB5" s="517"/>
      <c r="BC5" s="517"/>
      <c r="BD5" s="517"/>
      <c r="BE5" s="518"/>
      <c r="BF5" s="516" t="s">
        <v>101</v>
      </c>
      <c r="BG5" s="517"/>
      <c r="BH5" s="517"/>
      <c r="BI5" s="517"/>
      <c r="BJ5" s="517"/>
      <c r="BK5" s="517"/>
      <c r="BL5" s="517"/>
      <c r="BM5" s="517"/>
      <c r="BN5" s="517"/>
      <c r="BO5" s="517"/>
      <c r="BP5" s="518"/>
      <c r="BQ5" s="516" t="s">
        <v>102</v>
      </c>
      <c r="BR5" s="517"/>
      <c r="BS5" s="517"/>
      <c r="BT5" s="517"/>
      <c r="BU5" s="517"/>
      <c r="BV5" s="517"/>
      <c r="BW5" s="517"/>
      <c r="BX5" s="517"/>
      <c r="BY5" s="517"/>
      <c r="BZ5" s="517"/>
      <c r="CA5" s="518"/>
      <c r="CB5" s="510"/>
      <c r="CC5" s="511"/>
      <c r="CD5" s="511"/>
      <c r="CE5" s="511"/>
      <c r="CF5" s="511"/>
      <c r="CG5" s="511"/>
      <c r="CH5" s="511"/>
      <c r="CI5" s="511"/>
      <c r="CJ5" s="511"/>
      <c r="CK5" s="511"/>
      <c r="CL5" s="512"/>
      <c r="CM5" s="510"/>
      <c r="CN5" s="511"/>
      <c r="CO5" s="511"/>
      <c r="CP5" s="511"/>
      <c r="CQ5" s="511"/>
      <c r="CR5" s="511"/>
      <c r="CS5" s="511"/>
      <c r="CT5" s="511"/>
      <c r="CU5" s="511"/>
      <c r="CV5" s="511"/>
      <c r="CW5" s="512"/>
      <c r="CX5" s="513"/>
      <c r="CY5" s="514"/>
      <c r="CZ5" s="514"/>
      <c r="DA5" s="514"/>
      <c r="DB5" s="514"/>
      <c r="DC5" s="514"/>
      <c r="DD5" s="514"/>
      <c r="DE5" s="514"/>
      <c r="DF5" s="514"/>
      <c r="DG5" s="514"/>
      <c r="DH5" s="515"/>
      <c r="DI5" s="516" t="s">
        <v>97</v>
      </c>
      <c r="DJ5" s="517"/>
      <c r="DK5" s="517"/>
      <c r="DL5" s="517"/>
      <c r="DM5" s="517"/>
      <c r="DN5" s="517"/>
      <c r="DO5" s="517"/>
      <c r="DP5" s="517"/>
      <c r="DQ5" s="517"/>
      <c r="DR5" s="517"/>
      <c r="DS5" s="518"/>
      <c r="DT5" s="516" t="s">
        <v>98</v>
      </c>
      <c r="DU5" s="517"/>
      <c r="DV5" s="517"/>
      <c r="DW5" s="517"/>
      <c r="DX5" s="517"/>
      <c r="DY5" s="517"/>
      <c r="DZ5" s="517"/>
      <c r="EA5" s="517"/>
      <c r="EB5" s="517"/>
      <c r="EC5" s="517"/>
      <c r="ED5" s="518"/>
      <c r="EE5" s="516" t="s">
        <v>99</v>
      </c>
      <c r="EF5" s="517"/>
      <c r="EG5" s="517"/>
      <c r="EH5" s="517"/>
      <c r="EI5" s="517"/>
      <c r="EJ5" s="517"/>
      <c r="EK5" s="517"/>
      <c r="EL5" s="517"/>
      <c r="EM5" s="517"/>
      <c r="EN5" s="517"/>
      <c r="EO5" s="518"/>
      <c r="EP5" s="516" t="s">
        <v>100</v>
      </c>
      <c r="EQ5" s="517"/>
      <c r="ER5" s="517"/>
      <c r="ES5" s="517"/>
      <c r="ET5" s="517"/>
      <c r="EU5" s="517"/>
      <c r="EV5" s="517"/>
      <c r="EW5" s="517"/>
      <c r="EX5" s="517"/>
      <c r="EY5" s="517"/>
      <c r="EZ5" s="518"/>
      <c r="FA5" s="516" t="s">
        <v>101</v>
      </c>
      <c r="FB5" s="517"/>
      <c r="FC5" s="517"/>
      <c r="FD5" s="517"/>
      <c r="FE5" s="517"/>
      <c r="FF5" s="517"/>
      <c r="FG5" s="517"/>
      <c r="FH5" s="517"/>
      <c r="FI5" s="517"/>
      <c r="FJ5" s="517"/>
      <c r="FK5" s="518"/>
      <c r="FL5" s="516" t="s">
        <v>102</v>
      </c>
      <c r="FM5" s="517"/>
      <c r="FN5" s="517"/>
      <c r="FO5" s="517"/>
      <c r="FP5" s="517"/>
      <c r="FQ5" s="517"/>
      <c r="FR5" s="517"/>
      <c r="FS5" s="517"/>
      <c r="FT5" s="517"/>
      <c r="FU5" s="517"/>
      <c r="FV5" s="518"/>
      <c r="FW5" s="510"/>
      <c r="FX5" s="511"/>
      <c r="FY5" s="511"/>
      <c r="FZ5" s="511"/>
      <c r="GA5" s="511"/>
      <c r="GB5" s="511"/>
      <c r="GC5" s="511"/>
      <c r="GD5" s="511"/>
      <c r="GE5" s="511"/>
      <c r="GF5" s="511"/>
      <c r="GG5" s="512"/>
      <c r="GH5" s="510"/>
      <c r="GI5" s="511"/>
      <c r="GJ5" s="511"/>
      <c r="GK5" s="511"/>
      <c r="GL5" s="511"/>
      <c r="GM5" s="511"/>
      <c r="GN5" s="511"/>
      <c r="GO5" s="511"/>
      <c r="GP5" s="511"/>
      <c r="GQ5" s="511"/>
      <c r="GR5" s="512"/>
      <c r="GS5" s="513"/>
      <c r="GT5" s="514"/>
      <c r="GU5" s="514"/>
      <c r="GV5" s="514"/>
      <c r="GW5" s="514"/>
      <c r="GX5" s="514"/>
      <c r="GY5" s="514"/>
      <c r="GZ5" s="514"/>
      <c r="HA5" s="514"/>
      <c r="HB5" s="514"/>
      <c r="HC5" s="515"/>
      <c r="HD5" s="516" t="s">
        <v>97</v>
      </c>
      <c r="HE5" s="517"/>
      <c r="HF5" s="517"/>
      <c r="HG5" s="517"/>
      <c r="HH5" s="517"/>
      <c r="HI5" s="517"/>
      <c r="HJ5" s="517"/>
      <c r="HK5" s="517"/>
      <c r="HL5" s="517"/>
      <c r="HM5" s="517"/>
      <c r="HN5" s="518"/>
      <c r="HO5" s="516" t="s">
        <v>98</v>
      </c>
      <c r="HP5" s="517"/>
      <c r="HQ5" s="517"/>
      <c r="HR5" s="517"/>
      <c r="HS5" s="517"/>
      <c r="HT5" s="517"/>
      <c r="HU5" s="517"/>
      <c r="HV5" s="517"/>
      <c r="HW5" s="517"/>
      <c r="HX5" s="517"/>
      <c r="HY5" s="518"/>
      <c r="HZ5" s="516" t="s">
        <v>99</v>
      </c>
      <c r="IA5" s="517"/>
      <c r="IB5" s="517"/>
      <c r="IC5" s="517"/>
      <c r="ID5" s="517"/>
      <c r="IE5" s="517"/>
      <c r="IF5" s="517"/>
      <c r="IG5" s="517"/>
      <c r="IH5" s="517"/>
      <c r="II5" s="517"/>
      <c r="IJ5" s="518"/>
      <c r="IK5" s="516" t="s">
        <v>100</v>
      </c>
      <c r="IL5" s="517"/>
      <c r="IM5" s="517"/>
      <c r="IN5" s="517"/>
      <c r="IO5" s="517"/>
      <c r="IP5" s="517"/>
      <c r="IQ5" s="517"/>
      <c r="IR5" s="517"/>
      <c r="IS5" s="517"/>
      <c r="IT5" s="517"/>
      <c r="IU5" s="518"/>
      <c r="IV5" s="516" t="s">
        <v>101</v>
      </c>
      <c r="IW5" s="517"/>
      <c r="IX5" s="517"/>
      <c r="IY5" s="517"/>
      <c r="IZ5" s="517"/>
      <c r="JA5" s="517"/>
      <c r="JB5" s="517"/>
      <c r="JC5" s="517"/>
      <c r="JD5" s="517"/>
      <c r="JE5" s="517"/>
      <c r="JF5" s="518"/>
      <c r="JG5" s="516" t="s">
        <v>102</v>
      </c>
      <c r="JH5" s="517"/>
      <c r="JI5" s="517"/>
      <c r="JJ5" s="517"/>
      <c r="JK5" s="517"/>
      <c r="JL5" s="517"/>
      <c r="JM5" s="517"/>
      <c r="JN5" s="517"/>
      <c r="JO5" s="517"/>
      <c r="JP5" s="517"/>
      <c r="JQ5" s="518"/>
      <c r="JR5" s="510"/>
      <c r="JS5" s="511"/>
      <c r="JT5" s="511"/>
      <c r="JU5" s="511"/>
      <c r="JV5" s="511"/>
      <c r="JW5" s="511"/>
      <c r="JX5" s="511"/>
      <c r="JY5" s="511"/>
      <c r="JZ5" s="511"/>
      <c r="KA5" s="511"/>
      <c r="KB5" s="512"/>
      <c r="KC5" s="510"/>
      <c r="KD5" s="511"/>
      <c r="KE5" s="511"/>
      <c r="KF5" s="511"/>
      <c r="KG5" s="511"/>
      <c r="KH5" s="511"/>
      <c r="KI5" s="511"/>
      <c r="KJ5" s="511"/>
      <c r="KK5" s="511"/>
      <c r="KL5" s="511"/>
      <c r="KM5" s="512"/>
    </row>
    <row r="6" spans="2:299" ht="30" customHeight="1" thickBot="1" x14ac:dyDescent="0.25">
      <c r="B6" s="317" t="s">
        <v>42</v>
      </c>
      <c r="C6" s="51" t="s">
        <v>43</v>
      </c>
      <c r="D6" s="47" t="s">
        <v>44</v>
      </c>
      <c r="E6" s="48" t="s">
        <v>45</v>
      </c>
      <c r="F6" s="52" t="s">
        <v>46</v>
      </c>
      <c r="G6" s="47" t="s">
        <v>47</v>
      </c>
      <c r="H6" s="47" t="s">
        <v>48</v>
      </c>
      <c r="I6" s="47" t="s">
        <v>49</v>
      </c>
      <c r="J6" s="47" t="s">
        <v>50</v>
      </c>
      <c r="K6" s="47" t="s">
        <v>51</v>
      </c>
      <c r="L6" s="48" t="s">
        <v>45</v>
      </c>
      <c r="M6" s="53" t="s">
        <v>52</v>
      </c>
      <c r="N6" s="356" t="s">
        <v>43</v>
      </c>
      <c r="O6" s="357" t="s">
        <v>44</v>
      </c>
      <c r="P6" s="358" t="s">
        <v>45</v>
      </c>
      <c r="Q6" s="359" t="s">
        <v>46</v>
      </c>
      <c r="R6" s="357" t="s">
        <v>47</v>
      </c>
      <c r="S6" s="357" t="s">
        <v>48</v>
      </c>
      <c r="T6" s="357" t="s">
        <v>49</v>
      </c>
      <c r="U6" s="357" t="s">
        <v>50</v>
      </c>
      <c r="V6" s="357" t="s">
        <v>51</v>
      </c>
      <c r="W6" s="358" t="s">
        <v>45</v>
      </c>
      <c r="X6" s="355" t="s">
        <v>52</v>
      </c>
      <c r="Y6" s="356" t="s">
        <v>43</v>
      </c>
      <c r="Z6" s="357" t="s">
        <v>44</v>
      </c>
      <c r="AA6" s="358" t="s">
        <v>45</v>
      </c>
      <c r="AB6" s="359" t="s">
        <v>46</v>
      </c>
      <c r="AC6" s="357" t="s">
        <v>47</v>
      </c>
      <c r="AD6" s="357" t="s">
        <v>48</v>
      </c>
      <c r="AE6" s="357" t="s">
        <v>49</v>
      </c>
      <c r="AF6" s="357" t="s">
        <v>50</v>
      </c>
      <c r="AG6" s="357" t="s">
        <v>51</v>
      </c>
      <c r="AH6" s="358" t="s">
        <v>45</v>
      </c>
      <c r="AI6" s="360" t="s">
        <v>52</v>
      </c>
      <c r="AJ6" s="356" t="s">
        <v>43</v>
      </c>
      <c r="AK6" s="357" t="s">
        <v>44</v>
      </c>
      <c r="AL6" s="358" t="s">
        <v>45</v>
      </c>
      <c r="AM6" s="359" t="s">
        <v>46</v>
      </c>
      <c r="AN6" s="357" t="s">
        <v>47</v>
      </c>
      <c r="AO6" s="357" t="s">
        <v>48</v>
      </c>
      <c r="AP6" s="357" t="s">
        <v>49</v>
      </c>
      <c r="AQ6" s="357" t="s">
        <v>50</v>
      </c>
      <c r="AR6" s="357" t="s">
        <v>51</v>
      </c>
      <c r="AS6" s="358" t="s">
        <v>45</v>
      </c>
      <c r="AT6" s="360" t="s">
        <v>52</v>
      </c>
      <c r="AU6" s="356" t="s">
        <v>43</v>
      </c>
      <c r="AV6" s="357" t="s">
        <v>44</v>
      </c>
      <c r="AW6" s="358" t="s">
        <v>45</v>
      </c>
      <c r="AX6" s="359" t="s">
        <v>46</v>
      </c>
      <c r="AY6" s="357" t="s">
        <v>47</v>
      </c>
      <c r="AZ6" s="357" t="s">
        <v>48</v>
      </c>
      <c r="BA6" s="357" t="s">
        <v>49</v>
      </c>
      <c r="BB6" s="357" t="s">
        <v>50</v>
      </c>
      <c r="BC6" s="357" t="s">
        <v>51</v>
      </c>
      <c r="BD6" s="358" t="s">
        <v>45</v>
      </c>
      <c r="BE6" s="360" t="s">
        <v>52</v>
      </c>
      <c r="BF6" s="356" t="s">
        <v>43</v>
      </c>
      <c r="BG6" s="357" t="s">
        <v>44</v>
      </c>
      <c r="BH6" s="358" t="s">
        <v>45</v>
      </c>
      <c r="BI6" s="359" t="s">
        <v>46</v>
      </c>
      <c r="BJ6" s="357" t="s">
        <v>47</v>
      </c>
      <c r="BK6" s="357" t="s">
        <v>48</v>
      </c>
      <c r="BL6" s="357" t="s">
        <v>49</v>
      </c>
      <c r="BM6" s="357" t="s">
        <v>50</v>
      </c>
      <c r="BN6" s="357" t="s">
        <v>51</v>
      </c>
      <c r="BO6" s="358" t="s">
        <v>45</v>
      </c>
      <c r="BP6" s="360" t="s">
        <v>52</v>
      </c>
      <c r="BQ6" s="356" t="s">
        <v>43</v>
      </c>
      <c r="BR6" s="357" t="s">
        <v>44</v>
      </c>
      <c r="BS6" s="358" t="s">
        <v>45</v>
      </c>
      <c r="BT6" s="359" t="s">
        <v>46</v>
      </c>
      <c r="BU6" s="357" t="s">
        <v>47</v>
      </c>
      <c r="BV6" s="357" t="s">
        <v>48</v>
      </c>
      <c r="BW6" s="357" t="s">
        <v>49</v>
      </c>
      <c r="BX6" s="357" t="s">
        <v>50</v>
      </c>
      <c r="BY6" s="357" t="s">
        <v>51</v>
      </c>
      <c r="BZ6" s="358" t="s">
        <v>45</v>
      </c>
      <c r="CA6" s="360" t="s">
        <v>52</v>
      </c>
      <c r="CB6" s="356" t="s">
        <v>43</v>
      </c>
      <c r="CC6" s="357" t="s">
        <v>44</v>
      </c>
      <c r="CD6" s="358" t="s">
        <v>45</v>
      </c>
      <c r="CE6" s="359" t="s">
        <v>46</v>
      </c>
      <c r="CF6" s="357" t="s">
        <v>47</v>
      </c>
      <c r="CG6" s="357" t="s">
        <v>48</v>
      </c>
      <c r="CH6" s="357" t="s">
        <v>49</v>
      </c>
      <c r="CI6" s="357" t="s">
        <v>50</v>
      </c>
      <c r="CJ6" s="357" t="s">
        <v>51</v>
      </c>
      <c r="CK6" s="358" t="s">
        <v>45</v>
      </c>
      <c r="CL6" s="360" t="s">
        <v>52</v>
      </c>
      <c r="CM6" s="356" t="s">
        <v>43</v>
      </c>
      <c r="CN6" s="357" t="s">
        <v>44</v>
      </c>
      <c r="CO6" s="358" t="s">
        <v>45</v>
      </c>
      <c r="CP6" s="359" t="s">
        <v>46</v>
      </c>
      <c r="CQ6" s="357" t="s">
        <v>47</v>
      </c>
      <c r="CR6" s="357" t="s">
        <v>48</v>
      </c>
      <c r="CS6" s="357" t="s">
        <v>49</v>
      </c>
      <c r="CT6" s="357" t="s">
        <v>50</v>
      </c>
      <c r="CU6" s="357" t="s">
        <v>51</v>
      </c>
      <c r="CV6" s="358" t="s">
        <v>45</v>
      </c>
      <c r="CW6" s="360" t="s">
        <v>52</v>
      </c>
      <c r="CX6" s="51" t="s">
        <v>43</v>
      </c>
      <c r="CY6" s="47" t="s">
        <v>44</v>
      </c>
      <c r="CZ6" s="48" t="s">
        <v>45</v>
      </c>
      <c r="DA6" s="52" t="s">
        <v>46</v>
      </c>
      <c r="DB6" s="47" t="s">
        <v>47</v>
      </c>
      <c r="DC6" s="47" t="s">
        <v>48</v>
      </c>
      <c r="DD6" s="47" t="s">
        <v>49</v>
      </c>
      <c r="DE6" s="47" t="s">
        <v>50</v>
      </c>
      <c r="DF6" s="47" t="s">
        <v>51</v>
      </c>
      <c r="DG6" s="48" t="s">
        <v>45</v>
      </c>
      <c r="DH6" s="53" t="s">
        <v>52</v>
      </c>
      <c r="DI6" s="356" t="s">
        <v>43</v>
      </c>
      <c r="DJ6" s="357" t="s">
        <v>44</v>
      </c>
      <c r="DK6" s="358" t="s">
        <v>45</v>
      </c>
      <c r="DL6" s="359" t="s">
        <v>46</v>
      </c>
      <c r="DM6" s="357" t="s">
        <v>47</v>
      </c>
      <c r="DN6" s="357" t="s">
        <v>48</v>
      </c>
      <c r="DO6" s="357" t="s">
        <v>49</v>
      </c>
      <c r="DP6" s="357" t="s">
        <v>50</v>
      </c>
      <c r="DQ6" s="357" t="s">
        <v>51</v>
      </c>
      <c r="DR6" s="358" t="s">
        <v>45</v>
      </c>
      <c r="DS6" s="360" t="s">
        <v>52</v>
      </c>
      <c r="DT6" s="356" t="s">
        <v>43</v>
      </c>
      <c r="DU6" s="357" t="s">
        <v>44</v>
      </c>
      <c r="DV6" s="358" t="s">
        <v>45</v>
      </c>
      <c r="DW6" s="359" t="s">
        <v>46</v>
      </c>
      <c r="DX6" s="357" t="s">
        <v>47</v>
      </c>
      <c r="DY6" s="357" t="s">
        <v>48</v>
      </c>
      <c r="DZ6" s="357" t="s">
        <v>49</v>
      </c>
      <c r="EA6" s="357" t="s">
        <v>50</v>
      </c>
      <c r="EB6" s="357" t="s">
        <v>51</v>
      </c>
      <c r="EC6" s="358" t="s">
        <v>45</v>
      </c>
      <c r="ED6" s="360" t="s">
        <v>52</v>
      </c>
      <c r="EE6" s="356" t="s">
        <v>43</v>
      </c>
      <c r="EF6" s="357" t="s">
        <v>44</v>
      </c>
      <c r="EG6" s="358" t="s">
        <v>45</v>
      </c>
      <c r="EH6" s="359" t="s">
        <v>46</v>
      </c>
      <c r="EI6" s="357" t="s">
        <v>47</v>
      </c>
      <c r="EJ6" s="357" t="s">
        <v>48</v>
      </c>
      <c r="EK6" s="357" t="s">
        <v>49</v>
      </c>
      <c r="EL6" s="357" t="s">
        <v>50</v>
      </c>
      <c r="EM6" s="357" t="s">
        <v>51</v>
      </c>
      <c r="EN6" s="358" t="s">
        <v>45</v>
      </c>
      <c r="EO6" s="360" t="s">
        <v>52</v>
      </c>
      <c r="EP6" s="356" t="s">
        <v>43</v>
      </c>
      <c r="EQ6" s="357" t="s">
        <v>44</v>
      </c>
      <c r="ER6" s="358" t="s">
        <v>45</v>
      </c>
      <c r="ES6" s="359" t="s">
        <v>46</v>
      </c>
      <c r="ET6" s="357" t="s">
        <v>47</v>
      </c>
      <c r="EU6" s="357" t="s">
        <v>48</v>
      </c>
      <c r="EV6" s="357" t="s">
        <v>49</v>
      </c>
      <c r="EW6" s="357" t="s">
        <v>50</v>
      </c>
      <c r="EX6" s="357" t="s">
        <v>51</v>
      </c>
      <c r="EY6" s="358" t="s">
        <v>45</v>
      </c>
      <c r="EZ6" s="360" t="s">
        <v>52</v>
      </c>
      <c r="FA6" s="356" t="s">
        <v>43</v>
      </c>
      <c r="FB6" s="357" t="s">
        <v>44</v>
      </c>
      <c r="FC6" s="358" t="s">
        <v>45</v>
      </c>
      <c r="FD6" s="359" t="s">
        <v>46</v>
      </c>
      <c r="FE6" s="357" t="s">
        <v>47</v>
      </c>
      <c r="FF6" s="357" t="s">
        <v>48</v>
      </c>
      <c r="FG6" s="357" t="s">
        <v>49</v>
      </c>
      <c r="FH6" s="357" t="s">
        <v>50</v>
      </c>
      <c r="FI6" s="357" t="s">
        <v>51</v>
      </c>
      <c r="FJ6" s="358" t="s">
        <v>45</v>
      </c>
      <c r="FK6" s="360" t="s">
        <v>52</v>
      </c>
      <c r="FL6" s="356" t="s">
        <v>43</v>
      </c>
      <c r="FM6" s="357" t="s">
        <v>44</v>
      </c>
      <c r="FN6" s="358" t="s">
        <v>45</v>
      </c>
      <c r="FO6" s="359" t="s">
        <v>46</v>
      </c>
      <c r="FP6" s="357" t="s">
        <v>47</v>
      </c>
      <c r="FQ6" s="357" t="s">
        <v>48</v>
      </c>
      <c r="FR6" s="357" t="s">
        <v>49</v>
      </c>
      <c r="FS6" s="357" t="s">
        <v>50</v>
      </c>
      <c r="FT6" s="357" t="s">
        <v>51</v>
      </c>
      <c r="FU6" s="358" t="s">
        <v>45</v>
      </c>
      <c r="FV6" s="360" t="s">
        <v>52</v>
      </c>
      <c r="FW6" s="356" t="s">
        <v>43</v>
      </c>
      <c r="FX6" s="357" t="s">
        <v>44</v>
      </c>
      <c r="FY6" s="358" t="s">
        <v>45</v>
      </c>
      <c r="FZ6" s="359" t="s">
        <v>46</v>
      </c>
      <c r="GA6" s="357" t="s">
        <v>47</v>
      </c>
      <c r="GB6" s="357" t="s">
        <v>48</v>
      </c>
      <c r="GC6" s="357" t="s">
        <v>49</v>
      </c>
      <c r="GD6" s="357" t="s">
        <v>50</v>
      </c>
      <c r="GE6" s="357" t="s">
        <v>51</v>
      </c>
      <c r="GF6" s="358" t="s">
        <v>45</v>
      </c>
      <c r="GG6" s="360" t="s">
        <v>52</v>
      </c>
      <c r="GH6" s="356" t="s">
        <v>43</v>
      </c>
      <c r="GI6" s="357" t="s">
        <v>44</v>
      </c>
      <c r="GJ6" s="358" t="s">
        <v>45</v>
      </c>
      <c r="GK6" s="359" t="s">
        <v>46</v>
      </c>
      <c r="GL6" s="357" t="s">
        <v>47</v>
      </c>
      <c r="GM6" s="357" t="s">
        <v>48</v>
      </c>
      <c r="GN6" s="357" t="s">
        <v>49</v>
      </c>
      <c r="GO6" s="357" t="s">
        <v>50</v>
      </c>
      <c r="GP6" s="357" t="s">
        <v>51</v>
      </c>
      <c r="GQ6" s="358" t="s">
        <v>45</v>
      </c>
      <c r="GR6" s="360" t="s">
        <v>52</v>
      </c>
      <c r="GS6" s="51" t="s">
        <v>43</v>
      </c>
      <c r="GT6" s="47" t="s">
        <v>44</v>
      </c>
      <c r="GU6" s="48" t="s">
        <v>45</v>
      </c>
      <c r="GV6" s="52" t="s">
        <v>46</v>
      </c>
      <c r="GW6" s="47" t="s">
        <v>47</v>
      </c>
      <c r="GX6" s="47" t="s">
        <v>48</v>
      </c>
      <c r="GY6" s="47" t="s">
        <v>49</v>
      </c>
      <c r="GZ6" s="47" t="s">
        <v>50</v>
      </c>
      <c r="HA6" s="47" t="s">
        <v>51</v>
      </c>
      <c r="HB6" s="48" t="s">
        <v>45</v>
      </c>
      <c r="HC6" s="53" t="s">
        <v>52</v>
      </c>
      <c r="HD6" s="356" t="s">
        <v>43</v>
      </c>
      <c r="HE6" s="357" t="s">
        <v>44</v>
      </c>
      <c r="HF6" s="358" t="s">
        <v>45</v>
      </c>
      <c r="HG6" s="359" t="s">
        <v>46</v>
      </c>
      <c r="HH6" s="357" t="s">
        <v>47</v>
      </c>
      <c r="HI6" s="357" t="s">
        <v>48</v>
      </c>
      <c r="HJ6" s="357" t="s">
        <v>49</v>
      </c>
      <c r="HK6" s="357" t="s">
        <v>50</v>
      </c>
      <c r="HL6" s="357" t="s">
        <v>51</v>
      </c>
      <c r="HM6" s="358" t="s">
        <v>45</v>
      </c>
      <c r="HN6" s="360" t="s">
        <v>52</v>
      </c>
      <c r="HO6" s="356" t="s">
        <v>43</v>
      </c>
      <c r="HP6" s="357" t="s">
        <v>44</v>
      </c>
      <c r="HQ6" s="358" t="s">
        <v>45</v>
      </c>
      <c r="HR6" s="359" t="s">
        <v>46</v>
      </c>
      <c r="HS6" s="357" t="s">
        <v>47</v>
      </c>
      <c r="HT6" s="357" t="s">
        <v>48</v>
      </c>
      <c r="HU6" s="357" t="s">
        <v>49</v>
      </c>
      <c r="HV6" s="357" t="s">
        <v>50</v>
      </c>
      <c r="HW6" s="357" t="s">
        <v>51</v>
      </c>
      <c r="HX6" s="358" t="s">
        <v>45</v>
      </c>
      <c r="HY6" s="360" t="s">
        <v>52</v>
      </c>
      <c r="HZ6" s="356" t="s">
        <v>43</v>
      </c>
      <c r="IA6" s="357" t="s">
        <v>44</v>
      </c>
      <c r="IB6" s="358" t="s">
        <v>45</v>
      </c>
      <c r="IC6" s="359" t="s">
        <v>46</v>
      </c>
      <c r="ID6" s="357" t="s">
        <v>47</v>
      </c>
      <c r="IE6" s="357" t="s">
        <v>48</v>
      </c>
      <c r="IF6" s="357" t="s">
        <v>49</v>
      </c>
      <c r="IG6" s="357" t="s">
        <v>50</v>
      </c>
      <c r="IH6" s="357" t="s">
        <v>51</v>
      </c>
      <c r="II6" s="358" t="s">
        <v>45</v>
      </c>
      <c r="IJ6" s="360" t="s">
        <v>52</v>
      </c>
      <c r="IK6" s="356" t="s">
        <v>43</v>
      </c>
      <c r="IL6" s="357" t="s">
        <v>44</v>
      </c>
      <c r="IM6" s="358" t="s">
        <v>45</v>
      </c>
      <c r="IN6" s="359" t="s">
        <v>46</v>
      </c>
      <c r="IO6" s="357" t="s">
        <v>47</v>
      </c>
      <c r="IP6" s="357" t="s">
        <v>48</v>
      </c>
      <c r="IQ6" s="357" t="s">
        <v>49</v>
      </c>
      <c r="IR6" s="357" t="s">
        <v>50</v>
      </c>
      <c r="IS6" s="357" t="s">
        <v>51</v>
      </c>
      <c r="IT6" s="358" t="s">
        <v>45</v>
      </c>
      <c r="IU6" s="360" t="s">
        <v>52</v>
      </c>
      <c r="IV6" s="356" t="s">
        <v>43</v>
      </c>
      <c r="IW6" s="357" t="s">
        <v>44</v>
      </c>
      <c r="IX6" s="358" t="s">
        <v>45</v>
      </c>
      <c r="IY6" s="359" t="s">
        <v>46</v>
      </c>
      <c r="IZ6" s="357" t="s">
        <v>47</v>
      </c>
      <c r="JA6" s="357" t="s">
        <v>48</v>
      </c>
      <c r="JB6" s="357" t="s">
        <v>49</v>
      </c>
      <c r="JC6" s="357" t="s">
        <v>50</v>
      </c>
      <c r="JD6" s="357" t="s">
        <v>51</v>
      </c>
      <c r="JE6" s="358" t="s">
        <v>45</v>
      </c>
      <c r="JF6" s="360" t="s">
        <v>52</v>
      </c>
      <c r="JG6" s="356" t="s">
        <v>43</v>
      </c>
      <c r="JH6" s="357" t="s">
        <v>44</v>
      </c>
      <c r="JI6" s="358" t="s">
        <v>45</v>
      </c>
      <c r="JJ6" s="359" t="s">
        <v>46</v>
      </c>
      <c r="JK6" s="357" t="s">
        <v>47</v>
      </c>
      <c r="JL6" s="357" t="s">
        <v>48</v>
      </c>
      <c r="JM6" s="357" t="s">
        <v>49</v>
      </c>
      <c r="JN6" s="357" t="s">
        <v>50</v>
      </c>
      <c r="JO6" s="357" t="s">
        <v>51</v>
      </c>
      <c r="JP6" s="358" t="s">
        <v>45</v>
      </c>
      <c r="JQ6" s="360" t="s">
        <v>52</v>
      </c>
      <c r="JR6" s="356" t="s">
        <v>43</v>
      </c>
      <c r="JS6" s="357" t="s">
        <v>44</v>
      </c>
      <c r="JT6" s="358" t="s">
        <v>45</v>
      </c>
      <c r="JU6" s="359" t="s">
        <v>46</v>
      </c>
      <c r="JV6" s="357" t="s">
        <v>47</v>
      </c>
      <c r="JW6" s="357" t="s">
        <v>48</v>
      </c>
      <c r="JX6" s="357" t="s">
        <v>49</v>
      </c>
      <c r="JY6" s="357" t="s">
        <v>50</v>
      </c>
      <c r="JZ6" s="357" t="s">
        <v>51</v>
      </c>
      <c r="KA6" s="358" t="s">
        <v>45</v>
      </c>
      <c r="KB6" s="360" t="s">
        <v>52</v>
      </c>
      <c r="KC6" s="356" t="s">
        <v>43</v>
      </c>
      <c r="KD6" s="357" t="s">
        <v>44</v>
      </c>
      <c r="KE6" s="358" t="s">
        <v>45</v>
      </c>
      <c r="KF6" s="359" t="s">
        <v>46</v>
      </c>
      <c r="KG6" s="357" t="s">
        <v>47</v>
      </c>
      <c r="KH6" s="357" t="s">
        <v>48</v>
      </c>
      <c r="KI6" s="357" t="s">
        <v>49</v>
      </c>
      <c r="KJ6" s="357" t="s">
        <v>50</v>
      </c>
      <c r="KK6" s="357" t="s">
        <v>51</v>
      </c>
      <c r="KL6" s="358" t="s">
        <v>45</v>
      </c>
      <c r="KM6" s="360" t="s">
        <v>52</v>
      </c>
    </row>
    <row r="7" spans="2:299" ht="21" customHeight="1" x14ac:dyDescent="0.2">
      <c r="B7" s="125" t="s">
        <v>4</v>
      </c>
      <c r="C7" s="314">
        <v>4255</v>
      </c>
      <c r="D7" s="78">
        <v>3931</v>
      </c>
      <c r="E7" s="79">
        <v>8186</v>
      </c>
      <c r="F7" s="240"/>
      <c r="G7" s="78">
        <v>5798</v>
      </c>
      <c r="H7" s="78">
        <v>5180</v>
      </c>
      <c r="I7" s="78">
        <v>3533</v>
      </c>
      <c r="J7" s="78">
        <v>2815</v>
      </c>
      <c r="K7" s="78">
        <v>1647</v>
      </c>
      <c r="L7" s="80">
        <v>18973</v>
      </c>
      <c r="M7" s="81">
        <v>27159</v>
      </c>
      <c r="N7" s="66">
        <v>58</v>
      </c>
      <c r="O7" s="67">
        <v>65</v>
      </c>
      <c r="P7" s="68">
        <v>123</v>
      </c>
      <c r="Q7" s="243"/>
      <c r="R7" s="67">
        <v>86</v>
      </c>
      <c r="S7" s="67">
        <v>120</v>
      </c>
      <c r="T7" s="67">
        <v>60</v>
      </c>
      <c r="U7" s="67">
        <v>40</v>
      </c>
      <c r="V7" s="67">
        <v>36</v>
      </c>
      <c r="W7" s="68">
        <v>342</v>
      </c>
      <c r="X7" s="69">
        <v>465</v>
      </c>
      <c r="Y7" s="66">
        <v>165</v>
      </c>
      <c r="Z7" s="67">
        <v>181</v>
      </c>
      <c r="AA7" s="68">
        <v>346</v>
      </c>
      <c r="AB7" s="243"/>
      <c r="AC7" s="67">
        <v>224</v>
      </c>
      <c r="AD7" s="67">
        <v>229</v>
      </c>
      <c r="AE7" s="67">
        <v>157</v>
      </c>
      <c r="AF7" s="67">
        <v>140</v>
      </c>
      <c r="AG7" s="67">
        <v>92</v>
      </c>
      <c r="AH7" s="68">
        <v>842</v>
      </c>
      <c r="AI7" s="69">
        <v>1188</v>
      </c>
      <c r="AJ7" s="66">
        <v>346</v>
      </c>
      <c r="AK7" s="67">
        <v>324</v>
      </c>
      <c r="AL7" s="68">
        <v>670</v>
      </c>
      <c r="AM7" s="243"/>
      <c r="AN7" s="67">
        <v>458</v>
      </c>
      <c r="AO7" s="67">
        <v>396</v>
      </c>
      <c r="AP7" s="67">
        <v>278</v>
      </c>
      <c r="AQ7" s="67">
        <v>207</v>
      </c>
      <c r="AR7" s="67">
        <v>158</v>
      </c>
      <c r="AS7" s="68">
        <v>1497</v>
      </c>
      <c r="AT7" s="69">
        <v>2167</v>
      </c>
      <c r="AU7" s="66">
        <v>815</v>
      </c>
      <c r="AV7" s="67">
        <v>724</v>
      </c>
      <c r="AW7" s="68">
        <v>1539</v>
      </c>
      <c r="AX7" s="243"/>
      <c r="AY7" s="67">
        <v>1119</v>
      </c>
      <c r="AZ7" s="67">
        <v>900</v>
      </c>
      <c r="BA7" s="67">
        <v>565</v>
      </c>
      <c r="BB7" s="67">
        <v>435</v>
      </c>
      <c r="BC7" s="67">
        <v>321</v>
      </c>
      <c r="BD7" s="68">
        <v>3340</v>
      </c>
      <c r="BE7" s="69">
        <v>4879</v>
      </c>
      <c r="BF7" s="66">
        <v>1551</v>
      </c>
      <c r="BG7" s="67">
        <v>1352</v>
      </c>
      <c r="BH7" s="68">
        <v>2903</v>
      </c>
      <c r="BI7" s="243"/>
      <c r="BJ7" s="67">
        <v>1928</v>
      </c>
      <c r="BK7" s="67">
        <v>1590</v>
      </c>
      <c r="BL7" s="67">
        <v>1045</v>
      </c>
      <c r="BM7" s="67">
        <v>845</v>
      </c>
      <c r="BN7" s="67">
        <v>485</v>
      </c>
      <c r="BO7" s="68">
        <v>5893</v>
      </c>
      <c r="BP7" s="69">
        <v>8796</v>
      </c>
      <c r="BQ7" s="66">
        <v>1320</v>
      </c>
      <c r="BR7" s="67">
        <v>1285</v>
      </c>
      <c r="BS7" s="68">
        <v>2605</v>
      </c>
      <c r="BT7" s="243"/>
      <c r="BU7" s="67">
        <v>1983</v>
      </c>
      <c r="BV7" s="67">
        <v>1945</v>
      </c>
      <c r="BW7" s="67">
        <v>1428</v>
      </c>
      <c r="BX7" s="67">
        <v>1148</v>
      </c>
      <c r="BY7" s="67">
        <v>555</v>
      </c>
      <c r="BZ7" s="68">
        <v>7059</v>
      </c>
      <c r="CA7" s="69">
        <v>9664</v>
      </c>
      <c r="CB7" s="66">
        <v>0</v>
      </c>
      <c r="CC7" s="67">
        <v>0</v>
      </c>
      <c r="CD7" s="68">
        <v>0</v>
      </c>
      <c r="CE7" s="243"/>
      <c r="CF7" s="67">
        <v>0</v>
      </c>
      <c r="CG7" s="67">
        <v>0</v>
      </c>
      <c r="CH7" s="67">
        <v>0</v>
      </c>
      <c r="CI7" s="67">
        <v>0</v>
      </c>
      <c r="CJ7" s="67">
        <v>0</v>
      </c>
      <c r="CK7" s="68">
        <v>0</v>
      </c>
      <c r="CL7" s="69">
        <v>0</v>
      </c>
      <c r="CM7" s="66">
        <v>4255</v>
      </c>
      <c r="CN7" s="67">
        <v>3931</v>
      </c>
      <c r="CO7" s="68">
        <v>8186</v>
      </c>
      <c r="CP7" s="243"/>
      <c r="CQ7" s="67">
        <v>5798</v>
      </c>
      <c r="CR7" s="67">
        <v>5180</v>
      </c>
      <c r="CS7" s="67">
        <v>3533</v>
      </c>
      <c r="CT7" s="67">
        <v>2815</v>
      </c>
      <c r="CU7" s="67">
        <v>1647</v>
      </c>
      <c r="CV7" s="68">
        <v>18973</v>
      </c>
      <c r="CW7" s="69">
        <v>27159</v>
      </c>
      <c r="CX7" s="122">
        <v>606</v>
      </c>
      <c r="CY7" s="78">
        <v>644</v>
      </c>
      <c r="CZ7" s="79">
        <v>1250</v>
      </c>
      <c r="DA7" s="240"/>
      <c r="DB7" s="78">
        <v>806</v>
      </c>
      <c r="DC7" s="78">
        <v>743</v>
      </c>
      <c r="DD7" s="78">
        <v>513</v>
      </c>
      <c r="DE7" s="78">
        <v>541</v>
      </c>
      <c r="DF7" s="78">
        <v>341</v>
      </c>
      <c r="DG7" s="80">
        <v>2944</v>
      </c>
      <c r="DH7" s="81">
        <v>4194</v>
      </c>
      <c r="DI7" s="66">
        <v>12</v>
      </c>
      <c r="DJ7" s="67">
        <v>14</v>
      </c>
      <c r="DK7" s="68">
        <v>26</v>
      </c>
      <c r="DL7" s="243"/>
      <c r="DM7" s="67">
        <v>10</v>
      </c>
      <c r="DN7" s="67">
        <v>10</v>
      </c>
      <c r="DO7" s="67">
        <v>7</v>
      </c>
      <c r="DP7" s="67">
        <v>10</v>
      </c>
      <c r="DQ7" s="67">
        <v>5</v>
      </c>
      <c r="DR7" s="68">
        <v>42</v>
      </c>
      <c r="DS7" s="69">
        <v>68</v>
      </c>
      <c r="DT7" s="66">
        <v>33</v>
      </c>
      <c r="DU7" s="67">
        <v>47</v>
      </c>
      <c r="DV7" s="68">
        <v>80</v>
      </c>
      <c r="DW7" s="243"/>
      <c r="DX7" s="67">
        <v>36</v>
      </c>
      <c r="DY7" s="67">
        <v>31</v>
      </c>
      <c r="DZ7" s="67">
        <v>15</v>
      </c>
      <c r="EA7" s="67">
        <v>22</v>
      </c>
      <c r="EB7" s="67">
        <v>8</v>
      </c>
      <c r="EC7" s="68">
        <v>112</v>
      </c>
      <c r="ED7" s="69">
        <v>192</v>
      </c>
      <c r="EE7" s="66">
        <v>78</v>
      </c>
      <c r="EF7" s="67">
        <v>73</v>
      </c>
      <c r="EG7" s="68">
        <v>151</v>
      </c>
      <c r="EH7" s="243"/>
      <c r="EI7" s="67">
        <v>74</v>
      </c>
      <c r="EJ7" s="67">
        <v>61</v>
      </c>
      <c r="EK7" s="67">
        <v>42</v>
      </c>
      <c r="EL7" s="67">
        <v>18</v>
      </c>
      <c r="EM7" s="67">
        <v>17</v>
      </c>
      <c r="EN7" s="68">
        <v>212</v>
      </c>
      <c r="EO7" s="69">
        <v>363</v>
      </c>
      <c r="EP7" s="66">
        <v>167</v>
      </c>
      <c r="EQ7" s="67">
        <v>144</v>
      </c>
      <c r="ER7" s="68">
        <v>311</v>
      </c>
      <c r="ES7" s="243"/>
      <c r="ET7" s="67">
        <v>156</v>
      </c>
      <c r="EU7" s="67">
        <v>108</v>
      </c>
      <c r="EV7" s="67">
        <v>59</v>
      </c>
      <c r="EW7" s="67">
        <v>65</v>
      </c>
      <c r="EX7" s="67">
        <v>36</v>
      </c>
      <c r="EY7" s="68">
        <v>424</v>
      </c>
      <c r="EZ7" s="69">
        <v>735</v>
      </c>
      <c r="FA7" s="66">
        <v>178</v>
      </c>
      <c r="FB7" s="67">
        <v>200</v>
      </c>
      <c r="FC7" s="68">
        <v>378</v>
      </c>
      <c r="FD7" s="243"/>
      <c r="FE7" s="67">
        <v>248</v>
      </c>
      <c r="FF7" s="67">
        <v>214</v>
      </c>
      <c r="FG7" s="67">
        <v>134</v>
      </c>
      <c r="FH7" s="67">
        <v>122</v>
      </c>
      <c r="FI7" s="67">
        <v>95</v>
      </c>
      <c r="FJ7" s="68">
        <v>813</v>
      </c>
      <c r="FK7" s="69">
        <v>1191</v>
      </c>
      <c r="FL7" s="66">
        <v>138</v>
      </c>
      <c r="FM7" s="67">
        <v>166</v>
      </c>
      <c r="FN7" s="68">
        <v>304</v>
      </c>
      <c r="FO7" s="243"/>
      <c r="FP7" s="67">
        <v>282</v>
      </c>
      <c r="FQ7" s="67">
        <v>319</v>
      </c>
      <c r="FR7" s="67">
        <v>256</v>
      </c>
      <c r="FS7" s="67">
        <v>304</v>
      </c>
      <c r="FT7" s="67">
        <v>180</v>
      </c>
      <c r="FU7" s="68">
        <v>1341</v>
      </c>
      <c r="FV7" s="69">
        <v>1645</v>
      </c>
      <c r="FW7" s="66">
        <v>0</v>
      </c>
      <c r="FX7" s="67">
        <v>0</v>
      </c>
      <c r="FY7" s="68">
        <v>0</v>
      </c>
      <c r="FZ7" s="243"/>
      <c r="GA7" s="67">
        <v>0</v>
      </c>
      <c r="GB7" s="67">
        <v>0</v>
      </c>
      <c r="GC7" s="67">
        <v>0</v>
      </c>
      <c r="GD7" s="67">
        <v>0</v>
      </c>
      <c r="GE7" s="67">
        <v>0</v>
      </c>
      <c r="GF7" s="68">
        <v>0</v>
      </c>
      <c r="GG7" s="69">
        <v>0</v>
      </c>
      <c r="GH7" s="66">
        <v>606</v>
      </c>
      <c r="GI7" s="67">
        <v>644</v>
      </c>
      <c r="GJ7" s="68">
        <v>1250</v>
      </c>
      <c r="GK7" s="243"/>
      <c r="GL7" s="67">
        <v>806</v>
      </c>
      <c r="GM7" s="67">
        <v>743</v>
      </c>
      <c r="GN7" s="67">
        <v>513</v>
      </c>
      <c r="GO7" s="67">
        <v>541</v>
      </c>
      <c r="GP7" s="67">
        <v>341</v>
      </c>
      <c r="GQ7" s="68">
        <v>2944</v>
      </c>
      <c r="GR7" s="69">
        <v>4194</v>
      </c>
      <c r="GS7" s="122">
        <v>4861</v>
      </c>
      <c r="GT7" s="78">
        <v>4575</v>
      </c>
      <c r="GU7" s="79">
        <v>9436</v>
      </c>
      <c r="GV7" s="240"/>
      <c r="GW7" s="78">
        <v>6604</v>
      </c>
      <c r="GX7" s="78">
        <v>5923</v>
      </c>
      <c r="GY7" s="78">
        <v>4046</v>
      </c>
      <c r="GZ7" s="78">
        <v>3356</v>
      </c>
      <c r="HA7" s="78">
        <v>1988</v>
      </c>
      <c r="HB7" s="80">
        <v>21917</v>
      </c>
      <c r="HC7" s="81">
        <v>31353</v>
      </c>
      <c r="HD7" s="66">
        <v>70</v>
      </c>
      <c r="HE7" s="67">
        <v>79</v>
      </c>
      <c r="HF7" s="68">
        <v>149</v>
      </c>
      <c r="HG7" s="243"/>
      <c r="HH7" s="67">
        <v>96</v>
      </c>
      <c r="HI7" s="67">
        <v>130</v>
      </c>
      <c r="HJ7" s="67">
        <v>67</v>
      </c>
      <c r="HK7" s="67">
        <v>50</v>
      </c>
      <c r="HL7" s="67">
        <v>41</v>
      </c>
      <c r="HM7" s="68">
        <v>384</v>
      </c>
      <c r="HN7" s="69">
        <v>533</v>
      </c>
      <c r="HO7" s="66">
        <v>198</v>
      </c>
      <c r="HP7" s="67">
        <v>228</v>
      </c>
      <c r="HQ7" s="68">
        <v>426</v>
      </c>
      <c r="HR7" s="243"/>
      <c r="HS7" s="67">
        <v>260</v>
      </c>
      <c r="HT7" s="67">
        <v>260</v>
      </c>
      <c r="HU7" s="67">
        <v>172</v>
      </c>
      <c r="HV7" s="67">
        <v>162</v>
      </c>
      <c r="HW7" s="67">
        <v>100</v>
      </c>
      <c r="HX7" s="68">
        <v>954</v>
      </c>
      <c r="HY7" s="69">
        <v>1380</v>
      </c>
      <c r="HZ7" s="66">
        <v>424</v>
      </c>
      <c r="IA7" s="67">
        <v>397</v>
      </c>
      <c r="IB7" s="68">
        <v>821</v>
      </c>
      <c r="IC7" s="243"/>
      <c r="ID7" s="67">
        <v>532</v>
      </c>
      <c r="IE7" s="67">
        <v>457</v>
      </c>
      <c r="IF7" s="67">
        <v>320</v>
      </c>
      <c r="IG7" s="67">
        <v>225</v>
      </c>
      <c r="IH7" s="67">
        <v>175</v>
      </c>
      <c r="II7" s="68">
        <v>1709</v>
      </c>
      <c r="IJ7" s="69">
        <v>2530</v>
      </c>
      <c r="IK7" s="66">
        <v>982</v>
      </c>
      <c r="IL7" s="67">
        <v>868</v>
      </c>
      <c r="IM7" s="68">
        <v>1850</v>
      </c>
      <c r="IN7" s="243"/>
      <c r="IO7" s="67">
        <v>1275</v>
      </c>
      <c r="IP7" s="67">
        <v>1008</v>
      </c>
      <c r="IQ7" s="67">
        <v>624</v>
      </c>
      <c r="IR7" s="67">
        <v>500</v>
      </c>
      <c r="IS7" s="67">
        <v>357</v>
      </c>
      <c r="IT7" s="68">
        <v>3764</v>
      </c>
      <c r="IU7" s="69">
        <v>5614</v>
      </c>
      <c r="IV7" s="66">
        <v>1729</v>
      </c>
      <c r="IW7" s="67">
        <v>1552</v>
      </c>
      <c r="IX7" s="68">
        <v>3281</v>
      </c>
      <c r="IY7" s="243"/>
      <c r="IZ7" s="67">
        <v>2176</v>
      </c>
      <c r="JA7" s="67">
        <v>1804</v>
      </c>
      <c r="JB7" s="67">
        <v>1179</v>
      </c>
      <c r="JC7" s="67">
        <v>967</v>
      </c>
      <c r="JD7" s="67">
        <v>580</v>
      </c>
      <c r="JE7" s="68">
        <v>6706</v>
      </c>
      <c r="JF7" s="69">
        <v>9987</v>
      </c>
      <c r="JG7" s="66">
        <v>1458</v>
      </c>
      <c r="JH7" s="67">
        <v>1451</v>
      </c>
      <c r="JI7" s="68">
        <v>2909</v>
      </c>
      <c r="JJ7" s="243"/>
      <c r="JK7" s="67">
        <v>2265</v>
      </c>
      <c r="JL7" s="67">
        <v>2264</v>
      </c>
      <c r="JM7" s="67">
        <v>1684</v>
      </c>
      <c r="JN7" s="67">
        <v>1452</v>
      </c>
      <c r="JO7" s="67">
        <v>735</v>
      </c>
      <c r="JP7" s="68">
        <v>8400</v>
      </c>
      <c r="JQ7" s="69">
        <v>11309</v>
      </c>
      <c r="JR7" s="66">
        <v>0</v>
      </c>
      <c r="JS7" s="67">
        <v>0</v>
      </c>
      <c r="JT7" s="68">
        <v>0</v>
      </c>
      <c r="JU7" s="243"/>
      <c r="JV7" s="67">
        <v>0</v>
      </c>
      <c r="JW7" s="67">
        <v>0</v>
      </c>
      <c r="JX7" s="67">
        <v>0</v>
      </c>
      <c r="JY7" s="67">
        <v>0</v>
      </c>
      <c r="JZ7" s="67">
        <v>0</v>
      </c>
      <c r="KA7" s="68">
        <v>0</v>
      </c>
      <c r="KB7" s="69">
        <v>0</v>
      </c>
      <c r="KC7" s="66">
        <v>4861</v>
      </c>
      <c r="KD7" s="67">
        <v>4575</v>
      </c>
      <c r="KE7" s="68">
        <v>9436</v>
      </c>
      <c r="KF7" s="243"/>
      <c r="KG7" s="67">
        <v>6604</v>
      </c>
      <c r="KH7" s="67">
        <v>5923</v>
      </c>
      <c r="KI7" s="67">
        <v>4046</v>
      </c>
      <c r="KJ7" s="67">
        <v>3356</v>
      </c>
      <c r="KK7" s="67">
        <v>1988</v>
      </c>
      <c r="KL7" s="68">
        <v>21917</v>
      </c>
      <c r="KM7" s="69">
        <v>31353</v>
      </c>
    </row>
    <row r="8" spans="2:299" ht="21" customHeight="1" x14ac:dyDescent="0.2">
      <c r="B8" s="126" t="s">
        <v>5</v>
      </c>
      <c r="C8" s="315">
        <v>1839</v>
      </c>
      <c r="D8" s="82">
        <v>1977</v>
      </c>
      <c r="E8" s="83">
        <v>3816</v>
      </c>
      <c r="F8" s="241"/>
      <c r="G8" s="82">
        <v>2110</v>
      </c>
      <c r="H8" s="82">
        <v>2416</v>
      </c>
      <c r="I8" s="82">
        <v>1610</v>
      </c>
      <c r="J8" s="82">
        <v>1206</v>
      </c>
      <c r="K8" s="82">
        <v>747</v>
      </c>
      <c r="L8" s="84">
        <v>8089</v>
      </c>
      <c r="M8" s="85">
        <v>11905</v>
      </c>
      <c r="N8" s="70">
        <v>22</v>
      </c>
      <c r="O8" s="71">
        <v>35</v>
      </c>
      <c r="P8" s="72">
        <v>57</v>
      </c>
      <c r="Q8" s="244"/>
      <c r="R8" s="71">
        <v>30</v>
      </c>
      <c r="S8" s="71">
        <v>54</v>
      </c>
      <c r="T8" s="71">
        <v>26</v>
      </c>
      <c r="U8" s="71">
        <v>18</v>
      </c>
      <c r="V8" s="71">
        <v>19</v>
      </c>
      <c r="W8" s="72">
        <v>147</v>
      </c>
      <c r="X8" s="73">
        <v>204</v>
      </c>
      <c r="Y8" s="70">
        <v>65</v>
      </c>
      <c r="Z8" s="71">
        <v>84</v>
      </c>
      <c r="AA8" s="72">
        <v>149</v>
      </c>
      <c r="AB8" s="244"/>
      <c r="AC8" s="71">
        <v>68</v>
      </c>
      <c r="AD8" s="71">
        <v>114</v>
      </c>
      <c r="AE8" s="71">
        <v>70</v>
      </c>
      <c r="AF8" s="71">
        <v>51</v>
      </c>
      <c r="AG8" s="71">
        <v>41</v>
      </c>
      <c r="AH8" s="72">
        <v>344</v>
      </c>
      <c r="AI8" s="73">
        <v>493</v>
      </c>
      <c r="AJ8" s="70">
        <v>139</v>
      </c>
      <c r="AK8" s="71">
        <v>160</v>
      </c>
      <c r="AL8" s="72">
        <v>299</v>
      </c>
      <c r="AM8" s="244"/>
      <c r="AN8" s="71">
        <v>159</v>
      </c>
      <c r="AO8" s="71">
        <v>160</v>
      </c>
      <c r="AP8" s="71">
        <v>111</v>
      </c>
      <c r="AQ8" s="71">
        <v>76</v>
      </c>
      <c r="AR8" s="71">
        <v>62</v>
      </c>
      <c r="AS8" s="72">
        <v>568</v>
      </c>
      <c r="AT8" s="73">
        <v>867</v>
      </c>
      <c r="AU8" s="70">
        <v>352</v>
      </c>
      <c r="AV8" s="71">
        <v>353</v>
      </c>
      <c r="AW8" s="72">
        <v>705</v>
      </c>
      <c r="AX8" s="244"/>
      <c r="AY8" s="71">
        <v>389</v>
      </c>
      <c r="AZ8" s="71">
        <v>376</v>
      </c>
      <c r="BA8" s="71">
        <v>253</v>
      </c>
      <c r="BB8" s="71">
        <v>180</v>
      </c>
      <c r="BC8" s="71">
        <v>138</v>
      </c>
      <c r="BD8" s="72">
        <v>1336</v>
      </c>
      <c r="BE8" s="73">
        <v>2041</v>
      </c>
      <c r="BF8" s="70">
        <v>668</v>
      </c>
      <c r="BG8" s="71">
        <v>695</v>
      </c>
      <c r="BH8" s="72">
        <v>1363</v>
      </c>
      <c r="BI8" s="244"/>
      <c r="BJ8" s="71">
        <v>756</v>
      </c>
      <c r="BK8" s="71">
        <v>755</v>
      </c>
      <c r="BL8" s="71">
        <v>470</v>
      </c>
      <c r="BM8" s="71">
        <v>361</v>
      </c>
      <c r="BN8" s="71">
        <v>221</v>
      </c>
      <c r="BO8" s="72">
        <v>2563</v>
      </c>
      <c r="BP8" s="73">
        <v>3926</v>
      </c>
      <c r="BQ8" s="70">
        <v>593</v>
      </c>
      <c r="BR8" s="71">
        <v>650</v>
      </c>
      <c r="BS8" s="72">
        <v>1243</v>
      </c>
      <c r="BT8" s="244"/>
      <c r="BU8" s="71">
        <v>708</v>
      </c>
      <c r="BV8" s="71">
        <v>957</v>
      </c>
      <c r="BW8" s="71">
        <v>680</v>
      </c>
      <c r="BX8" s="71">
        <v>520</v>
      </c>
      <c r="BY8" s="71">
        <v>266</v>
      </c>
      <c r="BZ8" s="72">
        <v>3131</v>
      </c>
      <c r="CA8" s="73">
        <v>4374</v>
      </c>
      <c r="CB8" s="70">
        <v>0</v>
      </c>
      <c r="CC8" s="71">
        <v>0</v>
      </c>
      <c r="CD8" s="72">
        <v>0</v>
      </c>
      <c r="CE8" s="244"/>
      <c r="CF8" s="71">
        <v>0</v>
      </c>
      <c r="CG8" s="71">
        <v>0</v>
      </c>
      <c r="CH8" s="71">
        <v>0</v>
      </c>
      <c r="CI8" s="71">
        <v>0</v>
      </c>
      <c r="CJ8" s="71">
        <v>0</v>
      </c>
      <c r="CK8" s="72">
        <v>0</v>
      </c>
      <c r="CL8" s="73">
        <v>0</v>
      </c>
      <c r="CM8" s="70">
        <v>1839</v>
      </c>
      <c r="CN8" s="71">
        <v>1977</v>
      </c>
      <c r="CO8" s="72">
        <v>3816</v>
      </c>
      <c r="CP8" s="244"/>
      <c r="CQ8" s="71">
        <v>2110</v>
      </c>
      <c r="CR8" s="71">
        <v>2416</v>
      </c>
      <c r="CS8" s="71">
        <v>1610</v>
      </c>
      <c r="CT8" s="71">
        <v>1206</v>
      </c>
      <c r="CU8" s="71">
        <v>747</v>
      </c>
      <c r="CV8" s="72">
        <v>8089</v>
      </c>
      <c r="CW8" s="73">
        <v>11905</v>
      </c>
      <c r="CX8" s="123">
        <v>240</v>
      </c>
      <c r="CY8" s="82">
        <v>319</v>
      </c>
      <c r="CZ8" s="83">
        <v>559</v>
      </c>
      <c r="DA8" s="241"/>
      <c r="DB8" s="82">
        <v>294</v>
      </c>
      <c r="DC8" s="82">
        <v>355</v>
      </c>
      <c r="DD8" s="82">
        <v>221</v>
      </c>
      <c r="DE8" s="82">
        <v>244</v>
      </c>
      <c r="DF8" s="82">
        <v>155</v>
      </c>
      <c r="DG8" s="84">
        <v>1269</v>
      </c>
      <c r="DH8" s="85">
        <v>1828</v>
      </c>
      <c r="DI8" s="70">
        <v>7</v>
      </c>
      <c r="DJ8" s="71">
        <v>7</v>
      </c>
      <c r="DK8" s="72">
        <v>14</v>
      </c>
      <c r="DL8" s="244"/>
      <c r="DM8" s="71">
        <v>3</v>
      </c>
      <c r="DN8" s="71">
        <v>5</v>
      </c>
      <c r="DO8" s="71">
        <v>4</v>
      </c>
      <c r="DP8" s="71">
        <v>4</v>
      </c>
      <c r="DQ8" s="71">
        <v>3</v>
      </c>
      <c r="DR8" s="72">
        <v>19</v>
      </c>
      <c r="DS8" s="73">
        <v>33</v>
      </c>
      <c r="DT8" s="70">
        <v>12</v>
      </c>
      <c r="DU8" s="71">
        <v>25</v>
      </c>
      <c r="DV8" s="72">
        <v>37</v>
      </c>
      <c r="DW8" s="244"/>
      <c r="DX8" s="71">
        <v>10</v>
      </c>
      <c r="DY8" s="71">
        <v>13</v>
      </c>
      <c r="DZ8" s="71">
        <v>4</v>
      </c>
      <c r="EA8" s="71">
        <v>8</v>
      </c>
      <c r="EB8" s="71">
        <v>5</v>
      </c>
      <c r="EC8" s="72">
        <v>40</v>
      </c>
      <c r="ED8" s="73">
        <v>77</v>
      </c>
      <c r="EE8" s="70">
        <v>27</v>
      </c>
      <c r="EF8" s="71">
        <v>41</v>
      </c>
      <c r="EG8" s="72">
        <v>68</v>
      </c>
      <c r="EH8" s="244"/>
      <c r="EI8" s="71">
        <v>26</v>
      </c>
      <c r="EJ8" s="71">
        <v>34</v>
      </c>
      <c r="EK8" s="71">
        <v>14</v>
      </c>
      <c r="EL8" s="71">
        <v>8</v>
      </c>
      <c r="EM8" s="71">
        <v>13</v>
      </c>
      <c r="EN8" s="72">
        <v>95</v>
      </c>
      <c r="EO8" s="73">
        <v>163</v>
      </c>
      <c r="EP8" s="70">
        <v>71</v>
      </c>
      <c r="EQ8" s="71">
        <v>70</v>
      </c>
      <c r="ER8" s="72">
        <v>141</v>
      </c>
      <c r="ES8" s="244"/>
      <c r="ET8" s="71">
        <v>58</v>
      </c>
      <c r="EU8" s="71">
        <v>49</v>
      </c>
      <c r="EV8" s="71">
        <v>28</v>
      </c>
      <c r="EW8" s="71">
        <v>35</v>
      </c>
      <c r="EX8" s="71">
        <v>18</v>
      </c>
      <c r="EY8" s="72">
        <v>188</v>
      </c>
      <c r="EZ8" s="73">
        <v>329</v>
      </c>
      <c r="FA8" s="70">
        <v>71</v>
      </c>
      <c r="FB8" s="71">
        <v>92</v>
      </c>
      <c r="FC8" s="72">
        <v>163</v>
      </c>
      <c r="FD8" s="244"/>
      <c r="FE8" s="71">
        <v>92</v>
      </c>
      <c r="FF8" s="71">
        <v>96</v>
      </c>
      <c r="FG8" s="71">
        <v>55</v>
      </c>
      <c r="FH8" s="71">
        <v>50</v>
      </c>
      <c r="FI8" s="71">
        <v>36</v>
      </c>
      <c r="FJ8" s="72">
        <v>329</v>
      </c>
      <c r="FK8" s="73">
        <v>492</v>
      </c>
      <c r="FL8" s="70">
        <v>52</v>
      </c>
      <c r="FM8" s="71">
        <v>84</v>
      </c>
      <c r="FN8" s="72">
        <v>136</v>
      </c>
      <c r="FO8" s="244"/>
      <c r="FP8" s="71">
        <v>105</v>
      </c>
      <c r="FQ8" s="71">
        <v>158</v>
      </c>
      <c r="FR8" s="71">
        <v>116</v>
      </c>
      <c r="FS8" s="71">
        <v>139</v>
      </c>
      <c r="FT8" s="71">
        <v>80</v>
      </c>
      <c r="FU8" s="72">
        <v>598</v>
      </c>
      <c r="FV8" s="73">
        <v>734</v>
      </c>
      <c r="FW8" s="70">
        <v>0</v>
      </c>
      <c r="FX8" s="71">
        <v>0</v>
      </c>
      <c r="FY8" s="72">
        <v>0</v>
      </c>
      <c r="FZ8" s="244"/>
      <c r="GA8" s="71">
        <v>0</v>
      </c>
      <c r="GB8" s="71">
        <v>0</v>
      </c>
      <c r="GC8" s="71">
        <v>0</v>
      </c>
      <c r="GD8" s="71">
        <v>0</v>
      </c>
      <c r="GE8" s="71">
        <v>0</v>
      </c>
      <c r="GF8" s="72">
        <v>0</v>
      </c>
      <c r="GG8" s="73">
        <v>0</v>
      </c>
      <c r="GH8" s="70">
        <v>240</v>
      </c>
      <c r="GI8" s="71">
        <v>319</v>
      </c>
      <c r="GJ8" s="72">
        <v>559</v>
      </c>
      <c r="GK8" s="244"/>
      <c r="GL8" s="71">
        <v>294</v>
      </c>
      <c r="GM8" s="71">
        <v>355</v>
      </c>
      <c r="GN8" s="71">
        <v>221</v>
      </c>
      <c r="GO8" s="71">
        <v>244</v>
      </c>
      <c r="GP8" s="71">
        <v>155</v>
      </c>
      <c r="GQ8" s="72">
        <v>1269</v>
      </c>
      <c r="GR8" s="73">
        <v>1828</v>
      </c>
      <c r="GS8" s="123">
        <v>2079</v>
      </c>
      <c r="GT8" s="82">
        <v>2296</v>
      </c>
      <c r="GU8" s="83">
        <v>4375</v>
      </c>
      <c r="GV8" s="241"/>
      <c r="GW8" s="82">
        <v>2404</v>
      </c>
      <c r="GX8" s="82">
        <v>2771</v>
      </c>
      <c r="GY8" s="82">
        <v>1831</v>
      </c>
      <c r="GZ8" s="82">
        <v>1450</v>
      </c>
      <c r="HA8" s="82">
        <v>902</v>
      </c>
      <c r="HB8" s="84">
        <v>9358</v>
      </c>
      <c r="HC8" s="85">
        <v>13733</v>
      </c>
      <c r="HD8" s="70">
        <v>29</v>
      </c>
      <c r="HE8" s="71">
        <v>42</v>
      </c>
      <c r="HF8" s="72">
        <v>71</v>
      </c>
      <c r="HG8" s="244"/>
      <c r="HH8" s="71">
        <v>33</v>
      </c>
      <c r="HI8" s="71">
        <v>59</v>
      </c>
      <c r="HJ8" s="71">
        <v>30</v>
      </c>
      <c r="HK8" s="71">
        <v>22</v>
      </c>
      <c r="HL8" s="71">
        <v>22</v>
      </c>
      <c r="HM8" s="72">
        <v>166</v>
      </c>
      <c r="HN8" s="73">
        <v>237</v>
      </c>
      <c r="HO8" s="70">
        <v>77</v>
      </c>
      <c r="HP8" s="71">
        <v>109</v>
      </c>
      <c r="HQ8" s="72">
        <v>186</v>
      </c>
      <c r="HR8" s="244"/>
      <c r="HS8" s="71">
        <v>78</v>
      </c>
      <c r="HT8" s="71">
        <v>127</v>
      </c>
      <c r="HU8" s="71">
        <v>74</v>
      </c>
      <c r="HV8" s="71">
        <v>59</v>
      </c>
      <c r="HW8" s="71">
        <v>46</v>
      </c>
      <c r="HX8" s="72">
        <v>384</v>
      </c>
      <c r="HY8" s="73">
        <v>570</v>
      </c>
      <c r="HZ8" s="70">
        <v>166</v>
      </c>
      <c r="IA8" s="71">
        <v>201</v>
      </c>
      <c r="IB8" s="72">
        <v>367</v>
      </c>
      <c r="IC8" s="244"/>
      <c r="ID8" s="71">
        <v>185</v>
      </c>
      <c r="IE8" s="71">
        <v>194</v>
      </c>
      <c r="IF8" s="71">
        <v>125</v>
      </c>
      <c r="IG8" s="71">
        <v>84</v>
      </c>
      <c r="IH8" s="71">
        <v>75</v>
      </c>
      <c r="II8" s="72">
        <v>663</v>
      </c>
      <c r="IJ8" s="73">
        <v>1030</v>
      </c>
      <c r="IK8" s="70">
        <v>423</v>
      </c>
      <c r="IL8" s="71">
        <v>423</v>
      </c>
      <c r="IM8" s="72">
        <v>846</v>
      </c>
      <c r="IN8" s="244"/>
      <c r="IO8" s="71">
        <v>447</v>
      </c>
      <c r="IP8" s="71">
        <v>425</v>
      </c>
      <c r="IQ8" s="71">
        <v>281</v>
      </c>
      <c r="IR8" s="71">
        <v>215</v>
      </c>
      <c r="IS8" s="71">
        <v>156</v>
      </c>
      <c r="IT8" s="72">
        <v>1524</v>
      </c>
      <c r="IU8" s="73">
        <v>2370</v>
      </c>
      <c r="IV8" s="70">
        <v>739</v>
      </c>
      <c r="IW8" s="71">
        <v>787</v>
      </c>
      <c r="IX8" s="72">
        <v>1526</v>
      </c>
      <c r="IY8" s="244"/>
      <c r="IZ8" s="71">
        <v>848</v>
      </c>
      <c r="JA8" s="71">
        <v>851</v>
      </c>
      <c r="JB8" s="71">
        <v>525</v>
      </c>
      <c r="JC8" s="71">
        <v>411</v>
      </c>
      <c r="JD8" s="71">
        <v>257</v>
      </c>
      <c r="JE8" s="72">
        <v>2892</v>
      </c>
      <c r="JF8" s="73">
        <v>4418</v>
      </c>
      <c r="JG8" s="70">
        <v>645</v>
      </c>
      <c r="JH8" s="71">
        <v>734</v>
      </c>
      <c r="JI8" s="72">
        <v>1379</v>
      </c>
      <c r="JJ8" s="244"/>
      <c r="JK8" s="71">
        <v>813</v>
      </c>
      <c r="JL8" s="71">
        <v>1115</v>
      </c>
      <c r="JM8" s="71">
        <v>796</v>
      </c>
      <c r="JN8" s="71">
        <v>659</v>
      </c>
      <c r="JO8" s="71">
        <v>346</v>
      </c>
      <c r="JP8" s="72">
        <v>3729</v>
      </c>
      <c r="JQ8" s="73">
        <v>5108</v>
      </c>
      <c r="JR8" s="70">
        <v>0</v>
      </c>
      <c r="JS8" s="71">
        <v>0</v>
      </c>
      <c r="JT8" s="72">
        <v>0</v>
      </c>
      <c r="JU8" s="244"/>
      <c r="JV8" s="71">
        <v>0</v>
      </c>
      <c r="JW8" s="71">
        <v>0</v>
      </c>
      <c r="JX8" s="71">
        <v>0</v>
      </c>
      <c r="JY8" s="71">
        <v>0</v>
      </c>
      <c r="JZ8" s="71">
        <v>0</v>
      </c>
      <c r="KA8" s="72">
        <v>0</v>
      </c>
      <c r="KB8" s="73">
        <v>0</v>
      </c>
      <c r="KC8" s="70">
        <v>2079</v>
      </c>
      <c r="KD8" s="71">
        <v>2296</v>
      </c>
      <c r="KE8" s="72">
        <v>4375</v>
      </c>
      <c r="KF8" s="244"/>
      <c r="KG8" s="71">
        <v>2404</v>
      </c>
      <c r="KH8" s="71">
        <v>2771</v>
      </c>
      <c r="KI8" s="71">
        <v>1831</v>
      </c>
      <c r="KJ8" s="71">
        <v>1450</v>
      </c>
      <c r="KK8" s="71">
        <v>902</v>
      </c>
      <c r="KL8" s="72">
        <v>9358</v>
      </c>
      <c r="KM8" s="73">
        <v>13733</v>
      </c>
    </row>
    <row r="9" spans="2:299" ht="21" customHeight="1" x14ac:dyDescent="0.2">
      <c r="B9" s="126" t="s">
        <v>6</v>
      </c>
      <c r="C9" s="315">
        <v>492</v>
      </c>
      <c r="D9" s="82">
        <v>347</v>
      </c>
      <c r="E9" s="83">
        <v>839</v>
      </c>
      <c r="F9" s="241"/>
      <c r="G9" s="82">
        <v>794</v>
      </c>
      <c r="H9" s="82">
        <v>559</v>
      </c>
      <c r="I9" s="82">
        <v>378</v>
      </c>
      <c r="J9" s="82">
        <v>352</v>
      </c>
      <c r="K9" s="82">
        <v>236</v>
      </c>
      <c r="L9" s="84">
        <v>2319</v>
      </c>
      <c r="M9" s="85">
        <v>3158</v>
      </c>
      <c r="N9" s="70">
        <v>7</v>
      </c>
      <c r="O9" s="71">
        <v>4</v>
      </c>
      <c r="P9" s="72">
        <v>11</v>
      </c>
      <c r="Q9" s="244"/>
      <c r="R9" s="71">
        <v>12</v>
      </c>
      <c r="S9" s="71">
        <v>12</v>
      </c>
      <c r="T9" s="71">
        <v>7</v>
      </c>
      <c r="U9" s="71">
        <v>2</v>
      </c>
      <c r="V9" s="71">
        <v>6</v>
      </c>
      <c r="W9" s="72">
        <v>39</v>
      </c>
      <c r="X9" s="73">
        <v>50</v>
      </c>
      <c r="Y9" s="70">
        <v>15</v>
      </c>
      <c r="Z9" s="71">
        <v>12</v>
      </c>
      <c r="AA9" s="72">
        <v>27</v>
      </c>
      <c r="AB9" s="244"/>
      <c r="AC9" s="71">
        <v>41</v>
      </c>
      <c r="AD9" s="71">
        <v>26</v>
      </c>
      <c r="AE9" s="71">
        <v>15</v>
      </c>
      <c r="AF9" s="71">
        <v>27</v>
      </c>
      <c r="AG9" s="71">
        <v>17</v>
      </c>
      <c r="AH9" s="72">
        <v>126</v>
      </c>
      <c r="AI9" s="73">
        <v>153</v>
      </c>
      <c r="AJ9" s="70">
        <v>36</v>
      </c>
      <c r="AK9" s="71">
        <v>30</v>
      </c>
      <c r="AL9" s="72">
        <v>66</v>
      </c>
      <c r="AM9" s="244"/>
      <c r="AN9" s="71">
        <v>66</v>
      </c>
      <c r="AO9" s="71">
        <v>45</v>
      </c>
      <c r="AP9" s="71">
        <v>31</v>
      </c>
      <c r="AQ9" s="71">
        <v>28</v>
      </c>
      <c r="AR9" s="71">
        <v>24</v>
      </c>
      <c r="AS9" s="72">
        <v>194</v>
      </c>
      <c r="AT9" s="73">
        <v>260</v>
      </c>
      <c r="AU9" s="70">
        <v>91</v>
      </c>
      <c r="AV9" s="71">
        <v>49</v>
      </c>
      <c r="AW9" s="72">
        <v>140</v>
      </c>
      <c r="AX9" s="244"/>
      <c r="AY9" s="71">
        <v>147</v>
      </c>
      <c r="AZ9" s="71">
        <v>85</v>
      </c>
      <c r="BA9" s="71">
        <v>68</v>
      </c>
      <c r="BB9" s="71">
        <v>39</v>
      </c>
      <c r="BC9" s="71">
        <v>38</v>
      </c>
      <c r="BD9" s="72">
        <v>377</v>
      </c>
      <c r="BE9" s="73">
        <v>517</v>
      </c>
      <c r="BF9" s="70">
        <v>186</v>
      </c>
      <c r="BG9" s="71">
        <v>110</v>
      </c>
      <c r="BH9" s="72">
        <v>296</v>
      </c>
      <c r="BI9" s="244"/>
      <c r="BJ9" s="71">
        <v>246</v>
      </c>
      <c r="BK9" s="71">
        <v>178</v>
      </c>
      <c r="BL9" s="71">
        <v>108</v>
      </c>
      <c r="BM9" s="71">
        <v>95</v>
      </c>
      <c r="BN9" s="71">
        <v>76</v>
      </c>
      <c r="BO9" s="72">
        <v>703</v>
      </c>
      <c r="BP9" s="73">
        <v>999</v>
      </c>
      <c r="BQ9" s="70">
        <v>157</v>
      </c>
      <c r="BR9" s="71">
        <v>142</v>
      </c>
      <c r="BS9" s="72">
        <v>299</v>
      </c>
      <c r="BT9" s="244"/>
      <c r="BU9" s="71">
        <v>282</v>
      </c>
      <c r="BV9" s="71">
        <v>213</v>
      </c>
      <c r="BW9" s="71">
        <v>149</v>
      </c>
      <c r="BX9" s="71">
        <v>161</v>
      </c>
      <c r="BY9" s="71">
        <v>75</v>
      </c>
      <c r="BZ9" s="72">
        <v>880</v>
      </c>
      <c r="CA9" s="73">
        <v>1179</v>
      </c>
      <c r="CB9" s="70">
        <v>0</v>
      </c>
      <c r="CC9" s="71">
        <v>0</v>
      </c>
      <c r="CD9" s="72">
        <v>0</v>
      </c>
      <c r="CE9" s="244"/>
      <c r="CF9" s="71">
        <v>0</v>
      </c>
      <c r="CG9" s="71">
        <v>0</v>
      </c>
      <c r="CH9" s="71">
        <v>0</v>
      </c>
      <c r="CI9" s="71">
        <v>0</v>
      </c>
      <c r="CJ9" s="71">
        <v>0</v>
      </c>
      <c r="CK9" s="72">
        <v>0</v>
      </c>
      <c r="CL9" s="73">
        <v>0</v>
      </c>
      <c r="CM9" s="70">
        <v>492</v>
      </c>
      <c r="CN9" s="71">
        <v>347</v>
      </c>
      <c r="CO9" s="72">
        <v>839</v>
      </c>
      <c r="CP9" s="244"/>
      <c r="CQ9" s="71">
        <v>794</v>
      </c>
      <c r="CR9" s="71">
        <v>559</v>
      </c>
      <c r="CS9" s="71">
        <v>378</v>
      </c>
      <c r="CT9" s="71">
        <v>352</v>
      </c>
      <c r="CU9" s="71">
        <v>236</v>
      </c>
      <c r="CV9" s="72">
        <v>2319</v>
      </c>
      <c r="CW9" s="73">
        <v>3158</v>
      </c>
      <c r="CX9" s="123">
        <v>105</v>
      </c>
      <c r="CY9" s="82">
        <v>87</v>
      </c>
      <c r="CZ9" s="83">
        <v>192</v>
      </c>
      <c r="DA9" s="241"/>
      <c r="DB9" s="82">
        <v>126</v>
      </c>
      <c r="DC9" s="82">
        <v>102</v>
      </c>
      <c r="DD9" s="82">
        <v>85</v>
      </c>
      <c r="DE9" s="82">
        <v>78</v>
      </c>
      <c r="DF9" s="82">
        <v>51</v>
      </c>
      <c r="DG9" s="84">
        <v>442</v>
      </c>
      <c r="DH9" s="85">
        <v>634</v>
      </c>
      <c r="DI9" s="70">
        <v>2</v>
      </c>
      <c r="DJ9" s="71">
        <v>0</v>
      </c>
      <c r="DK9" s="72">
        <v>2</v>
      </c>
      <c r="DL9" s="244"/>
      <c r="DM9" s="71">
        <v>2</v>
      </c>
      <c r="DN9" s="71">
        <v>1</v>
      </c>
      <c r="DO9" s="71">
        <v>0</v>
      </c>
      <c r="DP9" s="71">
        <v>4</v>
      </c>
      <c r="DQ9" s="71">
        <v>1</v>
      </c>
      <c r="DR9" s="72">
        <v>8</v>
      </c>
      <c r="DS9" s="73">
        <v>10</v>
      </c>
      <c r="DT9" s="70">
        <v>4</v>
      </c>
      <c r="DU9" s="71">
        <v>6</v>
      </c>
      <c r="DV9" s="72">
        <v>10</v>
      </c>
      <c r="DW9" s="244"/>
      <c r="DX9" s="71">
        <v>6</v>
      </c>
      <c r="DY9" s="71">
        <v>2</v>
      </c>
      <c r="DZ9" s="71">
        <v>1</v>
      </c>
      <c r="EA9" s="71">
        <v>4</v>
      </c>
      <c r="EB9" s="71">
        <v>1</v>
      </c>
      <c r="EC9" s="72">
        <v>14</v>
      </c>
      <c r="ED9" s="73">
        <v>24</v>
      </c>
      <c r="EE9" s="70">
        <v>18</v>
      </c>
      <c r="EF9" s="71">
        <v>6</v>
      </c>
      <c r="EG9" s="72">
        <v>24</v>
      </c>
      <c r="EH9" s="244"/>
      <c r="EI9" s="71">
        <v>11</v>
      </c>
      <c r="EJ9" s="71">
        <v>3</v>
      </c>
      <c r="EK9" s="71">
        <v>7</v>
      </c>
      <c r="EL9" s="71">
        <v>3</v>
      </c>
      <c r="EM9" s="71">
        <v>0</v>
      </c>
      <c r="EN9" s="72">
        <v>24</v>
      </c>
      <c r="EO9" s="73">
        <v>48</v>
      </c>
      <c r="EP9" s="70">
        <v>32</v>
      </c>
      <c r="EQ9" s="71">
        <v>25</v>
      </c>
      <c r="ER9" s="72">
        <v>57</v>
      </c>
      <c r="ES9" s="244"/>
      <c r="ET9" s="71">
        <v>24</v>
      </c>
      <c r="EU9" s="71">
        <v>16</v>
      </c>
      <c r="EV9" s="71">
        <v>12</v>
      </c>
      <c r="EW9" s="71">
        <v>5</v>
      </c>
      <c r="EX9" s="71">
        <v>7</v>
      </c>
      <c r="EY9" s="72">
        <v>64</v>
      </c>
      <c r="EZ9" s="73">
        <v>121</v>
      </c>
      <c r="FA9" s="70">
        <v>27</v>
      </c>
      <c r="FB9" s="71">
        <v>32</v>
      </c>
      <c r="FC9" s="72">
        <v>59</v>
      </c>
      <c r="FD9" s="244"/>
      <c r="FE9" s="71">
        <v>42</v>
      </c>
      <c r="FF9" s="71">
        <v>36</v>
      </c>
      <c r="FG9" s="71">
        <v>30</v>
      </c>
      <c r="FH9" s="71">
        <v>22</v>
      </c>
      <c r="FI9" s="71">
        <v>15</v>
      </c>
      <c r="FJ9" s="72">
        <v>145</v>
      </c>
      <c r="FK9" s="73">
        <v>204</v>
      </c>
      <c r="FL9" s="70">
        <v>22</v>
      </c>
      <c r="FM9" s="71">
        <v>18</v>
      </c>
      <c r="FN9" s="72">
        <v>40</v>
      </c>
      <c r="FO9" s="244"/>
      <c r="FP9" s="71">
        <v>41</v>
      </c>
      <c r="FQ9" s="71">
        <v>44</v>
      </c>
      <c r="FR9" s="71">
        <v>35</v>
      </c>
      <c r="FS9" s="71">
        <v>40</v>
      </c>
      <c r="FT9" s="71">
        <v>27</v>
      </c>
      <c r="FU9" s="72">
        <v>187</v>
      </c>
      <c r="FV9" s="73">
        <v>227</v>
      </c>
      <c r="FW9" s="70">
        <v>0</v>
      </c>
      <c r="FX9" s="71">
        <v>0</v>
      </c>
      <c r="FY9" s="72">
        <v>0</v>
      </c>
      <c r="FZ9" s="244"/>
      <c r="GA9" s="71">
        <v>0</v>
      </c>
      <c r="GB9" s="71">
        <v>0</v>
      </c>
      <c r="GC9" s="71">
        <v>0</v>
      </c>
      <c r="GD9" s="71">
        <v>0</v>
      </c>
      <c r="GE9" s="71">
        <v>0</v>
      </c>
      <c r="GF9" s="72">
        <v>0</v>
      </c>
      <c r="GG9" s="73">
        <v>0</v>
      </c>
      <c r="GH9" s="70">
        <v>105</v>
      </c>
      <c r="GI9" s="71">
        <v>87</v>
      </c>
      <c r="GJ9" s="72">
        <v>192</v>
      </c>
      <c r="GK9" s="244"/>
      <c r="GL9" s="71">
        <v>126</v>
      </c>
      <c r="GM9" s="71">
        <v>102</v>
      </c>
      <c r="GN9" s="71">
        <v>85</v>
      </c>
      <c r="GO9" s="71">
        <v>78</v>
      </c>
      <c r="GP9" s="71">
        <v>51</v>
      </c>
      <c r="GQ9" s="72">
        <v>442</v>
      </c>
      <c r="GR9" s="73">
        <v>634</v>
      </c>
      <c r="GS9" s="123">
        <v>597</v>
      </c>
      <c r="GT9" s="82">
        <v>434</v>
      </c>
      <c r="GU9" s="83">
        <v>1031</v>
      </c>
      <c r="GV9" s="241"/>
      <c r="GW9" s="82">
        <v>920</v>
      </c>
      <c r="GX9" s="82">
        <v>661</v>
      </c>
      <c r="GY9" s="82">
        <v>463</v>
      </c>
      <c r="GZ9" s="82">
        <v>430</v>
      </c>
      <c r="HA9" s="82">
        <v>287</v>
      </c>
      <c r="HB9" s="84">
        <v>2761</v>
      </c>
      <c r="HC9" s="85">
        <v>3792</v>
      </c>
      <c r="HD9" s="70">
        <v>9</v>
      </c>
      <c r="HE9" s="71">
        <v>4</v>
      </c>
      <c r="HF9" s="72">
        <v>13</v>
      </c>
      <c r="HG9" s="244"/>
      <c r="HH9" s="71">
        <v>14</v>
      </c>
      <c r="HI9" s="71">
        <v>13</v>
      </c>
      <c r="HJ9" s="71">
        <v>7</v>
      </c>
      <c r="HK9" s="71">
        <v>6</v>
      </c>
      <c r="HL9" s="71">
        <v>7</v>
      </c>
      <c r="HM9" s="72">
        <v>47</v>
      </c>
      <c r="HN9" s="73">
        <v>60</v>
      </c>
      <c r="HO9" s="70">
        <v>19</v>
      </c>
      <c r="HP9" s="71">
        <v>18</v>
      </c>
      <c r="HQ9" s="72">
        <v>37</v>
      </c>
      <c r="HR9" s="244"/>
      <c r="HS9" s="71">
        <v>47</v>
      </c>
      <c r="HT9" s="71">
        <v>28</v>
      </c>
      <c r="HU9" s="71">
        <v>16</v>
      </c>
      <c r="HV9" s="71">
        <v>31</v>
      </c>
      <c r="HW9" s="71">
        <v>18</v>
      </c>
      <c r="HX9" s="72">
        <v>140</v>
      </c>
      <c r="HY9" s="73">
        <v>177</v>
      </c>
      <c r="HZ9" s="70">
        <v>54</v>
      </c>
      <c r="IA9" s="71">
        <v>36</v>
      </c>
      <c r="IB9" s="72">
        <v>90</v>
      </c>
      <c r="IC9" s="244"/>
      <c r="ID9" s="71">
        <v>77</v>
      </c>
      <c r="IE9" s="71">
        <v>48</v>
      </c>
      <c r="IF9" s="71">
        <v>38</v>
      </c>
      <c r="IG9" s="71">
        <v>31</v>
      </c>
      <c r="IH9" s="71">
        <v>24</v>
      </c>
      <c r="II9" s="72">
        <v>218</v>
      </c>
      <c r="IJ9" s="73">
        <v>308</v>
      </c>
      <c r="IK9" s="70">
        <v>123</v>
      </c>
      <c r="IL9" s="71">
        <v>74</v>
      </c>
      <c r="IM9" s="72">
        <v>197</v>
      </c>
      <c r="IN9" s="244"/>
      <c r="IO9" s="71">
        <v>171</v>
      </c>
      <c r="IP9" s="71">
        <v>101</v>
      </c>
      <c r="IQ9" s="71">
        <v>80</v>
      </c>
      <c r="IR9" s="71">
        <v>44</v>
      </c>
      <c r="IS9" s="71">
        <v>45</v>
      </c>
      <c r="IT9" s="72">
        <v>441</v>
      </c>
      <c r="IU9" s="73">
        <v>638</v>
      </c>
      <c r="IV9" s="70">
        <v>213</v>
      </c>
      <c r="IW9" s="71">
        <v>142</v>
      </c>
      <c r="IX9" s="72">
        <v>355</v>
      </c>
      <c r="IY9" s="244"/>
      <c r="IZ9" s="71">
        <v>288</v>
      </c>
      <c r="JA9" s="71">
        <v>214</v>
      </c>
      <c r="JB9" s="71">
        <v>138</v>
      </c>
      <c r="JC9" s="71">
        <v>117</v>
      </c>
      <c r="JD9" s="71">
        <v>91</v>
      </c>
      <c r="JE9" s="72">
        <v>848</v>
      </c>
      <c r="JF9" s="73">
        <v>1203</v>
      </c>
      <c r="JG9" s="70">
        <v>179</v>
      </c>
      <c r="JH9" s="71">
        <v>160</v>
      </c>
      <c r="JI9" s="72">
        <v>339</v>
      </c>
      <c r="JJ9" s="244"/>
      <c r="JK9" s="71">
        <v>323</v>
      </c>
      <c r="JL9" s="71">
        <v>257</v>
      </c>
      <c r="JM9" s="71">
        <v>184</v>
      </c>
      <c r="JN9" s="71">
        <v>201</v>
      </c>
      <c r="JO9" s="71">
        <v>102</v>
      </c>
      <c r="JP9" s="72">
        <v>1067</v>
      </c>
      <c r="JQ9" s="73">
        <v>1406</v>
      </c>
      <c r="JR9" s="70">
        <v>0</v>
      </c>
      <c r="JS9" s="71">
        <v>0</v>
      </c>
      <c r="JT9" s="72">
        <v>0</v>
      </c>
      <c r="JU9" s="244"/>
      <c r="JV9" s="71">
        <v>0</v>
      </c>
      <c r="JW9" s="71">
        <v>0</v>
      </c>
      <c r="JX9" s="71">
        <v>0</v>
      </c>
      <c r="JY9" s="71">
        <v>0</v>
      </c>
      <c r="JZ9" s="71">
        <v>0</v>
      </c>
      <c r="KA9" s="72">
        <v>0</v>
      </c>
      <c r="KB9" s="73">
        <v>0</v>
      </c>
      <c r="KC9" s="70">
        <v>597</v>
      </c>
      <c r="KD9" s="71">
        <v>434</v>
      </c>
      <c r="KE9" s="72">
        <v>1031</v>
      </c>
      <c r="KF9" s="244"/>
      <c r="KG9" s="71">
        <v>920</v>
      </c>
      <c r="KH9" s="71">
        <v>661</v>
      </c>
      <c r="KI9" s="71">
        <v>463</v>
      </c>
      <c r="KJ9" s="71">
        <v>430</v>
      </c>
      <c r="KK9" s="71">
        <v>287</v>
      </c>
      <c r="KL9" s="72">
        <v>2761</v>
      </c>
      <c r="KM9" s="73">
        <v>3792</v>
      </c>
    </row>
    <row r="10" spans="2:299" ht="21" customHeight="1" x14ac:dyDescent="0.2">
      <c r="B10" s="126" t="s">
        <v>14</v>
      </c>
      <c r="C10" s="315">
        <v>254</v>
      </c>
      <c r="D10" s="82">
        <v>311</v>
      </c>
      <c r="E10" s="83">
        <v>565</v>
      </c>
      <c r="F10" s="241"/>
      <c r="G10" s="82">
        <v>393</v>
      </c>
      <c r="H10" s="82">
        <v>416</v>
      </c>
      <c r="I10" s="82">
        <v>296</v>
      </c>
      <c r="J10" s="82">
        <v>204</v>
      </c>
      <c r="K10" s="82">
        <v>111</v>
      </c>
      <c r="L10" s="84">
        <v>1420</v>
      </c>
      <c r="M10" s="85">
        <v>1985</v>
      </c>
      <c r="N10" s="70">
        <v>5</v>
      </c>
      <c r="O10" s="71">
        <v>6</v>
      </c>
      <c r="P10" s="72">
        <v>11</v>
      </c>
      <c r="Q10" s="244"/>
      <c r="R10" s="71">
        <v>3</v>
      </c>
      <c r="S10" s="71">
        <v>11</v>
      </c>
      <c r="T10" s="71">
        <v>6</v>
      </c>
      <c r="U10" s="71">
        <v>4</v>
      </c>
      <c r="V10" s="71">
        <v>2</v>
      </c>
      <c r="W10" s="72">
        <v>26</v>
      </c>
      <c r="X10" s="73">
        <v>37</v>
      </c>
      <c r="Y10" s="70">
        <v>15</v>
      </c>
      <c r="Z10" s="71">
        <v>19</v>
      </c>
      <c r="AA10" s="72">
        <v>34</v>
      </c>
      <c r="AB10" s="244"/>
      <c r="AC10" s="71">
        <v>12</v>
      </c>
      <c r="AD10" s="71">
        <v>14</v>
      </c>
      <c r="AE10" s="71">
        <v>14</v>
      </c>
      <c r="AF10" s="71">
        <v>12</v>
      </c>
      <c r="AG10" s="71">
        <v>10</v>
      </c>
      <c r="AH10" s="72">
        <v>62</v>
      </c>
      <c r="AI10" s="73">
        <v>96</v>
      </c>
      <c r="AJ10" s="70">
        <v>26</v>
      </c>
      <c r="AK10" s="71">
        <v>29</v>
      </c>
      <c r="AL10" s="72">
        <v>55</v>
      </c>
      <c r="AM10" s="244"/>
      <c r="AN10" s="71">
        <v>32</v>
      </c>
      <c r="AO10" s="71">
        <v>43</v>
      </c>
      <c r="AP10" s="71">
        <v>22</v>
      </c>
      <c r="AQ10" s="71">
        <v>20</v>
      </c>
      <c r="AR10" s="71">
        <v>13</v>
      </c>
      <c r="AS10" s="72">
        <v>130</v>
      </c>
      <c r="AT10" s="73">
        <v>185</v>
      </c>
      <c r="AU10" s="70">
        <v>52</v>
      </c>
      <c r="AV10" s="71">
        <v>74</v>
      </c>
      <c r="AW10" s="72">
        <v>126</v>
      </c>
      <c r="AX10" s="244"/>
      <c r="AY10" s="71">
        <v>81</v>
      </c>
      <c r="AZ10" s="71">
        <v>97</v>
      </c>
      <c r="BA10" s="71">
        <v>55</v>
      </c>
      <c r="BB10" s="71">
        <v>42</v>
      </c>
      <c r="BC10" s="71">
        <v>19</v>
      </c>
      <c r="BD10" s="72">
        <v>294</v>
      </c>
      <c r="BE10" s="73">
        <v>420</v>
      </c>
      <c r="BF10" s="70">
        <v>90</v>
      </c>
      <c r="BG10" s="71">
        <v>91</v>
      </c>
      <c r="BH10" s="72">
        <v>181</v>
      </c>
      <c r="BI10" s="244"/>
      <c r="BJ10" s="71">
        <v>124</v>
      </c>
      <c r="BK10" s="71">
        <v>119</v>
      </c>
      <c r="BL10" s="71">
        <v>89</v>
      </c>
      <c r="BM10" s="71">
        <v>59</v>
      </c>
      <c r="BN10" s="71">
        <v>28</v>
      </c>
      <c r="BO10" s="72">
        <v>419</v>
      </c>
      <c r="BP10" s="73">
        <v>600</v>
      </c>
      <c r="BQ10" s="70">
        <v>66</v>
      </c>
      <c r="BR10" s="71">
        <v>92</v>
      </c>
      <c r="BS10" s="72">
        <v>158</v>
      </c>
      <c r="BT10" s="244"/>
      <c r="BU10" s="71">
        <v>141</v>
      </c>
      <c r="BV10" s="71">
        <v>132</v>
      </c>
      <c r="BW10" s="71">
        <v>110</v>
      </c>
      <c r="BX10" s="71">
        <v>67</v>
      </c>
      <c r="BY10" s="71">
        <v>39</v>
      </c>
      <c r="BZ10" s="72">
        <v>489</v>
      </c>
      <c r="CA10" s="73">
        <v>647</v>
      </c>
      <c r="CB10" s="70">
        <v>0</v>
      </c>
      <c r="CC10" s="71">
        <v>0</v>
      </c>
      <c r="CD10" s="72">
        <v>0</v>
      </c>
      <c r="CE10" s="244"/>
      <c r="CF10" s="71">
        <v>0</v>
      </c>
      <c r="CG10" s="71">
        <v>0</v>
      </c>
      <c r="CH10" s="71">
        <v>0</v>
      </c>
      <c r="CI10" s="71">
        <v>0</v>
      </c>
      <c r="CJ10" s="71">
        <v>0</v>
      </c>
      <c r="CK10" s="72">
        <v>0</v>
      </c>
      <c r="CL10" s="73">
        <v>0</v>
      </c>
      <c r="CM10" s="70">
        <v>254</v>
      </c>
      <c r="CN10" s="71">
        <v>311</v>
      </c>
      <c r="CO10" s="72">
        <v>565</v>
      </c>
      <c r="CP10" s="244"/>
      <c r="CQ10" s="71">
        <v>393</v>
      </c>
      <c r="CR10" s="71">
        <v>416</v>
      </c>
      <c r="CS10" s="71">
        <v>296</v>
      </c>
      <c r="CT10" s="71">
        <v>204</v>
      </c>
      <c r="CU10" s="71">
        <v>111</v>
      </c>
      <c r="CV10" s="72">
        <v>1420</v>
      </c>
      <c r="CW10" s="73">
        <v>1985</v>
      </c>
      <c r="CX10" s="123">
        <v>34</v>
      </c>
      <c r="CY10" s="82">
        <v>49</v>
      </c>
      <c r="CZ10" s="83">
        <v>83</v>
      </c>
      <c r="DA10" s="241"/>
      <c r="DB10" s="82">
        <v>43</v>
      </c>
      <c r="DC10" s="82">
        <v>44</v>
      </c>
      <c r="DD10" s="82">
        <v>26</v>
      </c>
      <c r="DE10" s="82">
        <v>37</v>
      </c>
      <c r="DF10" s="82">
        <v>16</v>
      </c>
      <c r="DG10" s="84">
        <v>166</v>
      </c>
      <c r="DH10" s="85">
        <v>249</v>
      </c>
      <c r="DI10" s="70">
        <v>0</v>
      </c>
      <c r="DJ10" s="71">
        <v>3</v>
      </c>
      <c r="DK10" s="72">
        <v>3</v>
      </c>
      <c r="DL10" s="244"/>
      <c r="DM10" s="71">
        <v>0</v>
      </c>
      <c r="DN10" s="71">
        <v>0</v>
      </c>
      <c r="DO10" s="71">
        <v>0</v>
      </c>
      <c r="DP10" s="71">
        <v>1</v>
      </c>
      <c r="DQ10" s="71">
        <v>0</v>
      </c>
      <c r="DR10" s="72">
        <v>1</v>
      </c>
      <c r="DS10" s="73">
        <v>4</v>
      </c>
      <c r="DT10" s="70">
        <v>2</v>
      </c>
      <c r="DU10" s="71">
        <v>3</v>
      </c>
      <c r="DV10" s="72">
        <v>5</v>
      </c>
      <c r="DW10" s="244"/>
      <c r="DX10" s="71">
        <v>4</v>
      </c>
      <c r="DY10" s="71">
        <v>3</v>
      </c>
      <c r="DZ10" s="71">
        <v>1</v>
      </c>
      <c r="EA10" s="71">
        <v>1</v>
      </c>
      <c r="EB10" s="71">
        <v>2</v>
      </c>
      <c r="EC10" s="72">
        <v>11</v>
      </c>
      <c r="ED10" s="73">
        <v>16</v>
      </c>
      <c r="EE10" s="70">
        <v>11</v>
      </c>
      <c r="EF10" s="71">
        <v>7</v>
      </c>
      <c r="EG10" s="72">
        <v>18</v>
      </c>
      <c r="EH10" s="244"/>
      <c r="EI10" s="71">
        <v>7</v>
      </c>
      <c r="EJ10" s="71">
        <v>5</v>
      </c>
      <c r="EK10" s="71">
        <v>3</v>
      </c>
      <c r="EL10" s="71">
        <v>2</v>
      </c>
      <c r="EM10" s="71">
        <v>0</v>
      </c>
      <c r="EN10" s="72">
        <v>17</v>
      </c>
      <c r="EO10" s="73">
        <v>35</v>
      </c>
      <c r="EP10" s="70">
        <v>7</v>
      </c>
      <c r="EQ10" s="71">
        <v>10</v>
      </c>
      <c r="ER10" s="72">
        <v>17</v>
      </c>
      <c r="ES10" s="244"/>
      <c r="ET10" s="71">
        <v>8</v>
      </c>
      <c r="EU10" s="71">
        <v>6</v>
      </c>
      <c r="EV10" s="71">
        <v>4</v>
      </c>
      <c r="EW10" s="71">
        <v>4</v>
      </c>
      <c r="EX10" s="71">
        <v>0</v>
      </c>
      <c r="EY10" s="72">
        <v>22</v>
      </c>
      <c r="EZ10" s="73">
        <v>39</v>
      </c>
      <c r="FA10" s="70">
        <v>10</v>
      </c>
      <c r="FB10" s="71">
        <v>10</v>
      </c>
      <c r="FC10" s="72">
        <v>20</v>
      </c>
      <c r="FD10" s="244"/>
      <c r="FE10" s="71">
        <v>12</v>
      </c>
      <c r="FF10" s="71">
        <v>14</v>
      </c>
      <c r="FG10" s="71">
        <v>4</v>
      </c>
      <c r="FH10" s="71">
        <v>11</v>
      </c>
      <c r="FI10" s="71">
        <v>6</v>
      </c>
      <c r="FJ10" s="72">
        <v>47</v>
      </c>
      <c r="FK10" s="73">
        <v>67</v>
      </c>
      <c r="FL10" s="70">
        <v>4</v>
      </c>
      <c r="FM10" s="71">
        <v>16</v>
      </c>
      <c r="FN10" s="72">
        <v>20</v>
      </c>
      <c r="FO10" s="244"/>
      <c r="FP10" s="71">
        <v>12</v>
      </c>
      <c r="FQ10" s="71">
        <v>16</v>
      </c>
      <c r="FR10" s="71">
        <v>14</v>
      </c>
      <c r="FS10" s="71">
        <v>18</v>
      </c>
      <c r="FT10" s="71">
        <v>8</v>
      </c>
      <c r="FU10" s="72">
        <v>68</v>
      </c>
      <c r="FV10" s="73">
        <v>88</v>
      </c>
      <c r="FW10" s="70">
        <v>0</v>
      </c>
      <c r="FX10" s="71">
        <v>0</v>
      </c>
      <c r="FY10" s="72">
        <v>0</v>
      </c>
      <c r="FZ10" s="244"/>
      <c r="GA10" s="71">
        <v>0</v>
      </c>
      <c r="GB10" s="71">
        <v>0</v>
      </c>
      <c r="GC10" s="71">
        <v>0</v>
      </c>
      <c r="GD10" s="71">
        <v>0</v>
      </c>
      <c r="GE10" s="71">
        <v>0</v>
      </c>
      <c r="GF10" s="72">
        <v>0</v>
      </c>
      <c r="GG10" s="73">
        <v>0</v>
      </c>
      <c r="GH10" s="70">
        <v>34</v>
      </c>
      <c r="GI10" s="71">
        <v>49</v>
      </c>
      <c r="GJ10" s="72">
        <v>83</v>
      </c>
      <c r="GK10" s="244"/>
      <c r="GL10" s="71">
        <v>43</v>
      </c>
      <c r="GM10" s="71">
        <v>44</v>
      </c>
      <c r="GN10" s="71">
        <v>26</v>
      </c>
      <c r="GO10" s="71">
        <v>37</v>
      </c>
      <c r="GP10" s="71">
        <v>16</v>
      </c>
      <c r="GQ10" s="72">
        <v>166</v>
      </c>
      <c r="GR10" s="73">
        <v>249</v>
      </c>
      <c r="GS10" s="123">
        <v>288</v>
      </c>
      <c r="GT10" s="82">
        <v>360</v>
      </c>
      <c r="GU10" s="83">
        <v>648</v>
      </c>
      <c r="GV10" s="241"/>
      <c r="GW10" s="82">
        <v>436</v>
      </c>
      <c r="GX10" s="82">
        <v>460</v>
      </c>
      <c r="GY10" s="82">
        <v>322</v>
      </c>
      <c r="GZ10" s="82">
        <v>241</v>
      </c>
      <c r="HA10" s="82">
        <v>127</v>
      </c>
      <c r="HB10" s="84">
        <v>1586</v>
      </c>
      <c r="HC10" s="85">
        <v>2234</v>
      </c>
      <c r="HD10" s="70">
        <v>5</v>
      </c>
      <c r="HE10" s="71">
        <v>9</v>
      </c>
      <c r="HF10" s="72">
        <v>14</v>
      </c>
      <c r="HG10" s="244"/>
      <c r="HH10" s="71">
        <v>3</v>
      </c>
      <c r="HI10" s="71">
        <v>11</v>
      </c>
      <c r="HJ10" s="71">
        <v>6</v>
      </c>
      <c r="HK10" s="71">
        <v>5</v>
      </c>
      <c r="HL10" s="71">
        <v>2</v>
      </c>
      <c r="HM10" s="72">
        <v>27</v>
      </c>
      <c r="HN10" s="73">
        <v>41</v>
      </c>
      <c r="HO10" s="70">
        <v>17</v>
      </c>
      <c r="HP10" s="71">
        <v>22</v>
      </c>
      <c r="HQ10" s="72">
        <v>39</v>
      </c>
      <c r="HR10" s="244"/>
      <c r="HS10" s="71">
        <v>16</v>
      </c>
      <c r="HT10" s="71">
        <v>17</v>
      </c>
      <c r="HU10" s="71">
        <v>15</v>
      </c>
      <c r="HV10" s="71">
        <v>13</v>
      </c>
      <c r="HW10" s="71">
        <v>12</v>
      </c>
      <c r="HX10" s="72">
        <v>73</v>
      </c>
      <c r="HY10" s="73">
        <v>112</v>
      </c>
      <c r="HZ10" s="70">
        <v>37</v>
      </c>
      <c r="IA10" s="71">
        <v>36</v>
      </c>
      <c r="IB10" s="72">
        <v>73</v>
      </c>
      <c r="IC10" s="244"/>
      <c r="ID10" s="71">
        <v>39</v>
      </c>
      <c r="IE10" s="71">
        <v>48</v>
      </c>
      <c r="IF10" s="71">
        <v>25</v>
      </c>
      <c r="IG10" s="71">
        <v>22</v>
      </c>
      <c r="IH10" s="71">
        <v>13</v>
      </c>
      <c r="II10" s="72">
        <v>147</v>
      </c>
      <c r="IJ10" s="73">
        <v>220</v>
      </c>
      <c r="IK10" s="70">
        <v>59</v>
      </c>
      <c r="IL10" s="71">
        <v>84</v>
      </c>
      <c r="IM10" s="72">
        <v>143</v>
      </c>
      <c r="IN10" s="244"/>
      <c r="IO10" s="71">
        <v>89</v>
      </c>
      <c r="IP10" s="71">
        <v>103</v>
      </c>
      <c r="IQ10" s="71">
        <v>59</v>
      </c>
      <c r="IR10" s="71">
        <v>46</v>
      </c>
      <c r="IS10" s="71">
        <v>19</v>
      </c>
      <c r="IT10" s="72">
        <v>316</v>
      </c>
      <c r="IU10" s="73">
        <v>459</v>
      </c>
      <c r="IV10" s="70">
        <v>100</v>
      </c>
      <c r="IW10" s="71">
        <v>101</v>
      </c>
      <c r="IX10" s="72">
        <v>201</v>
      </c>
      <c r="IY10" s="244"/>
      <c r="IZ10" s="71">
        <v>136</v>
      </c>
      <c r="JA10" s="71">
        <v>133</v>
      </c>
      <c r="JB10" s="71">
        <v>93</v>
      </c>
      <c r="JC10" s="71">
        <v>70</v>
      </c>
      <c r="JD10" s="71">
        <v>34</v>
      </c>
      <c r="JE10" s="72">
        <v>466</v>
      </c>
      <c r="JF10" s="73">
        <v>667</v>
      </c>
      <c r="JG10" s="70">
        <v>70</v>
      </c>
      <c r="JH10" s="71">
        <v>108</v>
      </c>
      <c r="JI10" s="72">
        <v>178</v>
      </c>
      <c r="JJ10" s="244"/>
      <c r="JK10" s="71">
        <v>153</v>
      </c>
      <c r="JL10" s="71">
        <v>148</v>
      </c>
      <c r="JM10" s="71">
        <v>124</v>
      </c>
      <c r="JN10" s="71">
        <v>85</v>
      </c>
      <c r="JO10" s="71">
        <v>47</v>
      </c>
      <c r="JP10" s="72">
        <v>557</v>
      </c>
      <c r="JQ10" s="73">
        <v>735</v>
      </c>
      <c r="JR10" s="70">
        <v>0</v>
      </c>
      <c r="JS10" s="71">
        <v>0</v>
      </c>
      <c r="JT10" s="72">
        <v>0</v>
      </c>
      <c r="JU10" s="244"/>
      <c r="JV10" s="71">
        <v>0</v>
      </c>
      <c r="JW10" s="71">
        <v>0</v>
      </c>
      <c r="JX10" s="71">
        <v>0</v>
      </c>
      <c r="JY10" s="71">
        <v>0</v>
      </c>
      <c r="JZ10" s="71">
        <v>0</v>
      </c>
      <c r="KA10" s="72">
        <v>0</v>
      </c>
      <c r="KB10" s="73">
        <v>0</v>
      </c>
      <c r="KC10" s="70">
        <v>288</v>
      </c>
      <c r="KD10" s="71">
        <v>360</v>
      </c>
      <c r="KE10" s="72">
        <v>648</v>
      </c>
      <c r="KF10" s="244"/>
      <c r="KG10" s="71">
        <v>436</v>
      </c>
      <c r="KH10" s="71">
        <v>460</v>
      </c>
      <c r="KI10" s="71">
        <v>322</v>
      </c>
      <c r="KJ10" s="71">
        <v>241</v>
      </c>
      <c r="KK10" s="71">
        <v>127</v>
      </c>
      <c r="KL10" s="72">
        <v>1586</v>
      </c>
      <c r="KM10" s="73">
        <v>2234</v>
      </c>
    </row>
    <row r="11" spans="2:299" ht="21" customHeight="1" x14ac:dyDescent="0.2">
      <c r="B11" s="126" t="s">
        <v>7</v>
      </c>
      <c r="C11" s="315">
        <v>252</v>
      </c>
      <c r="D11" s="82">
        <v>154</v>
      </c>
      <c r="E11" s="83">
        <v>406</v>
      </c>
      <c r="F11" s="241"/>
      <c r="G11" s="82">
        <v>527</v>
      </c>
      <c r="H11" s="82">
        <v>342</v>
      </c>
      <c r="I11" s="82">
        <v>192</v>
      </c>
      <c r="J11" s="82">
        <v>172</v>
      </c>
      <c r="K11" s="82">
        <v>94</v>
      </c>
      <c r="L11" s="84">
        <v>1327</v>
      </c>
      <c r="M11" s="85">
        <v>1733</v>
      </c>
      <c r="N11" s="70">
        <v>4</v>
      </c>
      <c r="O11" s="71">
        <v>1</v>
      </c>
      <c r="P11" s="72">
        <v>5</v>
      </c>
      <c r="Q11" s="244"/>
      <c r="R11" s="71">
        <v>6</v>
      </c>
      <c r="S11" s="71">
        <v>7</v>
      </c>
      <c r="T11" s="71">
        <v>3</v>
      </c>
      <c r="U11" s="71">
        <v>3</v>
      </c>
      <c r="V11" s="71">
        <v>1</v>
      </c>
      <c r="W11" s="72">
        <v>20</v>
      </c>
      <c r="X11" s="73">
        <v>25</v>
      </c>
      <c r="Y11" s="70">
        <v>12</v>
      </c>
      <c r="Z11" s="71">
        <v>5</v>
      </c>
      <c r="AA11" s="72">
        <v>17</v>
      </c>
      <c r="AB11" s="244"/>
      <c r="AC11" s="71">
        <v>23</v>
      </c>
      <c r="AD11" s="71">
        <v>13</v>
      </c>
      <c r="AE11" s="71">
        <v>11</v>
      </c>
      <c r="AF11" s="71">
        <v>5</v>
      </c>
      <c r="AG11" s="71">
        <v>2</v>
      </c>
      <c r="AH11" s="72">
        <v>54</v>
      </c>
      <c r="AI11" s="73">
        <v>71</v>
      </c>
      <c r="AJ11" s="70">
        <v>15</v>
      </c>
      <c r="AK11" s="71">
        <v>11</v>
      </c>
      <c r="AL11" s="72">
        <v>26</v>
      </c>
      <c r="AM11" s="244"/>
      <c r="AN11" s="71">
        <v>45</v>
      </c>
      <c r="AO11" s="71">
        <v>34</v>
      </c>
      <c r="AP11" s="71">
        <v>18</v>
      </c>
      <c r="AQ11" s="71">
        <v>11</v>
      </c>
      <c r="AR11" s="71">
        <v>11</v>
      </c>
      <c r="AS11" s="72">
        <v>119</v>
      </c>
      <c r="AT11" s="73">
        <v>145</v>
      </c>
      <c r="AU11" s="70">
        <v>38</v>
      </c>
      <c r="AV11" s="71">
        <v>24</v>
      </c>
      <c r="AW11" s="72">
        <v>62</v>
      </c>
      <c r="AX11" s="244"/>
      <c r="AY11" s="71">
        <v>108</v>
      </c>
      <c r="AZ11" s="71">
        <v>71</v>
      </c>
      <c r="BA11" s="71">
        <v>36</v>
      </c>
      <c r="BB11" s="71">
        <v>30</v>
      </c>
      <c r="BC11" s="71">
        <v>24</v>
      </c>
      <c r="BD11" s="72">
        <v>269</v>
      </c>
      <c r="BE11" s="73">
        <v>331</v>
      </c>
      <c r="BF11" s="70">
        <v>103</v>
      </c>
      <c r="BG11" s="71">
        <v>64</v>
      </c>
      <c r="BH11" s="72">
        <v>167</v>
      </c>
      <c r="BI11" s="244"/>
      <c r="BJ11" s="71">
        <v>157</v>
      </c>
      <c r="BK11" s="71">
        <v>102</v>
      </c>
      <c r="BL11" s="71">
        <v>62</v>
      </c>
      <c r="BM11" s="71">
        <v>54</v>
      </c>
      <c r="BN11" s="71">
        <v>25</v>
      </c>
      <c r="BO11" s="72">
        <v>400</v>
      </c>
      <c r="BP11" s="73">
        <v>567</v>
      </c>
      <c r="BQ11" s="70">
        <v>80</v>
      </c>
      <c r="BR11" s="71">
        <v>49</v>
      </c>
      <c r="BS11" s="72">
        <v>129</v>
      </c>
      <c r="BT11" s="244"/>
      <c r="BU11" s="71">
        <v>188</v>
      </c>
      <c r="BV11" s="71">
        <v>115</v>
      </c>
      <c r="BW11" s="71">
        <v>62</v>
      </c>
      <c r="BX11" s="71">
        <v>69</v>
      </c>
      <c r="BY11" s="71">
        <v>31</v>
      </c>
      <c r="BZ11" s="72">
        <v>465</v>
      </c>
      <c r="CA11" s="73">
        <v>594</v>
      </c>
      <c r="CB11" s="70">
        <v>0</v>
      </c>
      <c r="CC11" s="71">
        <v>0</v>
      </c>
      <c r="CD11" s="72">
        <v>0</v>
      </c>
      <c r="CE11" s="244"/>
      <c r="CF11" s="71">
        <v>0</v>
      </c>
      <c r="CG11" s="71">
        <v>0</v>
      </c>
      <c r="CH11" s="71">
        <v>0</v>
      </c>
      <c r="CI11" s="71">
        <v>0</v>
      </c>
      <c r="CJ11" s="71">
        <v>0</v>
      </c>
      <c r="CK11" s="72">
        <v>0</v>
      </c>
      <c r="CL11" s="73">
        <v>0</v>
      </c>
      <c r="CM11" s="70">
        <v>252</v>
      </c>
      <c r="CN11" s="71">
        <v>154</v>
      </c>
      <c r="CO11" s="72">
        <v>406</v>
      </c>
      <c r="CP11" s="244"/>
      <c r="CQ11" s="71">
        <v>527</v>
      </c>
      <c r="CR11" s="71">
        <v>342</v>
      </c>
      <c r="CS11" s="71">
        <v>192</v>
      </c>
      <c r="CT11" s="71">
        <v>172</v>
      </c>
      <c r="CU11" s="71">
        <v>94</v>
      </c>
      <c r="CV11" s="72">
        <v>1327</v>
      </c>
      <c r="CW11" s="73">
        <v>1733</v>
      </c>
      <c r="CX11" s="123">
        <v>33</v>
      </c>
      <c r="CY11" s="82">
        <v>24</v>
      </c>
      <c r="CZ11" s="83">
        <v>57</v>
      </c>
      <c r="DA11" s="241"/>
      <c r="DB11" s="82">
        <v>77</v>
      </c>
      <c r="DC11" s="82">
        <v>37</v>
      </c>
      <c r="DD11" s="82">
        <v>28</v>
      </c>
      <c r="DE11" s="82">
        <v>27</v>
      </c>
      <c r="DF11" s="82">
        <v>18</v>
      </c>
      <c r="DG11" s="84">
        <v>187</v>
      </c>
      <c r="DH11" s="85">
        <v>244</v>
      </c>
      <c r="DI11" s="70">
        <v>0</v>
      </c>
      <c r="DJ11" s="71">
        <v>0</v>
      </c>
      <c r="DK11" s="72">
        <v>0</v>
      </c>
      <c r="DL11" s="244"/>
      <c r="DM11" s="71">
        <v>1</v>
      </c>
      <c r="DN11" s="71">
        <v>0</v>
      </c>
      <c r="DO11" s="71">
        <v>0</v>
      </c>
      <c r="DP11" s="71">
        <v>0</v>
      </c>
      <c r="DQ11" s="71">
        <v>0</v>
      </c>
      <c r="DR11" s="72">
        <v>1</v>
      </c>
      <c r="DS11" s="73">
        <v>1</v>
      </c>
      <c r="DT11" s="70">
        <v>5</v>
      </c>
      <c r="DU11" s="71">
        <v>1</v>
      </c>
      <c r="DV11" s="72">
        <v>6</v>
      </c>
      <c r="DW11" s="244"/>
      <c r="DX11" s="71">
        <v>3</v>
      </c>
      <c r="DY11" s="71">
        <v>3</v>
      </c>
      <c r="DZ11" s="71">
        <v>1</v>
      </c>
      <c r="EA11" s="71">
        <v>5</v>
      </c>
      <c r="EB11" s="71">
        <v>0</v>
      </c>
      <c r="EC11" s="72">
        <v>12</v>
      </c>
      <c r="ED11" s="73">
        <v>18</v>
      </c>
      <c r="EE11" s="70">
        <v>4</v>
      </c>
      <c r="EF11" s="71">
        <v>2</v>
      </c>
      <c r="EG11" s="72">
        <v>6</v>
      </c>
      <c r="EH11" s="244"/>
      <c r="EI11" s="71">
        <v>7</v>
      </c>
      <c r="EJ11" s="71">
        <v>5</v>
      </c>
      <c r="EK11" s="71">
        <v>1</v>
      </c>
      <c r="EL11" s="71">
        <v>0</v>
      </c>
      <c r="EM11" s="71">
        <v>2</v>
      </c>
      <c r="EN11" s="72">
        <v>15</v>
      </c>
      <c r="EO11" s="73">
        <v>21</v>
      </c>
      <c r="EP11" s="70">
        <v>7</v>
      </c>
      <c r="EQ11" s="71">
        <v>4</v>
      </c>
      <c r="ER11" s="72">
        <v>11</v>
      </c>
      <c r="ES11" s="244"/>
      <c r="ET11" s="71">
        <v>19</v>
      </c>
      <c r="EU11" s="71">
        <v>1</v>
      </c>
      <c r="EV11" s="71">
        <v>1</v>
      </c>
      <c r="EW11" s="71">
        <v>5</v>
      </c>
      <c r="EX11" s="71">
        <v>1</v>
      </c>
      <c r="EY11" s="72">
        <v>27</v>
      </c>
      <c r="EZ11" s="73">
        <v>38</v>
      </c>
      <c r="FA11" s="70">
        <v>10</v>
      </c>
      <c r="FB11" s="71">
        <v>11</v>
      </c>
      <c r="FC11" s="72">
        <v>21</v>
      </c>
      <c r="FD11" s="244"/>
      <c r="FE11" s="71">
        <v>20</v>
      </c>
      <c r="FF11" s="71">
        <v>9</v>
      </c>
      <c r="FG11" s="71">
        <v>9</v>
      </c>
      <c r="FH11" s="71">
        <v>6</v>
      </c>
      <c r="FI11" s="71">
        <v>6</v>
      </c>
      <c r="FJ11" s="72">
        <v>50</v>
      </c>
      <c r="FK11" s="73">
        <v>71</v>
      </c>
      <c r="FL11" s="70">
        <v>7</v>
      </c>
      <c r="FM11" s="71">
        <v>6</v>
      </c>
      <c r="FN11" s="72">
        <v>13</v>
      </c>
      <c r="FO11" s="244"/>
      <c r="FP11" s="71">
        <v>27</v>
      </c>
      <c r="FQ11" s="71">
        <v>19</v>
      </c>
      <c r="FR11" s="71">
        <v>16</v>
      </c>
      <c r="FS11" s="71">
        <v>11</v>
      </c>
      <c r="FT11" s="71">
        <v>9</v>
      </c>
      <c r="FU11" s="72">
        <v>82</v>
      </c>
      <c r="FV11" s="73">
        <v>95</v>
      </c>
      <c r="FW11" s="70">
        <v>0</v>
      </c>
      <c r="FX11" s="71">
        <v>0</v>
      </c>
      <c r="FY11" s="72">
        <v>0</v>
      </c>
      <c r="FZ11" s="244"/>
      <c r="GA11" s="71">
        <v>0</v>
      </c>
      <c r="GB11" s="71">
        <v>0</v>
      </c>
      <c r="GC11" s="71">
        <v>0</v>
      </c>
      <c r="GD11" s="71">
        <v>0</v>
      </c>
      <c r="GE11" s="71">
        <v>0</v>
      </c>
      <c r="GF11" s="72">
        <v>0</v>
      </c>
      <c r="GG11" s="73">
        <v>0</v>
      </c>
      <c r="GH11" s="70">
        <v>33</v>
      </c>
      <c r="GI11" s="71">
        <v>24</v>
      </c>
      <c r="GJ11" s="72">
        <v>57</v>
      </c>
      <c r="GK11" s="244"/>
      <c r="GL11" s="71">
        <v>77</v>
      </c>
      <c r="GM11" s="71">
        <v>37</v>
      </c>
      <c r="GN11" s="71">
        <v>28</v>
      </c>
      <c r="GO11" s="71">
        <v>27</v>
      </c>
      <c r="GP11" s="71">
        <v>18</v>
      </c>
      <c r="GQ11" s="72">
        <v>187</v>
      </c>
      <c r="GR11" s="73">
        <v>244</v>
      </c>
      <c r="GS11" s="123">
        <v>285</v>
      </c>
      <c r="GT11" s="82">
        <v>178</v>
      </c>
      <c r="GU11" s="83">
        <v>463</v>
      </c>
      <c r="GV11" s="241"/>
      <c r="GW11" s="82">
        <v>604</v>
      </c>
      <c r="GX11" s="82">
        <v>379</v>
      </c>
      <c r="GY11" s="82">
        <v>220</v>
      </c>
      <c r="GZ11" s="82">
        <v>199</v>
      </c>
      <c r="HA11" s="82">
        <v>112</v>
      </c>
      <c r="HB11" s="84">
        <v>1514</v>
      </c>
      <c r="HC11" s="85">
        <v>1977</v>
      </c>
      <c r="HD11" s="70">
        <v>4</v>
      </c>
      <c r="HE11" s="71">
        <v>1</v>
      </c>
      <c r="HF11" s="72">
        <v>5</v>
      </c>
      <c r="HG11" s="244"/>
      <c r="HH11" s="71">
        <v>7</v>
      </c>
      <c r="HI11" s="71">
        <v>7</v>
      </c>
      <c r="HJ11" s="71">
        <v>3</v>
      </c>
      <c r="HK11" s="71">
        <v>3</v>
      </c>
      <c r="HL11" s="71">
        <v>1</v>
      </c>
      <c r="HM11" s="72">
        <v>21</v>
      </c>
      <c r="HN11" s="73">
        <v>26</v>
      </c>
      <c r="HO11" s="70">
        <v>17</v>
      </c>
      <c r="HP11" s="71">
        <v>6</v>
      </c>
      <c r="HQ11" s="72">
        <v>23</v>
      </c>
      <c r="HR11" s="244"/>
      <c r="HS11" s="71">
        <v>26</v>
      </c>
      <c r="HT11" s="71">
        <v>16</v>
      </c>
      <c r="HU11" s="71">
        <v>12</v>
      </c>
      <c r="HV11" s="71">
        <v>10</v>
      </c>
      <c r="HW11" s="71">
        <v>2</v>
      </c>
      <c r="HX11" s="72">
        <v>66</v>
      </c>
      <c r="HY11" s="73">
        <v>89</v>
      </c>
      <c r="HZ11" s="70">
        <v>19</v>
      </c>
      <c r="IA11" s="71">
        <v>13</v>
      </c>
      <c r="IB11" s="72">
        <v>32</v>
      </c>
      <c r="IC11" s="244"/>
      <c r="ID11" s="71">
        <v>52</v>
      </c>
      <c r="IE11" s="71">
        <v>39</v>
      </c>
      <c r="IF11" s="71">
        <v>19</v>
      </c>
      <c r="IG11" s="71">
        <v>11</v>
      </c>
      <c r="IH11" s="71">
        <v>13</v>
      </c>
      <c r="II11" s="72">
        <v>134</v>
      </c>
      <c r="IJ11" s="73">
        <v>166</v>
      </c>
      <c r="IK11" s="70">
        <v>45</v>
      </c>
      <c r="IL11" s="71">
        <v>28</v>
      </c>
      <c r="IM11" s="72">
        <v>73</v>
      </c>
      <c r="IN11" s="244"/>
      <c r="IO11" s="71">
        <v>127</v>
      </c>
      <c r="IP11" s="71">
        <v>72</v>
      </c>
      <c r="IQ11" s="71">
        <v>37</v>
      </c>
      <c r="IR11" s="71">
        <v>35</v>
      </c>
      <c r="IS11" s="71">
        <v>25</v>
      </c>
      <c r="IT11" s="72">
        <v>296</v>
      </c>
      <c r="IU11" s="73">
        <v>369</v>
      </c>
      <c r="IV11" s="70">
        <v>113</v>
      </c>
      <c r="IW11" s="71">
        <v>75</v>
      </c>
      <c r="IX11" s="72">
        <v>188</v>
      </c>
      <c r="IY11" s="244"/>
      <c r="IZ11" s="71">
        <v>177</v>
      </c>
      <c r="JA11" s="71">
        <v>111</v>
      </c>
      <c r="JB11" s="71">
        <v>71</v>
      </c>
      <c r="JC11" s="71">
        <v>60</v>
      </c>
      <c r="JD11" s="71">
        <v>31</v>
      </c>
      <c r="JE11" s="72">
        <v>450</v>
      </c>
      <c r="JF11" s="73">
        <v>638</v>
      </c>
      <c r="JG11" s="70">
        <v>87</v>
      </c>
      <c r="JH11" s="71">
        <v>55</v>
      </c>
      <c r="JI11" s="72">
        <v>142</v>
      </c>
      <c r="JJ11" s="244"/>
      <c r="JK11" s="71">
        <v>215</v>
      </c>
      <c r="JL11" s="71">
        <v>134</v>
      </c>
      <c r="JM11" s="71">
        <v>78</v>
      </c>
      <c r="JN11" s="71">
        <v>80</v>
      </c>
      <c r="JO11" s="71">
        <v>40</v>
      </c>
      <c r="JP11" s="72">
        <v>547</v>
      </c>
      <c r="JQ11" s="73">
        <v>689</v>
      </c>
      <c r="JR11" s="70">
        <v>0</v>
      </c>
      <c r="JS11" s="71">
        <v>0</v>
      </c>
      <c r="JT11" s="72">
        <v>0</v>
      </c>
      <c r="JU11" s="244"/>
      <c r="JV11" s="71">
        <v>0</v>
      </c>
      <c r="JW11" s="71">
        <v>0</v>
      </c>
      <c r="JX11" s="71">
        <v>0</v>
      </c>
      <c r="JY11" s="71">
        <v>0</v>
      </c>
      <c r="JZ11" s="71">
        <v>0</v>
      </c>
      <c r="KA11" s="72">
        <v>0</v>
      </c>
      <c r="KB11" s="73">
        <v>0</v>
      </c>
      <c r="KC11" s="70">
        <v>285</v>
      </c>
      <c r="KD11" s="71">
        <v>178</v>
      </c>
      <c r="KE11" s="72">
        <v>463</v>
      </c>
      <c r="KF11" s="244"/>
      <c r="KG11" s="71">
        <v>604</v>
      </c>
      <c r="KH11" s="71">
        <v>379</v>
      </c>
      <c r="KI11" s="71">
        <v>220</v>
      </c>
      <c r="KJ11" s="71">
        <v>199</v>
      </c>
      <c r="KK11" s="71">
        <v>112</v>
      </c>
      <c r="KL11" s="72">
        <v>1514</v>
      </c>
      <c r="KM11" s="73">
        <v>1977</v>
      </c>
    </row>
    <row r="12" spans="2:299" ht="21" customHeight="1" x14ac:dyDescent="0.2">
      <c r="B12" s="126" t="s">
        <v>8</v>
      </c>
      <c r="C12" s="315">
        <v>101</v>
      </c>
      <c r="D12" s="82">
        <v>62</v>
      </c>
      <c r="E12" s="83">
        <v>163</v>
      </c>
      <c r="F12" s="241"/>
      <c r="G12" s="82">
        <v>151</v>
      </c>
      <c r="H12" s="82">
        <v>115</v>
      </c>
      <c r="I12" s="82">
        <v>93</v>
      </c>
      <c r="J12" s="82">
        <v>53</v>
      </c>
      <c r="K12" s="82">
        <v>37</v>
      </c>
      <c r="L12" s="84">
        <v>449</v>
      </c>
      <c r="M12" s="85">
        <v>612</v>
      </c>
      <c r="N12" s="70">
        <v>4</v>
      </c>
      <c r="O12" s="71">
        <v>3</v>
      </c>
      <c r="P12" s="72">
        <v>7</v>
      </c>
      <c r="Q12" s="244"/>
      <c r="R12" s="71">
        <v>5</v>
      </c>
      <c r="S12" s="71">
        <v>5</v>
      </c>
      <c r="T12" s="71">
        <v>2</v>
      </c>
      <c r="U12" s="71">
        <v>1</v>
      </c>
      <c r="V12" s="71">
        <v>0</v>
      </c>
      <c r="W12" s="72">
        <v>13</v>
      </c>
      <c r="X12" s="73">
        <v>20</v>
      </c>
      <c r="Y12" s="70">
        <v>2</v>
      </c>
      <c r="Z12" s="71">
        <v>4</v>
      </c>
      <c r="AA12" s="72">
        <v>6</v>
      </c>
      <c r="AB12" s="244"/>
      <c r="AC12" s="71">
        <v>6</v>
      </c>
      <c r="AD12" s="71">
        <v>10</v>
      </c>
      <c r="AE12" s="71">
        <v>0</v>
      </c>
      <c r="AF12" s="71">
        <v>7</v>
      </c>
      <c r="AG12" s="71">
        <v>0</v>
      </c>
      <c r="AH12" s="72">
        <v>23</v>
      </c>
      <c r="AI12" s="73">
        <v>29</v>
      </c>
      <c r="AJ12" s="70">
        <v>7</v>
      </c>
      <c r="AK12" s="71">
        <v>4</v>
      </c>
      <c r="AL12" s="72">
        <v>11</v>
      </c>
      <c r="AM12" s="244"/>
      <c r="AN12" s="71">
        <v>15</v>
      </c>
      <c r="AO12" s="71">
        <v>12</v>
      </c>
      <c r="AP12" s="71">
        <v>6</v>
      </c>
      <c r="AQ12" s="71">
        <v>5</v>
      </c>
      <c r="AR12" s="71">
        <v>6</v>
      </c>
      <c r="AS12" s="72">
        <v>44</v>
      </c>
      <c r="AT12" s="73">
        <v>55</v>
      </c>
      <c r="AU12" s="70">
        <v>22</v>
      </c>
      <c r="AV12" s="71">
        <v>7</v>
      </c>
      <c r="AW12" s="72">
        <v>29</v>
      </c>
      <c r="AX12" s="244"/>
      <c r="AY12" s="71">
        <v>30</v>
      </c>
      <c r="AZ12" s="71">
        <v>20</v>
      </c>
      <c r="BA12" s="71">
        <v>13</v>
      </c>
      <c r="BB12" s="71">
        <v>7</v>
      </c>
      <c r="BC12" s="71">
        <v>8</v>
      </c>
      <c r="BD12" s="72">
        <v>78</v>
      </c>
      <c r="BE12" s="73">
        <v>107</v>
      </c>
      <c r="BF12" s="70">
        <v>32</v>
      </c>
      <c r="BG12" s="71">
        <v>21</v>
      </c>
      <c r="BH12" s="72">
        <v>53</v>
      </c>
      <c r="BI12" s="244"/>
      <c r="BJ12" s="71">
        <v>44</v>
      </c>
      <c r="BK12" s="71">
        <v>20</v>
      </c>
      <c r="BL12" s="71">
        <v>27</v>
      </c>
      <c r="BM12" s="71">
        <v>10</v>
      </c>
      <c r="BN12" s="71">
        <v>11</v>
      </c>
      <c r="BO12" s="72">
        <v>112</v>
      </c>
      <c r="BP12" s="73">
        <v>165</v>
      </c>
      <c r="BQ12" s="70">
        <v>34</v>
      </c>
      <c r="BR12" s="71">
        <v>23</v>
      </c>
      <c r="BS12" s="72">
        <v>57</v>
      </c>
      <c r="BT12" s="244"/>
      <c r="BU12" s="71">
        <v>51</v>
      </c>
      <c r="BV12" s="71">
        <v>48</v>
      </c>
      <c r="BW12" s="71">
        <v>45</v>
      </c>
      <c r="BX12" s="71">
        <v>23</v>
      </c>
      <c r="BY12" s="71">
        <v>12</v>
      </c>
      <c r="BZ12" s="72">
        <v>179</v>
      </c>
      <c r="CA12" s="73">
        <v>236</v>
      </c>
      <c r="CB12" s="70">
        <v>0</v>
      </c>
      <c r="CC12" s="71">
        <v>0</v>
      </c>
      <c r="CD12" s="72">
        <v>0</v>
      </c>
      <c r="CE12" s="244"/>
      <c r="CF12" s="71">
        <v>0</v>
      </c>
      <c r="CG12" s="71">
        <v>0</v>
      </c>
      <c r="CH12" s="71">
        <v>0</v>
      </c>
      <c r="CI12" s="71">
        <v>0</v>
      </c>
      <c r="CJ12" s="71">
        <v>0</v>
      </c>
      <c r="CK12" s="72">
        <v>0</v>
      </c>
      <c r="CL12" s="73">
        <v>0</v>
      </c>
      <c r="CM12" s="70">
        <v>101</v>
      </c>
      <c r="CN12" s="71">
        <v>62</v>
      </c>
      <c r="CO12" s="72">
        <v>163</v>
      </c>
      <c r="CP12" s="244"/>
      <c r="CQ12" s="71">
        <v>151</v>
      </c>
      <c r="CR12" s="71">
        <v>115</v>
      </c>
      <c r="CS12" s="71">
        <v>93</v>
      </c>
      <c r="CT12" s="71">
        <v>53</v>
      </c>
      <c r="CU12" s="71">
        <v>37</v>
      </c>
      <c r="CV12" s="72">
        <v>449</v>
      </c>
      <c r="CW12" s="73">
        <v>612</v>
      </c>
      <c r="CX12" s="123">
        <v>15</v>
      </c>
      <c r="CY12" s="82">
        <v>5</v>
      </c>
      <c r="CZ12" s="83">
        <v>20</v>
      </c>
      <c r="DA12" s="241"/>
      <c r="DB12" s="82">
        <v>19</v>
      </c>
      <c r="DC12" s="82">
        <v>31</v>
      </c>
      <c r="DD12" s="82">
        <v>14</v>
      </c>
      <c r="DE12" s="82">
        <v>12</v>
      </c>
      <c r="DF12" s="82">
        <v>5</v>
      </c>
      <c r="DG12" s="84">
        <v>81</v>
      </c>
      <c r="DH12" s="85">
        <v>101</v>
      </c>
      <c r="DI12" s="70">
        <v>1</v>
      </c>
      <c r="DJ12" s="71">
        <v>0</v>
      </c>
      <c r="DK12" s="72">
        <v>1</v>
      </c>
      <c r="DL12" s="244"/>
      <c r="DM12" s="71">
        <v>0</v>
      </c>
      <c r="DN12" s="71">
        <v>0</v>
      </c>
      <c r="DO12" s="71">
        <v>0</v>
      </c>
      <c r="DP12" s="71">
        <v>0</v>
      </c>
      <c r="DQ12" s="71">
        <v>0</v>
      </c>
      <c r="DR12" s="72">
        <v>0</v>
      </c>
      <c r="DS12" s="73">
        <v>1</v>
      </c>
      <c r="DT12" s="70">
        <v>1</v>
      </c>
      <c r="DU12" s="71">
        <v>0</v>
      </c>
      <c r="DV12" s="72">
        <v>1</v>
      </c>
      <c r="DW12" s="244"/>
      <c r="DX12" s="71">
        <v>1</v>
      </c>
      <c r="DY12" s="71">
        <v>1</v>
      </c>
      <c r="DZ12" s="71">
        <v>1</v>
      </c>
      <c r="EA12" s="71">
        <v>1</v>
      </c>
      <c r="EB12" s="71">
        <v>0</v>
      </c>
      <c r="EC12" s="72">
        <v>4</v>
      </c>
      <c r="ED12" s="73">
        <v>5</v>
      </c>
      <c r="EE12" s="70">
        <v>2</v>
      </c>
      <c r="EF12" s="71">
        <v>2</v>
      </c>
      <c r="EG12" s="72">
        <v>4</v>
      </c>
      <c r="EH12" s="244"/>
      <c r="EI12" s="71">
        <v>1</v>
      </c>
      <c r="EJ12" s="71">
        <v>2</v>
      </c>
      <c r="EK12" s="71">
        <v>1</v>
      </c>
      <c r="EL12" s="71">
        <v>1</v>
      </c>
      <c r="EM12" s="71">
        <v>0</v>
      </c>
      <c r="EN12" s="72">
        <v>5</v>
      </c>
      <c r="EO12" s="73">
        <v>9</v>
      </c>
      <c r="EP12" s="70">
        <v>3</v>
      </c>
      <c r="EQ12" s="71">
        <v>1</v>
      </c>
      <c r="ER12" s="72">
        <v>4</v>
      </c>
      <c r="ES12" s="244"/>
      <c r="ET12" s="71">
        <v>2</v>
      </c>
      <c r="EU12" s="71">
        <v>5</v>
      </c>
      <c r="EV12" s="71">
        <v>2</v>
      </c>
      <c r="EW12" s="71">
        <v>1</v>
      </c>
      <c r="EX12" s="71">
        <v>1</v>
      </c>
      <c r="EY12" s="72">
        <v>11</v>
      </c>
      <c r="EZ12" s="73">
        <v>15</v>
      </c>
      <c r="FA12" s="70">
        <v>3</v>
      </c>
      <c r="FB12" s="71">
        <v>1</v>
      </c>
      <c r="FC12" s="72">
        <v>4</v>
      </c>
      <c r="FD12" s="244"/>
      <c r="FE12" s="71">
        <v>7</v>
      </c>
      <c r="FF12" s="71">
        <v>9</v>
      </c>
      <c r="FG12" s="71">
        <v>1</v>
      </c>
      <c r="FH12" s="71">
        <v>1</v>
      </c>
      <c r="FI12" s="71">
        <v>2</v>
      </c>
      <c r="FJ12" s="72">
        <v>20</v>
      </c>
      <c r="FK12" s="73">
        <v>24</v>
      </c>
      <c r="FL12" s="70">
        <v>5</v>
      </c>
      <c r="FM12" s="71">
        <v>1</v>
      </c>
      <c r="FN12" s="72">
        <v>6</v>
      </c>
      <c r="FO12" s="244"/>
      <c r="FP12" s="71">
        <v>8</v>
      </c>
      <c r="FQ12" s="71">
        <v>14</v>
      </c>
      <c r="FR12" s="71">
        <v>9</v>
      </c>
      <c r="FS12" s="71">
        <v>8</v>
      </c>
      <c r="FT12" s="71">
        <v>2</v>
      </c>
      <c r="FU12" s="72">
        <v>41</v>
      </c>
      <c r="FV12" s="73">
        <v>47</v>
      </c>
      <c r="FW12" s="70">
        <v>0</v>
      </c>
      <c r="FX12" s="71">
        <v>0</v>
      </c>
      <c r="FY12" s="72">
        <v>0</v>
      </c>
      <c r="FZ12" s="244"/>
      <c r="GA12" s="71">
        <v>0</v>
      </c>
      <c r="GB12" s="71">
        <v>0</v>
      </c>
      <c r="GC12" s="71">
        <v>0</v>
      </c>
      <c r="GD12" s="71">
        <v>0</v>
      </c>
      <c r="GE12" s="71">
        <v>0</v>
      </c>
      <c r="GF12" s="72">
        <v>0</v>
      </c>
      <c r="GG12" s="73">
        <v>0</v>
      </c>
      <c r="GH12" s="70">
        <v>15</v>
      </c>
      <c r="GI12" s="71">
        <v>5</v>
      </c>
      <c r="GJ12" s="72">
        <v>20</v>
      </c>
      <c r="GK12" s="244"/>
      <c r="GL12" s="71">
        <v>19</v>
      </c>
      <c r="GM12" s="71">
        <v>31</v>
      </c>
      <c r="GN12" s="71">
        <v>14</v>
      </c>
      <c r="GO12" s="71">
        <v>12</v>
      </c>
      <c r="GP12" s="71">
        <v>5</v>
      </c>
      <c r="GQ12" s="72">
        <v>81</v>
      </c>
      <c r="GR12" s="73">
        <v>101</v>
      </c>
      <c r="GS12" s="123">
        <v>116</v>
      </c>
      <c r="GT12" s="82">
        <v>67</v>
      </c>
      <c r="GU12" s="83">
        <v>183</v>
      </c>
      <c r="GV12" s="241"/>
      <c r="GW12" s="82">
        <v>170</v>
      </c>
      <c r="GX12" s="82">
        <v>146</v>
      </c>
      <c r="GY12" s="82">
        <v>107</v>
      </c>
      <c r="GZ12" s="82">
        <v>65</v>
      </c>
      <c r="HA12" s="82">
        <v>42</v>
      </c>
      <c r="HB12" s="84">
        <v>530</v>
      </c>
      <c r="HC12" s="85">
        <v>713</v>
      </c>
      <c r="HD12" s="70">
        <v>5</v>
      </c>
      <c r="HE12" s="71">
        <v>3</v>
      </c>
      <c r="HF12" s="72">
        <v>8</v>
      </c>
      <c r="HG12" s="244"/>
      <c r="HH12" s="71">
        <v>5</v>
      </c>
      <c r="HI12" s="71">
        <v>5</v>
      </c>
      <c r="HJ12" s="71">
        <v>2</v>
      </c>
      <c r="HK12" s="71">
        <v>1</v>
      </c>
      <c r="HL12" s="71">
        <v>0</v>
      </c>
      <c r="HM12" s="72">
        <v>13</v>
      </c>
      <c r="HN12" s="73">
        <v>21</v>
      </c>
      <c r="HO12" s="70">
        <v>3</v>
      </c>
      <c r="HP12" s="71">
        <v>4</v>
      </c>
      <c r="HQ12" s="72">
        <v>7</v>
      </c>
      <c r="HR12" s="244"/>
      <c r="HS12" s="71">
        <v>7</v>
      </c>
      <c r="HT12" s="71">
        <v>11</v>
      </c>
      <c r="HU12" s="71">
        <v>1</v>
      </c>
      <c r="HV12" s="71">
        <v>8</v>
      </c>
      <c r="HW12" s="71">
        <v>0</v>
      </c>
      <c r="HX12" s="72">
        <v>27</v>
      </c>
      <c r="HY12" s="73">
        <v>34</v>
      </c>
      <c r="HZ12" s="70">
        <v>9</v>
      </c>
      <c r="IA12" s="71">
        <v>6</v>
      </c>
      <c r="IB12" s="72">
        <v>15</v>
      </c>
      <c r="IC12" s="244"/>
      <c r="ID12" s="71">
        <v>16</v>
      </c>
      <c r="IE12" s="71">
        <v>14</v>
      </c>
      <c r="IF12" s="71">
        <v>7</v>
      </c>
      <c r="IG12" s="71">
        <v>6</v>
      </c>
      <c r="IH12" s="71">
        <v>6</v>
      </c>
      <c r="II12" s="72">
        <v>49</v>
      </c>
      <c r="IJ12" s="73">
        <v>64</v>
      </c>
      <c r="IK12" s="70">
        <v>25</v>
      </c>
      <c r="IL12" s="71">
        <v>8</v>
      </c>
      <c r="IM12" s="72">
        <v>33</v>
      </c>
      <c r="IN12" s="244"/>
      <c r="IO12" s="71">
        <v>32</v>
      </c>
      <c r="IP12" s="71">
        <v>25</v>
      </c>
      <c r="IQ12" s="71">
        <v>15</v>
      </c>
      <c r="IR12" s="71">
        <v>8</v>
      </c>
      <c r="IS12" s="71">
        <v>9</v>
      </c>
      <c r="IT12" s="72">
        <v>89</v>
      </c>
      <c r="IU12" s="73">
        <v>122</v>
      </c>
      <c r="IV12" s="70">
        <v>35</v>
      </c>
      <c r="IW12" s="71">
        <v>22</v>
      </c>
      <c r="IX12" s="72">
        <v>57</v>
      </c>
      <c r="IY12" s="244"/>
      <c r="IZ12" s="71">
        <v>51</v>
      </c>
      <c r="JA12" s="71">
        <v>29</v>
      </c>
      <c r="JB12" s="71">
        <v>28</v>
      </c>
      <c r="JC12" s="71">
        <v>11</v>
      </c>
      <c r="JD12" s="71">
        <v>13</v>
      </c>
      <c r="JE12" s="72">
        <v>132</v>
      </c>
      <c r="JF12" s="73">
        <v>189</v>
      </c>
      <c r="JG12" s="70">
        <v>39</v>
      </c>
      <c r="JH12" s="71">
        <v>24</v>
      </c>
      <c r="JI12" s="72">
        <v>63</v>
      </c>
      <c r="JJ12" s="244"/>
      <c r="JK12" s="71">
        <v>59</v>
      </c>
      <c r="JL12" s="71">
        <v>62</v>
      </c>
      <c r="JM12" s="71">
        <v>54</v>
      </c>
      <c r="JN12" s="71">
        <v>31</v>
      </c>
      <c r="JO12" s="71">
        <v>14</v>
      </c>
      <c r="JP12" s="72">
        <v>220</v>
      </c>
      <c r="JQ12" s="73">
        <v>283</v>
      </c>
      <c r="JR12" s="70">
        <v>0</v>
      </c>
      <c r="JS12" s="71">
        <v>0</v>
      </c>
      <c r="JT12" s="72">
        <v>0</v>
      </c>
      <c r="JU12" s="244"/>
      <c r="JV12" s="71">
        <v>0</v>
      </c>
      <c r="JW12" s="71">
        <v>0</v>
      </c>
      <c r="JX12" s="71">
        <v>0</v>
      </c>
      <c r="JY12" s="71">
        <v>0</v>
      </c>
      <c r="JZ12" s="71">
        <v>0</v>
      </c>
      <c r="KA12" s="72">
        <v>0</v>
      </c>
      <c r="KB12" s="73">
        <v>0</v>
      </c>
      <c r="KC12" s="70">
        <v>116</v>
      </c>
      <c r="KD12" s="71">
        <v>67</v>
      </c>
      <c r="KE12" s="72">
        <v>183</v>
      </c>
      <c r="KF12" s="244"/>
      <c r="KG12" s="71">
        <v>170</v>
      </c>
      <c r="KH12" s="71">
        <v>146</v>
      </c>
      <c r="KI12" s="71">
        <v>107</v>
      </c>
      <c r="KJ12" s="71">
        <v>65</v>
      </c>
      <c r="KK12" s="71">
        <v>42</v>
      </c>
      <c r="KL12" s="72">
        <v>530</v>
      </c>
      <c r="KM12" s="73">
        <v>713</v>
      </c>
    </row>
    <row r="13" spans="2:299" ht="21" customHeight="1" x14ac:dyDescent="0.2">
      <c r="B13" s="126" t="s">
        <v>9</v>
      </c>
      <c r="C13" s="315">
        <v>183</v>
      </c>
      <c r="D13" s="82">
        <v>105</v>
      </c>
      <c r="E13" s="83">
        <v>288</v>
      </c>
      <c r="F13" s="241"/>
      <c r="G13" s="82">
        <v>206</v>
      </c>
      <c r="H13" s="82">
        <v>151</v>
      </c>
      <c r="I13" s="82">
        <v>120</v>
      </c>
      <c r="J13" s="82">
        <v>93</v>
      </c>
      <c r="K13" s="82">
        <v>56</v>
      </c>
      <c r="L13" s="84">
        <v>626</v>
      </c>
      <c r="M13" s="85">
        <v>914</v>
      </c>
      <c r="N13" s="70">
        <v>1</v>
      </c>
      <c r="O13" s="71">
        <v>1</v>
      </c>
      <c r="P13" s="72">
        <v>2</v>
      </c>
      <c r="Q13" s="244"/>
      <c r="R13" s="71">
        <v>0</v>
      </c>
      <c r="S13" s="71">
        <v>2</v>
      </c>
      <c r="T13" s="71">
        <v>1</v>
      </c>
      <c r="U13" s="71">
        <v>0</v>
      </c>
      <c r="V13" s="71">
        <v>0</v>
      </c>
      <c r="W13" s="72">
        <v>3</v>
      </c>
      <c r="X13" s="73">
        <v>5</v>
      </c>
      <c r="Y13" s="70">
        <v>7</v>
      </c>
      <c r="Z13" s="71">
        <v>5</v>
      </c>
      <c r="AA13" s="72">
        <v>12</v>
      </c>
      <c r="AB13" s="244"/>
      <c r="AC13" s="71">
        <v>4</v>
      </c>
      <c r="AD13" s="71">
        <v>6</v>
      </c>
      <c r="AE13" s="71">
        <v>0</v>
      </c>
      <c r="AF13" s="71">
        <v>2</v>
      </c>
      <c r="AG13" s="71">
        <v>1</v>
      </c>
      <c r="AH13" s="72">
        <v>13</v>
      </c>
      <c r="AI13" s="73">
        <v>25</v>
      </c>
      <c r="AJ13" s="70">
        <v>16</v>
      </c>
      <c r="AK13" s="71">
        <v>5</v>
      </c>
      <c r="AL13" s="72">
        <v>21</v>
      </c>
      <c r="AM13" s="244"/>
      <c r="AN13" s="71">
        <v>10</v>
      </c>
      <c r="AO13" s="71">
        <v>9</v>
      </c>
      <c r="AP13" s="71">
        <v>8</v>
      </c>
      <c r="AQ13" s="71">
        <v>6</v>
      </c>
      <c r="AR13" s="71">
        <v>9</v>
      </c>
      <c r="AS13" s="72">
        <v>42</v>
      </c>
      <c r="AT13" s="73">
        <v>63</v>
      </c>
      <c r="AU13" s="70">
        <v>30</v>
      </c>
      <c r="AV13" s="71">
        <v>18</v>
      </c>
      <c r="AW13" s="72">
        <v>48</v>
      </c>
      <c r="AX13" s="244"/>
      <c r="AY13" s="71">
        <v>27</v>
      </c>
      <c r="AZ13" s="71">
        <v>20</v>
      </c>
      <c r="BA13" s="71">
        <v>11</v>
      </c>
      <c r="BB13" s="71">
        <v>10</v>
      </c>
      <c r="BC13" s="71">
        <v>9</v>
      </c>
      <c r="BD13" s="72">
        <v>77</v>
      </c>
      <c r="BE13" s="73">
        <v>125</v>
      </c>
      <c r="BF13" s="70">
        <v>68</v>
      </c>
      <c r="BG13" s="71">
        <v>34</v>
      </c>
      <c r="BH13" s="72">
        <v>102</v>
      </c>
      <c r="BI13" s="244"/>
      <c r="BJ13" s="71">
        <v>81</v>
      </c>
      <c r="BK13" s="71">
        <v>50</v>
      </c>
      <c r="BL13" s="71">
        <v>38</v>
      </c>
      <c r="BM13" s="71">
        <v>30</v>
      </c>
      <c r="BN13" s="71">
        <v>13</v>
      </c>
      <c r="BO13" s="72">
        <v>212</v>
      </c>
      <c r="BP13" s="73">
        <v>314</v>
      </c>
      <c r="BQ13" s="70">
        <v>61</v>
      </c>
      <c r="BR13" s="71">
        <v>42</v>
      </c>
      <c r="BS13" s="72">
        <v>103</v>
      </c>
      <c r="BT13" s="244"/>
      <c r="BU13" s="71">
        <v>84</v>
      </c>
      <c r="BV13" s="71">
        <v>64</v>
      </c>
      <c r="BW13" s="71">
        <v>62</v>
      </c>
      <c r="BX13" s="71">
        <v>45</v>
      </c>
      <c r="BY13" s="71">
        <v>24</v>
      </c>
      <c r="BZ13" s="72">
        <v>279</v>
      </c>
      <c r="CA13" s="73">
        <v>382</v>
      </c>
      <c r="CB13" s="70">
        <v>0</v>
      </c>
      <c r="CC13" s="71">
        <v>0</v>
      </c>
      <c r="CD13" s="72">
        <v>0</v>
      </c>
      <c r="CE13" s="244"/>
      <c r="CF13" s="71">
        <v>0</v>
      </c>
      <c r="CG13" s="71">
        <v>0</v>
      </c>
      <c r="CH13" s="71">
        <v>0</v>
      </c>
      <c r="CI13" s="71">
        <v>0</v>
      </c>
      <c r="CJ13" s="71">
        <v>0</v>
      </c>
      <c r="CK13" s="72">
        <v>0</v>
      </c>
      <c r="CL13" s="73">
        <v>0</v>
      </c>
      <c r="CM13" s="70">
        <v>183</v>
      </c>
      <c r="CN13" s="71">
        <v>105</v>
      </c>
      <c r="CO13" s="72">
        <v>288</v>
      </c>
      <c r="CP13" s="244"/>
      <c r="CQ13" s="71">
        <v>206</v>
      </c>
      <c r="CR13" s="71">
        <v>151</v>
      </c>
      <c r="CS13" s="71">
        <v>120</v>
      </c>
      <c r="CT13" s="71">
        <v>93</v>
      </c>
      <c r="CU13" s="71">
        <v>56</v>
      </c>
      <c r="CV13" s="72">
        <v>626</v>
      </c>
      <c r="CW13" s="73">
        <v>914</v>
      </c>
      <c r="CX13" s="123">
        <v>35</v>
      </c>
      <c r="CY13" s="82">
        <v>20</v>
      </c>
      <c r="CZ13" s="83">
        <v>55</v>
      </c>
      <c r="DA13" s="241"/>
      <c r="DB13" s="82">
        <v>31</v>
      </c>
      <c r="DC13" s="82">
        <v>17</v>
      </c>
      <c r="DD13" s="82">
        <v>22</v>
      </c>
      <c r="DE13" s="82">
        <v>14</v>
      </c>
      <c r="DF13" s="82">
        <v>9</v>
      </c>
      <c r="DG13" s="84">
        <v>93</v>
      </c>
      <c r="DH13" s="85">
        <v>148</v>
      </c>
      <c r="DI13" s="70">
        <v>2</v>
      </c>
      <c r="DJ13" s="71">
        <v>0</v>
      </c>
      <c r="DK13" s="72">
        <v>2</v>
      </c>
      <c r="DL13" s="244"/>
      <c r="DM13" s="71">
        <v>0</v>
      </c>
      <c r="DN13" s="71">
        <v>0</v>
      </c>
      <c r="DO13" s="71">
        <v>1</v>
      </c>
      <c r="DP13" s="71">
        <v>0</v>
      </c>
      <c r="DQ13" s="71">
        <v>0</v>
      </c>
      <c r="DR13" s="72">
        <v>1</v>
      </c>
      <c r="DS13" s="73">
        <v>3</v>
      </c>
      <c r="DT13" s="70">
        <v>3</v>
      </c>
      <c r="DU13" s="71">
        <v>4</v>
      </c>
      <c r="DV13" s="72">
        <v>7</v>
      </c>
      <c r="DW13" s="244"/>
      <c r="DX13" s="71">
        <v>0</v>
      </c>
      <c r="DY13" s="71">
        <v>1</v>
      </c>
      <c r="DZ13" s="71">
        <v>1</v>
      </c>
      <c r="EA13" s="71">
        <v>0</v>
      </c>
      <c r="EB13" s="71">
        <v>0</v>
      </c>
      <c r="EC13" s="72">
        <v>2</v>
      </c>
      <c r="ED13" s="73">
        <v>9</v>
      </c>
      <c r="EE13" s="70">
        <v>5</v>
      </c>
      <c r="EF13" s="71">
        <v>0</v>
      </c>
      <c r="EG13" s="72">
        <v>5</v>
      </c>
      <c r="EH13" s="244"/>
      <c r="EI13" s="71">
        <v>3</v>
      </c>
      <c r="EJ13" s="71">
        <v>0</v>
      </c>
      <c r="EK13" s="71">
        <v>3</v>
      </c>
      <c r="EL13" s="71">
        <v>1</v>
      </c>
      <c r="EM13" s="71">
        <v>1</v>
      </c>
      <c r="EN13" s="72">
        <v>8</v>
      </c>
      <c r="EO13" s="73">
        <v>13</v>
      </c>
      <c r="EP13" s="70">
        <v>8</v>
      </c>
      <c r="EQ13" s="71">
        <v>4</v>
      </c>
      <c r="ER13" s="72">
        <v>12</v>
      </c>
      <c r="ES13" s="244"/>
      <c r="ET13" s="71">
        <v>9</v>
      </c>
      <c r="EU13" s="71">
        <v>2</v>
      </c>
      <c r="EV13" s="71">
        <v>0</v>
      </c>
      <c r="EW13" s="71">
        <v>1</v>
      </c>
      <c r="EX13" s="71">
        <v>0</v>
      </c>
      <c r="EY13" s="72">
        <v>12</v>
      </c>
      <c r="EZ13" s="73">
        <v>24</v>
      </c>
      <c r="FA13" s="70">
        <v>10</v>
      </c>
      <c r="FB13" s="71">
        <v>9</v>
      </c>
      <c r="FC13" s="72">
        <v>19</v>
      </c>
      <c r="FD13" s="244"/>
      <c r="FE13" s="71">
        <v>6</v>
      </c>
      <c r="FF13" s="71">
        <v>5</v>
      </c>
      <c r="FG13" s="71">
        <v>4</v>
      </c>
      <c r="FH13" s="71">
        <v>4</v>
      </c>
      <c r="FI13" s="71">
        <v>5</v>
      </c>
      <c r="FJ13" s="72">
        <v>24</v>
      </c>
      <c r="FK13" s="73">
        <v>43</v>
      </c>
      <c r="FL13" s="70">
        <v>7</v>
      </c>
      <c r="FM13" s="71">
        <v>3</v>
      </c>
      <c r="FN13" s="72">
        <v>10</v>
      </c>
      <c r="FO13" s="244"/>
      <c r="FP13" s="71">
        <v>13</v>
      </c>
      <c r="FQ13" s="71">
        <v>9</v>
      </c>
      <c r="FR13" s="71">
        <v>13</v>
      </c>
      <c r="FS13" s="71">
        <v>8</v>
      </c>
      <c r="FT13" s="71">
        <v>3</v>
      </c>
      <c r="FU13" s="72">
        <v>46</v>
      </c>
      <c r="FV13" s="73">
        <v>56</v>
      </c>
      <c r="FW13" s="70">
        <v>0</v>
      </c>
      <c r="FX13" s="71">
        <v>0</v>
      </c>
      <c r="FY13" s="72">
        <v>0</v>
      </c>
      <c r="FZ13" s="244"/>
      <c r="GA13" s="71">
        <v>0</v>
      </c>
      <c r="GB13" s="71">
        <v>0</v>
      </c>
      <c r="GC13" s="71">
        <v>0</v>
      </c>
      <c r="GD13" s="71">
        <v>0</v>
      </c>
      <c r="GE13" s="71">
        <v>0</v>
      </c>
      <c r="GF13" s="72">
        <v>0</v>
      </c>
      <c r="GG13" s="73">
        <v>0</v>
      </c>
      <c r="GH13" s="70">
        <v>35</v>
      </c>
      <c r="GI13" s="71">
        <v>20</v>
      </c>
      <c r="GJ13" s="72">
        <v>55</v>
      </c>
      <c r="GK13" s="244"/>
      <c r="GL13" s="71">
        <v>31</v>
      </c>
      <c r="GM13" s="71">
        <v>17</v>
      </c>
      <c r="GN13" s="71">
        <v>22</v>
      </c>
      <c r="GO13" s="71">
        <v>14</v>
      </c>
      <c r="GP13" s="71">
        <v>9</v>
      </c>
      <c r="GQ13" s="72">
        <v>93</v>
      </c>
      <c r="GR13" s="73">
        <v>148</v>
      </c>
      <c r="GS13" s="123">
        <v>218</v>
      </c>
      <c r="GT13" s="82">
        <v>125</v>
      </c>
      <c r="GU13" s="83">
        <v>343</v>
      </c>
      <c r="GV13" s="241"/>
      <c r="GW13" s="82">
        <v>237</v>
      </c>
      <c r="GX13" s="82">
        <v>168</v>
      </c>
      <c r="GY13" s="82">
        <v>142</v>
      </c>
      <c r="GZ13" s="82">
        <v>107</v>
      </c>
      <c r="HA13" s="82">
        <v>65</v>
      </c>
      <c r="HB13" s="84">
        <v>719</v>
      </c>
      <c r="HC13" s="85">
        <v>1062</v>
      </c>
      <c r="HD13" s="70">
        <v>3</v>
      </c>
      <c r="HE13" s="71">
        <v>1</v>
      </c>
      <c r="HF13" s="72">
        <v>4</v>
      </c>
      <c r="HG13" s="244"/>
      <c r="HH13" s="71">
        <v>0</v>
      </c>
      <c r="HI13" s="71">
        <v>2</v>
      </c>
      <c r="HJ13" s="71">
        <v>2</v>
      </c>
      <c r="HK13" s="71">
        <v>0</v>
      </c>
      <c r="HL13" s="71">
        <v>0</v>
      </c>
      <c r="HM13" s="72">
        <v>4</v>
      </c>
      <c r="HN13" s="73">
        <v>8</v>
      </c>
      <c r="HO13" s="70">
        <v>10</v>
      </c>
      <c r="HP13" s="71">
        <v>9</v>
      </c>
      <c r="HQ13" s="72">
        <v>19</v>
      </c>
      <c r="HR13" s="244"/>
      <c r="HS13" s="71">
        <v>4</v>
      </c>
      <c r="HT13" s="71">
        <v>7</v>
      </c>
      <c r="HU13" s="71">
        <v>1</v>
      </c>
      <c r="HV13" s="71">
        <v>2</v>
      </c>
      <c r="HW13" s="71">
        <v>1</v>
      </c>
      <c r="HX13" s="72">
        <v>15</v>
      </c>
      <c r="HY13" s="73">
        <v>34</v>
      </c>
      <c r="HZ13" s="70">
        <v>21</v>
      </c>
      <c r="IA13" s="71">
        <v>5</v>
      </c>
      <c r="IB13" s="72">
        <v>26</v>
      </c>
      <c r="IC13" s="244"/>
      <c r="ID13" s="71">
        <v>13</v>
      </c>
      <c r="IE13" s="71">
        <v>9</v>
      </c>
      <c r="IF13" s="71">
        <v>11</v>
      </c>
      <c r="IG13" s="71">
        <v>7</v>
      </c>
      <c r="IH13" s="71">
        <v>10</v>
      </c>
      <c r="II13" s="72">
        <v>50</v>
      </c>
      <c r="IJ13" s="73">
        <v>76</v>
      </c>
      <c r="IK13" s="70">
        <v>38</v>
      </c>
      <c r="IL13" s="71">
        <v>22</v>
      </c>
      <c r="IM13" s="72">
        <v>60</v>
      </c>
      <c r="IN13" s="244"/>
      <c r="IO13" s="71">
        <v>36</v>
      </c>
      <c r="IP13" s="71">
        <v>22</v>
      </c>
      <c r="IQ13" s="71">
        <v>11</v>
      </c>
      <c r="IR13" s="71">
        <v>11</v>
      </c>
      <c r="IS13" s="71">
        <v>9</v>
      </c>
      <c r="IT13" s="72">
        <v>89</v>
      </c>
      <c r="IU13" s="73">
        <v>149</v>
      </c>
      <c r="IV13" s="70">
        <v>78</v>
      </c>
      <c r="IW13" s="71">
        <v>43</v>
      </c>
      <c r="IX13" s="72">
        <v>121</v>
      </c>
      <c r="IY13" s="244"/>
      <c r="IZ13" s="71">
        <v>87</v>
      </c>
      <c r="JA13" s="71">
        <v>55</v>
      </c>
      <c r="JB13" s="71">
        <v>42</v>
      </c>
      <c r="JC13" s="71">
        <v>34</v>
      </c>
      <c r="JD13" s="71">
        <v>18</v>
      </c>
      <c r="JE13" s="72">
        <v>236</v>
      </c>
      <c r="JF13" s="73">
        <v>357</v>
      </c>
      <c r="JG13" s="70">
        <v>68</v>
      </c>
      <c r="JH13" s="71">
        <v>45</v>
      </c>
      <c r="JI13" s="72">
        <v>113</v>
      </c>
      <c r="JJ13" s="244"/>
      <c r="JK13" s="71">
        <v>97</v>
      </c>
      <c r="JL13" s="71">
        <v>73</v>
      </c>
      <c r="JM13" s="71">
        <v>75</v>
      </c>
      <c r="JN13" s="71">
        <v>53</v>
      </c>
      <c r="JO13" s="71">
        <v>27</v>
      </c>
      <c r="JP13" s="72">
        <v>325</v>
      </c>
      <c r="JQ13" s="73">
        <v>438</v>
      </c>
      <c r="JR13" s="70">
        <v>0</v>
      </c>
      <c r="JS13" s="71">
        <v>0</v>
      </c>
      <c r="JT13" s="72">
        <v>0</v>
      </c>
      <c r="JU13" s="244"/>
      <c r="JV13" s="71">
        <v>0</v>
      </c>
      <c r="JW13" s="71">
        <v>0</v>
      </c>
      <c r="JX13" s="71">
        <v>0</v>
      </c>
      <c r="JY13" s="71">
        <v>0</v>
      </c>
      <c r="JZ13" s="71">
        <v>0</v>
      </c>
      <c r="KA13" s="72">
        <v>0</v>
      </c>
      <c r="KB13" s="73">
        <v>0</v>
      </c>
      <c r="KC13" s="70">
        <v>218</v>
      </c>
      <c r="KD13" s="71">
        <v>125</v>
      </c>
      <c r="KE13" s="72">
        <v>343</v>
      </c>
      <c r="KF13" s="244"/>
      <c r="KG13" s="71">
        <v>237</v>
      </c>
      <c r="KH13" s="71">
        <v>168</v>
      </c>
      <c r="KI13" s="71">
        <v>142</v>
      </c>
      <c r="KJ13" s="71">
        <v>107</v>
      </c>
      <c r="KK13" s="71">
        <v>65</v>
      </c>
      <c r="KL13" s="72">
        <v>719</v>
      </c>
      <c r="KM13" s="73">
        <v>1062</v>
      </c>
    </row>
    <row r="14" spans="2:299" ht="21" customHeight="1" x14ac:dyDescent="0.2">
      <c r="B14" s="126" t="s">
        <v>10</v>
      </c>
      <c r="C14" s="315">
        <v>336</v>
      </c>
      <c r="D14" s="82">
        <v>204</v>
      </c>
      <c r="E14" s="83">
        <v>540</v>
      </c>
      <c r="F14" s="241"/>
      <c r="G14" s="82">
        <v>339</v>
      </c>
      <c r="H14" s="82">
        <v>193</v>
      </c>
      <c r="I14" s="82">
        <v>136</v>
      </c>
      <c r="J14" s="82">
        <v>144</v>
      </c>
      <c r="K14" s="82">
        <v>66</v>
      </c>
      <c r="L14" s="84">
        <v>878</v>
      </c>
      <c r="M14" s="85">
        <v>1418</v>
      </c>
      <c r="N14" s="70">
        <v>2</v>
      </c>
      <c r="O14" s="71">
        <v>2</v>
      </c>
      <c r="P14" s="72">
        <v>4</v>
      </c>
      <c r="Q14" s="244"/>
      <c r="R14" s="71">
        <v>4</v>
      </c>
      <c r="S14" s="71">
        <v>7</v>
      </c>
      <c r="T14" s="71">
        <v>1</v>
      </c>
      <c r="U14" s="71">
        <v>1</v>
      </c>
      <c r="V14" s="71">
        <v>1</v>
      </c>
      <c r="W14" s="72">
        <v>14</v>
      </c>
      <c r="X14" s="73">
        <v>18</v>
      </c>
      <c r="Y14" s="70">
        <v>7</v>
      </c>
      <c r="Z14" s="71">
        <v>7</v>
      </c>
      <c r="AA14" s="72">
        <v>14</v>
      </c>
      <c r="AB14" s="244"/>
      <c r="AC14" s="71">
        <v>14</v>
      </c>
      <c r="AD14" s="71">
        <v>8</v>
      </c>
      <c r="AE14" s="71">
        <v>5</v>
      </c>
      <c r="AF14" s="71">
        <v>8</v>
      </c>
      <c r="AG14" s="71">
        <v>2</v>
      </c>
      <c r="AH14" s="72">
        <v>37</v>
      </c>
      <c r="AI14" s="73">
        <v>51</v>
      </c>
      <c r="AJ14" s="70">
        <v>27</v>
      </c>
      <c r="AK14" s="71">
        <v>10</v>
      </c>
      <c r="AL14" s="72">
        <v>37</v>
      </c>
      <c r="AM14" s="244"/>
      <c r="AN14" s="71">
        <v>25</v>
      </c>
      <c r="AO14" s="71">
        <v>12</v>
      </c>
      <c r="AP14" s="71">
        <v>11</v>
      </c>
      <c r="AQ14" s="71">
        <v>10</v>
      </c>
      <c r="AR14" s="71">
        <v>6</v>
      </c>
      <c r="AS14" s="72">
        <v>64</v>
      </c>
      <c r="AT14" s="73">
        <v>101</v>
      </c>
      <c r="AU14" s="70">
        <v>71</v>
      </c>
      <c r="AV14" s="71">
        <v>47</v>
      </c>
      <c r="AW14" s="72">
        <v>118</v>
      </c>
      <c r="AX14" s="244"/>
      <c r="AY14" s="71">
        <v>68</v>
      </c>
      <c r="AZ14" s="71">
        <v>26</v>
      </c>
      <c r="BA14" s="71">
        <v>13</v>
      </c>
      <c r="BB14" s="71">
        <v>22</v>
      </c>
      <c r="BC14" s="71">
        <v>13</v>
      </c>
      <c r="BD14" s="72">
        <v>142</v>
      </c>
      <c r="BE14" s="73">
        <v>260</v>
      </c>
      <c r="BF14" s="70">
        <v>142</v>
      </c>
      <c r="BG14" s="71">
        <v>75</v>
      </c>
      <c r="BH14" s="72">
        <v>217</v>
      </c>
      <c r="BI14" s="244"/>
      <c r="BJ14" s="71">
        <v>110</v>
      </c>
      <c r="BK14" s="71">
        <v>58</v>
      </c>
      <c r="BL14" s="71">
        <v>38</v>
      </c>
      <c r="BM14" s="71">
        <v>48</v>
      </c>
      <c r="BN14" s="71">
        <v>20</v>
      </c>
      <c r="BO14" s="72">
        <v>274</v>
      </c>
      <c r="BP14" s="73">
        <v>491</v>
      </c>
      <c r="BQ14" s="70">
        <v>87</v>
      </c>
      <c r="BR14" s="71">
        <v>63</v>
      </c>
      <c r="BS14" s="72">
        <v>150</v>
      </c>
      <c r="BT14" s="244"/>
      <c r="BU14" s="71">
        <v>118</v>
      </c>
      <c r="BV14" s="71">
        <v>82</v>
      </c>
      <c r="BW14" s="71">
        <v>68</v>
      </c>
      <c r="BX14" s="71">
        <v>55</v>
      </c>
      <c r="BY14" s="71">
        <v>24</v>
      </c>
      <c r="BZ14" s="72">
        <v>347</v>
      </c>
      <c r="CA14" s="73">
        <v>497</v>
      </c>
      <c r="CB14" s="70">
        <v>0</v>
      </c>
      <c r="CC14" s="71">
        <v>0</v>
      </c>
      <c r="CD14" s="72">
        <v>0</v>
      </c>
      <c r="CE14" s="244"/>
      <c r="CF14" s="71">
        <v>0</v>
      </c>
      <c r="CG14" s="71">
        <v>0</v>
      </c>
      <c r="CH14" s="71">
        <v>0</v>
      </c>
      <c r="CI14" s="71">
        <v>0</v>
      </c>
      <c r="CJ14" s="71">
        <v>0</v>
      </c>
      <c r="CK14" s="72">
        <v>0</v>
      </c>
      <c r="CL14" s="73">
        <v>0</v>
      </c>
      <c r="CM14" s="70">
        <v>336</v>
      </c>
      <c r="CN14" s="71">
        <v>204</v>
      </c>
      <c r="CO14" s="72">
        <v>540</v>
      </c>
      <c r="CP14" s="244"/>
      <c r="CQ14" s="71">
        <v>339</v>
      </c>
      <c r="CR14" s="71">
        <v>193</v>
      </c>
      <c r="CS14" s="71">
        <v>136</v>
      </c>
      <c r="CT14" s="71">
        <v>144</v>
      </c>
      <c r="CU14" s="71">
        <v>66</v>
      </c>
      <c r="CV14" s="72">
        <v>878</v>
      </c>
      <c r="CW14" s="73">
        <v>1418</v>
      </c>
      <c r="CX14" s="123">
        <v>45</v>
      </c>
      <c r="CY14" s="82">
        <v>34</v>
      </c>
      <c r="CZ14" s="83">
        <v>79</v>
      </c>
      <c r="DA14" s="241"/>
      <c r="DB14" s="82">
        <v>51</v>
      </c>
      <c r="DC14" s="82">
        <v>21</v>
      </c>
      <c r="DD14" s="82">
        <v>19</v>
      </c>
      <c r="DE14" s="82">
        <v>16</v>
      </c>
      <c r="DF14" s="82">
        <v>21</v>
      </c>
      <c r="DG14" s="84">
        <v>128</v>
      </c>
      <c r="DH14" s="85">
        <v>207</v>
      </c>
      <c r="DI14" s="70">
        <v>0</v>
      </c>
      <c r="DJ14" s="71">
        <v>2</v>
      </c>
      <c r="DK14" s="72">
        <v>2</v>
      </c>
      <c r="DL14" s="244"/>
      <c r="DM14" s="71">
        <v>1</v>
      </c>
      <c r="DN14" s="71">
        <v>0</v>
      </c>
      <c r="DO14" s="71">
        <v>0</v>
      </c>
      <c r="DP14" s="71">
        <v>0</v>
      </c>
      <c r="DQ14" s="71">
        <v>0</v>
      </c>
      <c r="DR14" s="72">
        <v>1</v>
      </c>
      <c r="DS14" s="73">
        <v>3</v>
      </c>
      <c r="DT14" s="70">
        <v>3</v>
      </c>
      <c r="DU14" s="71">
        <v>0</v>
      </c>
      <c r="DV14" s="72">
        <v>3</v>
      </c>
      <c r="DW14" s="244"/>
      <c r="DX14" s="71">
        <v>2</v>
      </c>
      <c r="DY14" s="71">
        <v>1</v>
      </c>
      <c r="DZ14" s="71">
        <v>0</v>
      </c>
      <c r="EA14" s="71">
        <v>0</v>
      </c>
      <c r="EB14" s="71">
        <v>0</v>
      </c>
      <c r="EC14" s="72">
        <v>3</v>
      </c>
      <c r="ED14" s="73">
        <v>6</v>
      </c>
      <c r="EE14" s="70">
        <v>3</v>
      </c>
      <c r="EF14" s="71">
        <v>4</v>
      </c>
      <c r="EG14" s="72">
        <v>7</v>
      </c>
      <c r="EH14" s="244"/>
      <c r="EI14" s="71">
        <v>3</v>
      </c>
      <c r="EJ14" s="71">
        <v>2</v>
      </c>
      <c r="EK14" s="71">
        <v>1</v>
      </c>
      <c r="EL14" s="71">
        <v>0</v>
      </c>
      <c r="EM14" s="71">
        <v>0</v>
      </c>
      <c r="EN14" s="72">
        <v>6</v>
      </c>
      <c r="EO14" s="73">
        <v>13</v>
      </c>
      <c r="EP14" s="70">
        <v>8</v>
      </c>
      <c r="EQ14" s="71">
        <v>5</v>
      </c>
      <c r="ER14" s="72">
        <v>13</v>
      </c>
      <c r="ES14" s="244"/>
      <c r="ET14" s="71">
        <v>10</v>
      </c>
      <c r="EU14" s="71">
        <v>4</v>
      </c>
      <c r="EV14" s="71">
        <v>2</v>
      </c>
      <c r="EW14" s="71">
        <v>6</v>
      </c>
      <c r="EX14" s="71">
        <v>3</v>
      </c>
      <c r="EY14" s="72">
        <v>25</v>
      </c>
      <c r="EZ14" s="73">
        <v>38</v>
      </c>
      <c r="FA14" s="70">
        <v>21</v>
      </c>
      <c r="FB14" s="71">
        <v>11</v>
      </c>
      <c r="FC14" s="72">
        <v>32</v>
      </c>
      <c r="FD14" s="244"/>
      <c r="FE14" s="71">
        <v>16</v>
      </c>
      <c r="FF14" s="71">
        <v>5</v>
      </c>
      <c r="FG14" s="71">
        <v>5</v>
      </c>
      <c r="FH14" s="71">
        <v>1</v>
      </c>
      <c r="FI14" s="71">
        <v>6</v>
      </c>
      <c r="FJ14" s="72">
        <v>33</v>
      </c>
      <c r="FK14" s="73">
        <v>65</v>
      </c>
      <c r="FL14" s="70">
        <v>10</v>
      </c>
      <c r="FM14" s="71">
        <v>12</v>
      </c>
      <c r="FN14" s="72">
        <v>22</v>
      </c>
      <c r="FO14" s="244"/>
      <c r="FP14" s="71">
        <v>19</v>
      </c>
      <c r="FQ14" s="71">
        <v>9</v>
      </c>
      <c r="FR14" s="71">
        <v>11</v>
      </c>
      <c r="FS14" s="71">
        <v>9</v>
      </c>
      <c r="FT14" s="71">
        <v>12</v>
      </c>
      <c r="FU14" s="72">
        <v>60</v>
      </c>
      <c r="FV14" s="73">
        <v>82</v>
      </c>
      <c r="FW14" s="70">
        <v>0</v>
      </c>
      <c r="FX14" s="71">
        <v>0</v>
      </c>
      <c r="FY14" s="72">
        <v>0</v>
      </c>
      <c r="FZ14" s="244"/>
      <c r="GA14" s="71">
        <v>0</v>
      </c>
      <c r="GB14" s="71">
        <v>0</v>
      </c>
      <c r="GC14" s="71">
        <v>0</v>
      </c>
      <c r="GD14" s="71">
        <v>0</v>
      </c>
      <c r="GE14" s="71">
        <v>0</v>
      </c>
      <c r="GF14" s="72">
        <v>0</v>
      </c>
      <c r="GG14" s="73">
        <v>0</v>
      </c>
      <c r="GH14" s="70">
        <v>45</v>
      </c>
      <c r="GI14" s="71">
        <v>34</v>
      </c>
      <c r="GJ14" s="72">
        <v>79</v>
      </c>
      <c r="GK14" s="244"/>
      <c r="GL14" s="71">
        <v>51</v>
      </c>
      <c r="GM14" s="71">
        <v>21</v>
      </c>
      <c r="GN14" s="71">
        <v>19</v>
      </c>
      <c r="GO14" s="71">
        <v>16</v>
      </c>
      <c r="GP14" s="71">
        <v>21</v>
      </c>
      <c r="GQ14" s="72">
        <v>128</v>
      </c>
      <c r="GR14" s="73">
        <v>207</v>
      </c>
      <c r="GS14" s="123">
        <v>381</v>
      </c>
      <c r="GT14" s="82">
        <v>238</v>
      </c>
      <c r="GU14" s="83">
        <v>619</v>
      </c>
      <c r="GV14" s="241"/>
      <c r="GW14" s="82">
        <v>390</v>
      </c>
      <c r="GX14" s="82">
        <v>214</v>
      </c>
      <c r="GY14" s="82">
        <v>155</v>
      </c>
      <c r="GZ14" s="82">
        <v>160</v>
      </c>
      <c r="HA14" s="82">
        <v>87</v>
      </c>
      <c r="HB14" s="84">
        <v>1006</v>
      </c>
      <c r="HC14" s="85">
        <v>1625</v>
      </c>
      <c r="HD14" s="70">
        <v>2</v>
      </c>
      <c r="HE14" s="71">
        <v>4</v>
      </c>
      <c r="HF14" s="72">
        <v>6</v>
      </c>
      <c r="HG14" s="244"/>
      <c r="HH14" s="71">
        <v>5</v>
      </c>
      <c r="HI14" s="71">
        <v>7</v>
      </c>
      <c r="HJ14" s="71">
        <v>1</v>
      </c>
      <c r="HK14" s="71">
        <v>1</v>
      </c>
      <c r="HL14" s="71">
        <v>1</v>
      </c>
      <c r="HM14" s="72">
        <v>15</v>
      </c>
      <c r="HN14" s="73">
        <v>21</v>
      </c>
      <c r="HO14" s="70">
        <v>10</v>
      </c>
      <c r="HP14" s="71">
        <v>7</v>
      </c>
      <c r="HQ14" s="72">
        <v>17</v>
      </c>
      <c r="HR14" s="244"/>
      <c r="HS14" s="71">
        <v>16</v>
      </c>
      <c r="HT14" s="71">
        <v>9</v>
      </c>
      <c r="HU14" s="71">
        <v>5</v>
      </c>
      <c r="HV14" s="71">
        <v>8</v>
      </c>
      <c r="HW14" s="71">
        <v>2</v>
      </c>
      <c r="HX14" s="72">
        <v>40</v>
      </c>
      <c r="HY14" s="73">
        <v>57</v>
      </c>
      <c r="HZ14" s="70">
        <v>30</v>
      </c>
      <c r="IA14" s="71">
        <v>14</v>
      </c>
      <c r="IB14" s="72">
        <v>44</v>
      </c>
      <c r="IC14" s="244"/>
      <c r="ID14" s="71">
        <v>28</v>
      </c>
      <c r="IE14" s="71">
        <v>14</v>
      </c>
      <c r="IF14" s="71">
        <v>12</v>
      </c>
      <c r="IG14" s="71">
        <v>10</v>
      </c>
      <c r="IH14" s="71">
        <v>6</v>
      </c>
      <c r="II14" s="72">
        <v>70</v>
      </c>
      <c r="IJ14" s="73">
        <v>114</v>
      </c>
      <c r="IK14" s="70">
        <v>79</v>
      </c>
      <c r="IL14" s="71">
        <v>52</v>
      </c>
      <c r="IM14" s="72">
        <v>131</v>
      </c>
      <c r="IN14" s="244"/>
      <c r="IO14" s="71">
        <v>78</v>
      </c>
      <c r="IP14" s="71">
        <v>30</v>
      </c>
      <c r="IQ14" s="71">
        <v>15</v>
      </c>
      <c r="IR14" s="71">
        <v>28</v>
      </c>
      <c r="IS14" s="71">
        <v>16</v>
      </c>
      <c r="IT14" s="72">
        <v>167</v>
      </c>
      <c r="IU14" s="73">
        <v>298</v>
      </c>
      <c r="IV14" s="70">
        <v>163</v>
      </c>
      <c r="IW14" s="71">
        <v>86</v>
      </c>
      <c r="IX14" s="72">
        <v>249</v>
      </c>
      <c r="IY14" s="244"/>
      <c r="IZ14" s="71">
        <v>126</v>
      </c>
      <c r="JA14" s="71">
        <v>63</v>
      </c>
      <c r="JB14" s="71">
        <v>43</v>
      </c>
      <c r="JC14" s="71">
        <v>49</v>
      </c>
      <c r="JD14" s="71">
        <v>26</v>
      </c>
      <c r="JE14" s="72">
        <v>307</v>
      </c>
      <c r="JF14" s="73">
        <v>556</v>
      </c>
      <c r="JG14" s="70">
        <v>97</v>
      </c>
      <c r="JH14" s="71">
        <v>75</v>
      </c>
      <c r="JI14" s="72">
        <v>172</v>
      </c>
      <c r="JJ14" s="244"/>
      <c r="JK14" s="71">
        <v>137</v>
      </c>
      <c r="JL14" s="71">
        <v>91</v>
      </c>
      <c r="JM14" s="71">
        <v>79</v>
      </c>
      <c r="JN14" s="71">
        <v>64</v>
      </c>
      <c r="JO14" s="71">
        <v>36</v>
      </c>
      <c r="JP14" s="72">
        <v>407</v>
      </c>
      <c r="JQ14" s="73">
        <v>579</v>
      </c>
      <c r="JR14" s="70">
        <v>0</v>
      </c>
      <c r="JS14" s="71">
        <v>0</v>
      </c>
      <c r="JT14" s="72">
        <v>0</v>
      </c>
      <c r="JU14" s="244"/>
      <c r="JV14" s="71">
        <v>0</v>
      </c>
      <c r="JW14" s="71">
        <v>0</v>
      </c>
      <c r="JX14" s="71">
        <v>0</v>
      </c>
      <c r="JY14" s="71">
        <v>0</v>
      </c>
      <c r="JZ14" s="71">
        <v>0</v>
      </c>
      <c r="KA14" s="72">
        <v>0</v>
      </c>
      <c r="KB14" s="73">
        <v>0</v>
      </c>
      <c r="KC14" s="70">
        <v>381</v>
      </c>
      <c r="KD14" s="71">
        <v>238</v>
      </c>
      <c r="KE14" s="72">
        <v>619</v>
      </c>
      <c r="KF14" s="244"/>
      <c r="KG14" s="71">
        <v>390</v>
      </c>
      <c r="KH14" s="71">
        <v>214</v>
      </c>
      <c r="KI14" s="71">
        <v>155</v>
      </c>
      <c r="KJ14" s="71">
        <v>160</v>
      </c>
      <c r="KK14" s="71">
        <v>87</v>
      </c>
      <c r="KL14" s="72">
        <v>1006</v>
      </c>
      <c r="KM14" s="73">
        <v>1625</v>
      </c>
    </row>
    <row r="15" spans="2:299" ht="21" customHeight="1" x14ac:dyDescent="0.2">
      <c r="B15" s="126" t="s">
        <v>11</v>
      </c>
      <c r="C15" s="315">
        <v>82</v>
      </c>
      <c r="D15" s="82">
        <v>61</v>
      </c>
      <c r="E15" s="83">
        <v>143</v>
      </c>
      <c r="F15" s="241"/>
      <c r="G15" s="82">
        <v>132</v>
      </c>
      <c r="H15" s="82">
        <v>78</v>
      </c>
      <c r="I15" s="82">
        <v>70</v>
      </c>
      <c r="J15" s="82">
        <v>57</v>
      </c>
      <c r="K15" s="82">
        <v>22</v>
      </c>
      <c r="L15" s="84">
        <v>359</v>
      </c>
      <c r="M15" s="85">
        <v>502</v>
      </c>
      <c r="N15" s="70">
        <v>3</v>
      </c>
      <c r="O15" s="71">
        <v>1</v>
      </c>
      <c r="P15" s="72">
        <v>4</v>
      </c>
      <c r="Q15" s="244"/>
      <c r="R15" s="71">
        <v>5</v>
      </c>
      <c r="S15" s="71">
        <v>1</v>
      </c>
      <c r="T15" s="71">
        <v>2</v>
      </c>
      <c r="U15" s="71">
        <v>1</v>
      </c>
      <c r="V15" s="71">
        <v>0</v>
      </c>
      <c r="W15" s="72">
        <v>9</v>
      </c>
      <c r="X15" s="73">
        <v>13</v>
      </c>
      <c r="Y15" s="70">
        <v>6</v>
      </c>
      <c r="Z15" s="71">
        <v>6</v>
      </c>
      <c r="AA15" s="72">
        <v>12</v>
      </c>
      <c r="AB15" s="244"/>
      <c r="AC15" s="71">
        <v>6</v>
      </c>
      <c r="AD15" s="71">
        <v>1</v>
      </c>
      <c r="AE15" s="71">
        <v>8</v>
      </c>
      <c r="AF15" s="71">
        <v>5</v>
      </c>
      <c r="AG15" s="71">
        <v>2</v>
      </c>
      <c r="AH15" s="72">
        <v>22</v>
      </c>
      <c r="AI15" s="73">
        <v>34</v>
      </c>
      <c r="AJ15" s="70">
        <v>4</v>
      </c>
      <c r="AK15" s="71">
        <v>3</v>
      </c>
      <c r="AL15" s="72">
        <v>7</v>
      </c>
      <c r="AM15" s="244"/>
      <c r="AN15" s="71">
        <v>7</v>
      </c>
      <c r="AO15" s="71">
        <v>7</v>
      </c>
      <c r="AP15" s="71">
        <v>6</v>
      </c>
      <c r="AQ15" s="71">
        <v>3</v>
      </c>
      <c r="AR15" s="71">
        <v>0</v>
      </c>
      <c r="AS15" s="72">
        <v>23</v>
      </c>
      <c r="AT15" s="73">
        <v>30</v>
      </c>
      <c r="AU15" s="70">
        <v>12</v>
      </c>
      <c r="AV15" s="71">
        <v>11</v>
      </c>
      <c r="AW15" s="72">
        <v>23</v>
      </c>
      <c r="AX15" s="244"/>
      <c r="AY15" s="71">
        <v>26</v>
      </c>
      <c r="AZ15" s="71">
        <v>15</v>
      </c>
      <c r="BA15" s="71">
        <v>6</v>
      </c>
      <c r="BB15" s="71">
        <v>8</v>
      </c>
      <c r="BC15" s="71">
        <v>7</v>
      </c>
      <c r="BD15" s="72">
        <v>62</v>
      </c>
      <c r="BE15" s="73">
        <v>85</v>
      </c>
      <c r="BF15" s="70">
        <v>30</v>
      </c>
      <c r="BG15" s="71">
        <v>25</v>
      </c>
      <c r="BH15" s="72">
        <v>55</v>
      </c>
      <c r="BI15" s="244"/>
      <c r="BJ15" s="71">
        <v>36</v>
      </c>
      <c r="BK15" s="71">
        <v>23</v>
      </c>
      <c r="BL15" s="71">
        <v>21</v>
      </c>
      <c r="BM15" s="71">
        <v>23</v>
      </c>
      <c r="BN15" s="71">
        <v>8</v>
      </c>
      <c r="BO15" s="72">
        <v>111</v>
      </c>
      <c r="BP15" s="73">
        <v>166</v>
      </c>
      <c r="BQ15" s="70">
        <v>27</v>
      </c>
      <c r="BR15" s="71">
        <v>15</v>
      </c>
      <c r="BS15" s="72">
        <v>42</v>
      </c>
      <c r="BT15" s="244"/>
      <c r="BU15" s="71">
        <v>52</v>
      </c>
      <c r="BV15" s="71">
        <v>31</v>
      </c>
      <c r="BW15" s="71">
        <v>27</v>
      </c>
      <c r="BX15" s="71">
        <v>17</v>
      </c>
      <c r="BY15" s="71">
        <v>5</v>
      </c>
      <c r="BZ15" s="72">
        <v>132</v>
      </c>
      <c r="CA15" s="73">
        <v>174</v>
      </c>
      <c r="CB15" s="70">
        <v>0</v>
      </c>
      <c r="CC15" s="71">
        <v>0</v>
      </c>
      <c r="CD15" s="72">
        <v>0</v>
      </c>
      <c r="CE15" s="244"/>
      <c r="CF15" s="71">
        <v>0</v>
      </c>
      <c r="CG15" s="71">
        <v>0</v>
      </c>
      <c r="CH15" s="71">
        <v>0</v>
      </c>
      <c r="CI15" s="71">
        <v>0</v>
      </c>
      <c r="CJ15" s="71">
        <v>0</v>
      </c>
      <c r="CK15" s="72">
        <v>0</v>
      </c>
      <c r="CL15" s="73">
        <v>0</v>
      </c>
      <c r="CM15" s="70">
        <v>82</v>
      </c>
      <c r="CN15" s="71">
        <v>61</v>
      </c>
      <c r="CO15" s="72">
        <v>143</v>
      </c>
      <c r="CP15" s="244"/>
      <c r="CQ15" s="71">
        <v>132</v>
      </c>
      <c r="CR15" s="71">
        <v>78</v>
      </c>
      <c r="CS15" s="71">
        <v>70</v>
      </c>
      <c r="CT15" s="71">
        <v>57</v>
      </c>
      <c r="CU15" s="71">
        <v>22</v>
      </c>
      <c r="CV15" s="72">
        <v>359</v>
      </c>
      <c r="CW15" s="73">
        <v>502</v>
      </c>
      <c r="CX15" s="123">
        <v>14</v>
      </c>
      <c r="CY15" s="82">
        <v>13</v>
      </c>
      <c r="CZ15" s="83">
        <v>27</v>
      </c>
      <c r="DA15" s="241"/>
      <c r="DB15" s="82">
        <v>12</v>
      </c>
      <c r="DC15" s="82">
        <v>17</v>
      </c>
      <c r="DD15" s="82">
        <v>10</v>
      </c>
      <c r="DE15" s="82">
        <v>16</v>
      </c>
      <c r="DF15" s="82">
        <v>9</v>
      </c>
      <c r="DG15" s="84">
        <v>64</v>
      </c>
      <c r="DH15" s="85">
        <v>91</v>
      </c>
      <c r="DI15" s="70">
        <v>0</v>
      </c>
      <c r="DJ15" s="71">
        <v>0</v>
      </c>
      <c r="DK15" s="72">
        <v>0</v>
      </c>
      <c r="DL15" s="244"/>
      <c r="DM15" s="71">
        <v>0</v>
      </c>
      <c r="DN15" s="71">
        <v>0</v>
      </c>
      <c r="DO15" s="71">
        <v>0</v>
      </c>
      <c r="DP15" s="71">
        <v>0</v>
      </c>
      <c r="DQ15" s="71">
        <v>0</v>
      </c>
      <c r="DR15" s="72">
        <v>0</v>
      </c>
      <c r="DS15" s="73">
        <v>0</v>
      </c>
      <c r="DT15" s="70">
        <v>0</v>
      </c>
      <c r="DU15" s="71">
        <v>2</v>
      </c>
      <c r="DV15" s="72">
        <v>2</v>
      </c>
      <c r="DW15" s="244"/>
      <c r="DX15" s="71">
        <v>2</v>
      </c>
      <c r="DY15" s="71">
        <v>0</v>
      </c>
      <c r="DZ15" s="71">
        <v>0</v>
      </c>
      <c r="EA15" s="71">
        <v>1</v>
      </c>
      <c r="EB15" s="71">
        <v>0</v>
      </c>
      <c r="EC15" s="72">
        <v>3</v>
      </c>
      <c r="ED15" s="73">
        <v>5</v>
      </c>
      <c r="EE15" s="70">
        <v>0</v>
      </c>
      <c r="EF15" s="71">
        <v>0</v>
      </c>
      <c r="EG15" s="72">
        <v>0</v>
      </c>
      <c r="EH15" s="244"/>
      <c r="EI15" s="71">
        <v>0</v>
      </c>
      <c r="EJ15" s="71">
        <v>3</v>
      </c>
      <c r="EK15" s="71">
        <v>1</v>
      </c>
      <c r="EL15" s="71">
        <v>0</v>
      </c>
      <c r="EM15" s="71">
        <v>0</v>
      </c>
      <c r="EN15" s="72">
        <v>4</v>
      </c>
      <c r="EO15" s="73">
        <v>4</v>
      </c>
      <c r="EP15" s="70">
        <v>6</v>
      </c>
      <c r="EQ15" s="71">
        <v>1</v>
      </c>
      <c r="ER15" s="72">
        <v>7</v>
      </c>
      <c r="ES15" s="244"/>
      <c r="ET15" s="71">
        <v>1</v>
      </c>
      <c r="EU15" s="71">
        <v>2</v>
      </c>
      <c r="EV15" s="71">
        <v>0</v>
      </c>
      <c r="EW15" s="71">
        <v>0</v>
      </c>
      <c r="EX15" s="71">
        <v>1</v>
      </c>
      <c r="EY15" s="72">
        <v>4</v>
      </c>
      <c r="EZ15" s="73">
        <v>11</v>
      </c>
      <c r="FA15" s="70">
        <v>3</v>
      </c>
      <c r="FB15" s="71">
        <v>8</v>
      </c>
      <c r="FC15" s="72">
        <v>11</v>
      </c>
      <c r="FD15" s="244"/>
      <c r="FE15" s="71">
        <v>6</v>
      </c>
      <c r="FF15" s="71">
        <v>6</v>
      </c>
      <c r="FG15" s="71">
        <v>1</v>
      </c>
      <c r="FH15" s="71">
        <v>7</v>
      </c>
      <c r="FI15" s="71">
        <v>4</v>
      </c>
      <c r="FJ15" s="72">
        <v>24</v>
      </c>
      <c r="FK15" s="73">
        <v>35</v>
      </c>
      <c r="FL15" s="70">
        <v>5</v>
      </c>
      <c r="FM15" s="71">
        <v>2</v>
      </c>
      <c r="FN15" s="72">
        <v>7</v>
      </c>
      <c r="FO15" s="244"/>
      <c r="FP15" s="71">
        <v>3</v>
      </c>
      <c r="FQ15" s="71">
        <v>6</v>
      </c>
      <c r="FR15" s="71">
        <v>8</v>
      </c>
      <c r="FS15" s="71">
        <v>8</v>
      </c>
      <c r="FT15" s="71">
        <v>4</v>
      </c>
      <c r="FU15" s="72">
        <v>29</v>
      </c>
      <c r="FV15" s="73">
        <v>36</v>
      </c>
      <c r="FW15" s="70">
        <v>0</v>
      </c>
      <c r="FX15" s="71">
        <v>0</v>
      </c>
      <c r="FY15" s="72">
        <v>0</v>
      </c>
      <c r="FZ15" s="244"/>
      <c r="GA15" s="71">
        <v>0</v>
      </c>
      <c r="GB15" s="71">
        <v>0</v>
      </c>
      <c r="GC15" s="71">
        <v>0</v>
      </c>
      <c r="GD15" s="71">
        <v>0</v>
      </c>
      <c r="GE15" s="71">
        <v>0</v>
      </c>
      <c r="GF15" s="72">
        <v>0</v>
      </c>
      <c r="GG15" s="73">
        <v>0</v>
      </c>
      <c r="GH15" s="70">
        <v>14</v>
      </c>
      <c r="GI15" s="71">
        <v>13</v>
      </c>
      <c r="GJ15" s="72">
        <v>27</v>
      </c>
      <c r="GK15" s="244"/>
      <c r="GL15" s="71">
        <v>12</v>
      </c>
      <c r="GM15" s="71">
        <v>17</v>
      </c>
      <c r="GN15" s="71">
        <v>10</v>
      </c>
      <c r="GO15" s="71">
        <v>16</v>
      </c>
      <c r="GP15" s="71">
        <v>9</v>
      </c>
      <c r="GQ15" s="72">
        <v>64</v>
      </c>
      <c r="GR15" s="73">
        <v>91</v>
      </c>
      <c r="GS15" s="123">
        <v>96</v>
      </c>
      <c r="GT15" s="82">
        <v>74</v>
      </c>
      <c r="GU15" s="83">
        <v>170</v>
      </c>
      <c r="GV15" s="241"/>
      <c r="GW15" s="82">
        <v>144</v>
      </c>
      <c r="GX15" s="82">
        <v>95</v>
      </c>
      <c r="GY15" s="82">
        <v>80</v>
      </c>
      <c r="GZ15" s="82">
        <v>73</v>
      </c>
      <c r="HA15" s="82">
        <v>31</v>
      </c>
      <c r="HB15" s="84">
        <v>423</v>
      </c>
      <c r="HC15" s="85">
        <v>593</v>
      </c>
      <c r="HD15" s="70">
        <v>3</v>
      </c>
      <c r="HE15" s="71">
        <v>1</v>
      </c>
      <c r="HF15" s="72">
        <v>4</v>
      </c>
      <c r="HG15" s="244"/>
      <c r="HH15" s="71">
        <v>5</v>
      </c>
      <c r="HI15" s="71">
        <v>1</v>
      </c>
      <c r="HJ15" s="71">
        <v>2</v>
      </c>
      <c r="HK15" s="71">
        <v>1</v>
      </c>
      <c r="HL15" s="71">
        <v>0</v>
      </c>
      <c r="HM15" s="72">
        <v>9</v>
      </c>
      <c r="HN15" s="73">
        <v>13</v>
      </c>
      <c r="HO15" s="70">
        <v>6</v>
      </c>
      <c r="HP15" s="71">
        <v>8</v>
      </c>
      <c r="HQ15" s="72">
        <v>14</v>
      </c>
      <c r="HR15" s="244"/>
      <c r="HS15" s="71">
        <v>8</v>
      </c>
      <c r="HT15" s="71">
        <v>1</v>
      </c>
      <c r="HU15" s="71">
        <v>8</v>
      </c>
      <c r="HV15" s="71">
        <v>6</v>
      </c>
      <c r="HW15" s="71">
        <v>2</v>
      </c>
      <c r="HX15" s="72">
        <v>25</v>
      </c>
      <c r="HY15" s="73">
        <v>39</v>
      </c>
      <c r="HZ15" s="70">
        <v>4</v>
      </c>
      <c r="IA15" s="71">
        <v>3</v>
      </c>
      <c r="IB15" s="72">
        <v>7</v>
      </c>
      <c r="IC15" s="244"/>
      <c r="ID15" s="71">
        <v>7</v>
      </c>
      <c r="IE15" s="71">
        <v>10</v>
      </c>
      <c r="IF15" s="71">
        <v>7</v>
      </c>
      <c r="IG15" s="71">
        <v>3</v>
      </c>
      <c r="IH15" s="71">
        <v>0</v>
      </c>
      <c r="II15" s="72">
        <v>27</v>
      </c>
      <c r="IJ15" s="73">
        <v>34</v>
      </c>
      <c r="IK15" s="70">
        <v>18</v>
      </c>
      <c r="IL15" s="71">
        <v>12</v>
      </c>
      <c r="IM15" s="72">
        <v>30</v>
      </c>
      <c r="IN15" s="244"/>
      <c r="IO15" s="71">
        <v>27</v>
      </c>
      <c r="IP15" s="71">
        <v>17</v>
      </c>
      <c r="IQ15" s="71">
        <v>6</v>
      </c>
      <c r="IR15" s="71">
        <v>8</v>
      </c>
      <c r="IS15" s="71">
        <v>8</v>
      </c>
      <c r="IT15" s="72">
        <v>66</v>
      </c>
      <c r="IU15" s="73">
        <v>96</v>
      </c>
      <c r="IV15" s="70">
        <v>33</v>
      </c>
      <c r="IW15" s="71">
        <v>33</v>
      </c>
      <c r="IX15" s="72">
        <v>66</v>
      </c>
      <c r="IY15" s="244"/>
      <c r="IZ15" s="71">
        <v>42</v>
      </c>
      <c r="JA15" s="71">
        <v>29</v>
      </c>
      <c r="JB15" s="71">
        <v>22</v>
      </c>
      <c r="JC15" s="71">
        <v>30</v>
      </c>
      <c r="JD15" s="71">
        <v>12</v>
      </c>
      <c r="JE15" s="72">
        <v>135</v>
      </c>
      <c r="JF15" s="73">
        <v>201</v>
      </c>
      <c r="JG15" s="70">
        <v>32</v>
      </c>
      <c r="JH15" s="71">
        <v>17</v>
      </c>
      <c r="JI15" s="72">
        <v>49</v>
      </c>
      <c r="JJ15" s="244"/>
      <c r="JK15" s="71">
        <v>55</v>
      </c>
      <c r="JL15" s="71">
        <v>37</v>
      </c>
      <c r="JM15" s="71">
        <v>35</v>
      </c>
      <c r="JN15" s="71">
        <v>25</v>
      </c>
      <c r="JO15" s="71">
        <v>9</v>
      </c>
      <c r="JP15" s="72">
        <v>161</v>
      </c>
      <c r="JQ15" s="73">
        <v>210</v>
      </c>
      <c r="JR15" s="70">
        <v>0</v>
      </c>
      <c r="JS15" s="71">
        <v>0</v>
      </c>
      <c r="JT15" s="72">
        <v>0</v>
      </c>
      <c r="JU15" s="244"/>
      <c r="JV15" s="71">
        <v>0</v>
      </c>
      <c r="JW15" s="71">
        <v>0</v>
      </c>
      <c r="JX15" s="71">
        <v>0</v>
      </c>
      <c r="JY15" s="71">
        <v>0</v>
      </c>
      <c r="JZ15" s="71">
        <v>0</v>
      </c>
      <c r="KA15" s="72">
        <v>0</v>
      </c>
      <c r="KB15" s="73">
        <v>0</v>
      </c>
      <c r="KC15" s="70">
        <v>96</v>
      </c>
      <c r="KD15" s="71">
        <v>74</v>
      </c>
      <c r="KE15" s="72">
        <v>170</v>
      </c>
      <c r="KF15" s="244"/>
      <c r="KG15" s="71">
        <v>144</v>
      </c>
      <c r="KH15" s="71">
        <v>95</v>
      </c>
      <c r="KI15" s="71">
        <v>80</v>
      </c>
      <c r="KJ15" s="71">
        <v>73</v>
      </c>
      <c r="KK15" s="71">
        <v>31</v>
      </c>
      <c r="KL15" s="72">
        <v>423</v>
      </c>
      <c r="KM15" s="73">
        <v>593</v>
      </c>
    </row>
    <row r="16" spans="2:299" ht="21" customHeight="1" x14ac:dyDescent="0.2">
      <c r="B16" s="126" t="s">
        <v>12</v>
      </c>
      <c r="C16" s="315">
        <v>153</v>
      </c>
      <c r="D16" s="82">
        <v>130</v>
      </c>
      <c r="E16" s="83">
        <v>283</v>
      </c>
      <c r="F16" s="241"/>
      <c r="G16" s="82">
        <v>146</v>
      </c>
      <c r="H16" s="82">
        <v>128</v>
      </c>
      <c r="I16" s="82">
        <v>92</v>
      </c>
      <c r="J16" s="82">
        <v>89</v>
      </c>
      <c r="K16" s="82">
        <v>39</v>
      </c>
      <c r="L16" s="84">
        <v>494</v>
      </c>
      <c r="M16" s="85">
        <v>777</v>
      </c>
      <c r="N16" s="86">
        <v>4</v>
      </c>
      <c r="O16" s="71">
        <v>3</v>
      </c>
      <c r="P16" s="72">
        <v>7</v>
      </c>
      <c r="Q16" s="244"/>
      <c r="R16" s="71">
        <v>2</v>
      </c>
      <c r="S16" s="71">
        <v>1</v>
      </c>
      <c r="T16" s="71">
        <v>1</v>
      </c>
      <c r="U16" s="71">
        <v>3</v>
      </c>
      <c r="V16" s="71">
        <v>1</v>
      </c>
      <c r="W16" s="72">
        <v>8</v>
      </c>
      <c r="X16" s="73">
        <v>15</v>
      </c>
      <c r="Y16" s="70">
        <v>5</v>
      </c>
      <c r="Z16" s="71">
        <v>12</v>
      </c>
      <c r="AA16" s="72">
        <v>17</v>
      </c>
      <c r="AB16" s="244"/>
      <c r="AC16" s="71">
        <v>2</v>
      </c>
      <c r="AD16" s="71">
        <v>6</v>
      </c>
      <c r="AE16" s="71">
        <v>7</v>
      </c>
      <c r="AF16" s="71">
        <v>1</v>
      </c>
      <c r="AG16" s="71">
        <v>2</v>
      </c>
      <c r="AH16" s="72">
        <v>18</v>
      </c>
      <c r="AI16" s="73">
        <v>35</v>
      </c>
      <c r="AJ16" s="86">
        <v>15</v>
      </c>
      <c r="AK16" s="71">
        <v>15</v>
      </c>
      <c r="AL16" s="72">
        <v>30</v>
      </c>
      <c r="AM16" s="244"/>
      <c r="AN16" s="71">
        <v>7</v>
      </c>
      <c r="AO16" s="71">
        <v>10</v>
      </c>
      <c r="AP16" s="71">
        <v>9</v>
      </c>
      <c r="AQ16" s="71">
        <v>5</v>
      </c>
      <c r="AR16" s="71">
        <v>5</v>
      </c>
      <c r="AS16" s="72">
        <v>36</v>
      </c>
      <c r="AT16" s="73">
        <v>66</v>
      </c>
      <c r="AU16" s="70">
        <v>31</v>
      </c>
      <c r="AV16" s="71">
        <v>13</v>
      </c>
      <c r="AW16" s="72">
        <v>44</v>
      </c>
      <c r="AX16" s="244"/>
      <c r="AY16" s="71">
        <v>32</v>
      </c>
      <c r="AZ16" s="71">
        <v>26</v>
      </c>
      <c r="BA16" s="71">
        <v>10</v>
      </c>
      <c r="BB16" s="71">
        <v>18</v>
      </c>
      <c r="BC16" s="71">
        <v>11</v>
      </c>
      <c r="BD16" s="72">
        <v>97</v>
      </c>
      <c r="BE16" s="73">
        <v>141</v>
      </c>
      <c r="BF16" s="86">
        <v>47</v>
      </c>
      <c r="BG16" s="71">
        <v>35</v>
      </c>
      <c r="BH16" s="72">
        <v>82</v>
      </c>
      <c r="BI16" s="244"/>
      <c r="BJ16" s="71">
        <v>52</v>
      </c>
      <c r="BK16" s="71">
        <v>38</v>
      </c>
      <c r="BL16" s="71">
        <v>32</v>
      </c>
      <c r="BM16" s="71">
        <v>24</v>
      </c>
      <c r="BN16" s="71">
        <v>10</v>
      </c>
      <c r="BO16" s="72">
        <v>156</v>
      </c>
      <c r="BP16" s="73">
        <v>238</v>
      </c>
      <c r="BQ16" s="70">
        <v>51</v>
      </c>
      <c r="BR16" s="71">
        <v>52</v>
      </c>
      <c r="BS16" s="72">
        <v>103</v>
      </c>
      <c r="BT16" s="244"/>
      <c r="BU16" s="71">
        <v>51</v>
      </c>
      <c r="BV16" s="71">
        <v>47</v>
      </c>
      <c r="BW16" s="71">
        <v>33</v>
      </c>
      <c r="BX16" s="71">
        <v>38</v>
      </c>
      <c r="BY16" s="71">
        <v>10</v>
      </c>
      <c r="BZ16" s="72">
        <v>179</v>
      </c>
      <c r="CA16" s="73">
        <v>282</v>
      </c>
      <c r="CB16" s="70">
        <v>0</v>
      </c>
      <c r="CC16" s="71">
        <v>0</v>
      </c>
      <c r="CD16" s="72">
        <v>0</v>
      </c>
      <c r="CE16" s="244"/>
      <c r="CF16" s="71">
        <v>0</v>
      </c>
      <c r="CG16" s="71">
        <v>0</v>
      </c>
      <c r="CH16" s="71">
        <v>0</v>
      </c>
      <c r="CI16" s="71">
        <v>0</v>
      </c>
      <c r="CJ16" s="71">
        <v>0</v>
      </c>
      <c r="CK16" s="72">
        <v>0</v>
      </c>
      <c r="CL16" s="73">
        <v>0</v>
      </c>
      <c r="CM16" s="70">
        <v>153</v>
      </c>
      <c r="CN16" s="71">
        <v>130</v>
      </c>
      <c r="CO16" s="72">
        <v>283</v>
      </c>
      <c r="CP16" s="244"/>
      <c r="CQ16" s="71">
        <v>146</v>
      </c>
      <c r="CR16" s="71">
        <v>128</v>
      </c>
      <c r="CS16" s="71">
        <v>92</v>
      </c>
      <c r="CT16" s="71">
        <v>89</v>
      </c>
      <c r="CU16" s="71">
        <v>39</v>
      </c>
      <c r="CV16" s="72">
        <v>494</v>
      </c>
      <c r="CW16" s="73">
        <v>777</v>
      </c>
      <c r="CX16" s="123">
        <v>12</v>
      </c>
      <c r="CY16" s="82">
        <v>18</v>
      </c>
      <c r="CZ16" s="83">
        <v>30</v>
      </c>
      <c r="DA16" s="241"/>
      <c r="DB16" s="82">
        <v>25</v>
      </c>
      <c r="DC16" s="82">
        <v>5</v>
      </c>
      <c r="DD16" s="82">
        <v>12</v>
      </c>
      <c r="DE16" s="82">
        <v>17</v>
      </c>
      <c r="DF16" s="82">
        <v>6</v>
      </c>
      <c r="DG16" s="84">
        <v>65</v>
      </c>
      <c r="DH16" s="85">
        <v>95</v>
      </c>
      <c r="DI16" s="86">
        <v>0</v>
      </c>
      <c r="DJ16" s="71">
        <v>0</v>
      </c>
      <c r="DK16" s="72">
        <v>0</v>
      </c>
      <c r="DL16" s="244"/>
      <c r="DM16" s="71">
        <v>1</v>
      </c>
      <c r="DN16" s="71">
        <v>0</v>
      </c>
      <c r="DO16" s="71">
        <v>0</v>
      </c>
      <c r="DP16" s="71">
        <v>0</v>
      </c>
      <c r="DQ16" s="71">
        <v>0</v>
      </c>
      <c r="DR16" s="72">
        <v>1</v>
      </c>
      <c r="DS16" s="73">
        <v>1</v>
      </c>
      <c r="DT16" s="70">
        <v>0</v>
      </c>
      <c r="DU16" s="71">
        <v>1</v>
      </c>
      <c r="DV16" s="72">
        <v>1</v>
      </c>
      <c r="DW16" s="244"/>
      <c r="DX16" s="71">
        <v>1</v>
      </c>
      <c r="DY16" s="71">
        <v>0</v>
      </c>
      <c r="DZ16" s="71">
        <v>2</v>
      </c>
      <c r="EA16" s="71">
        <v>0</v>
      </c>
      <c r="EB16" s="71">
        <v>0</v>
      </c>
      <c r="EC16" s="72">
        <v>3</v>
      </c>
      <c r="ED16" s="73">
        <v>4</v>
      </c>
      <c r="EE16" s="86">
        <v>1</v>
      </c>
      <c r="EF16" s="71">
        <v>2</v>
      </c>
      <c r="EG16" s="72">
        <v>3</v>
      </c>
      <c r="EH16" s="244"/>
      <c r="EI16" s="71">
        <v>3</v>
      </c>
      <c r="EJ16" s="71">
        <v>0</v>
      </c>
      <c r="EK16" s="71">
        <v>1</v>
      </c>
      <c r="EL16" s="71">
        <v>1</v>
      </c>
      <c r="EM16" s="71">
        <v>0</v>
      </c>
      <c r="EN16" s="72">
        <v>5</v>
      </c>
      <c r="EO16" s="73">
        <v>8</v>
      </c>
      <c r="EP16" s="70">
        <v>4</v>
      </c>
      <c r="EQ16" s="71">
        <v>3</v>
      </c>
      <c r="ER16" s="72">
        <v>7</v>
      </c>
      <c r="ES16" s="244"/>
      <c r="ET16" s="71">
        <v>2</v>
      </c>
      <c r="EU16" s="71">
        <v>1</v>
      </c>
      <c r="EV16" s="71">
        <v>0</v>
      </c>
      <c r="EW16" s="71">
        <v>2</v>
      </c>
      <c r="EX16" s="71">
        <v>0</v>
      </c>
      <c r="EY16" s="72">
        <v>5</v>
      </c>
      <c r="EZ16" s="73">
        <v>12</v>
      </c>
      <c r="FA16" s="86">
        <v>2</v>
      </c>
      <c r="FB16" s="71">
        <v>9</v>
      </c>
      <c r="FC16" s="72">
        <v>11</v>
      </c>
      <c r="FD16" s="244"/>
      <c r="FE16" s="71">
        <v>6</v>
      </c>
      <c r="FF16" s="71">
        <v>1</v>
      </c>
      <c r="FG16" s="71">
        <v>2</v>
      </c>
      <c r="FH16" s="71">
        <v>1</v>
      </c>
      <c r="FI16" s="71">
        <v>2</v>
      </c>
      <c r="FJ16" s="72">
        <v>12</v>
      </c>
      <c r="FK16" s="73">
        <v>23</v>
      </c>
      <c r="FL16" s="70">
        <v>5</v>
      </c>
      <c r="FM16" s="71">
        <v>3</v>
      </c>
      <c r="FN16" s="72">
        <v>8</v>
      </c>
      <c r="FO16" s="244"/>
      <c r="FP16" s="71">
        <v>12</v>
      </c>
      <c r="FQ16" s="71">
        <v>3</v>
      </c>
      <c r="FR16" s="71">
        <v>7</v>
      </c>
      <c r="FS16" s="71">
        <v>13</v>
      </c>
      <c r="FT16" s="71">
        <v>4</v>
      </c>
      <c r="FU16" s="72">
        <v>39</v>
      </c>
      <c r="FV16" s="73">
        <v>47</v>
      </c>
      <c r="FW16" s="70">
        <v>0</v>
      </c>
      <c r="FX16" s="71">
        <v>0</v>
      </c>
      <c r="FY16" s="72">
        <v>0</v>
      </c>
      <c r="FZ16" s="244"/>
      <c r="GA16" s="71">
        <v>0</v>
      </c>
      <c r="GB16" s="71">
        <v>0</v>
      </c>
      <c r="GC16" s="71">
        <v>0</v>
      </c>
      <c r="GD16" s="71">
        <v>0</v>
      </c>
      <c r="GE16" s="71">
        <v>0</v>
      </c>
      <c r="GF16" s="72">
        <v>0</v>
      </c>
      <c r="GG16" s="73">
        <v>0</v>
      </c>
      <c r="GH16" s="70">
        <v>12</v>
      </c>
      <c r="GI16" s="71">
        <v>18</v>
      </c>
      <c r="GJ16" s="72">
        <v>30</v>
      </c>
      <c r="GK16" s="244"/>
      <c r="GL16" s="71">
        <v>25</v>
      </c>
      <c r="GM16" s="71">
        <v>5</v>
      </c>
      <c r="GN16" s="71">
        <v>12</v>
      </c>
      <c r="GO16" s="71">
        <v>17</v>
      </c>
      <c r="GP16" s="71">
        <v>6</v>
      </c>
      <c r="GQ16" s="72">
        <v>65</v>
      </c>
      <c r="GR16" s="73">
        <v>95</v>
      </c>
      <c r="GS16" s="123">
        <v>165</v>
      </c>
      <c r="GT16" s="82">
        <v>148</v>
      </c>
      <c r="GU16" s="83">
        <v>313</v>
      </c>
      <c r="GV16" s="241"/>
      <c r="GW16" s="82">
        <v>171</v>
      </c>
      <c r="GX16" s="82">
        <v>133</v>
      </c>
      <c r="GY16" s="82">
        <v>104</v>
      </c>
      <c r="GZ16" s="82">
        <v>106</v>
      </c>
      <c r="HA16" s="82">
        <v>45</v>
      </c>
      <c r="HB16" s="84">
        <v>559</v>
      </c>
      <c r="HC16" s="85">
        <v>872</v>
      </c>
      <c r="HD16" s="86">
        <v>4</v>
      </c>
      <c r="HE16" s="71">
        <v>3</v>
      </c>
      <c r="HF16" s="72">
        <v>7</v>
      </c>
      <c r="HG16" s="244"/>
      <c r="HH16" s="71">
        <v>3</v>
      </c>
      <c r="HI16" s="71">
        <v>1</v>
      </c>
      <c r="HJ16" s="71">
        <v>1</v>
      </c>
      <c r="HK16" s="71">
        <v>3</v>
      </c>
      <c r="HL16" s="71">
        <v>1</v>
      </c>
      <c r="HM16" s="72">
        <v>9</v>
      </c>
      <c r="HN16" s="73">
        <v>16</v>
      </c>
      <c r="HO16" s="70">
        <v>5</v>
      </c>
      <c r="HP16" s="71">
        <v>13</v>
      </c>
      <c r="HQ16" s="72">
        <v>18</v>
      </c>
      <c r="HR16" s="244"/>
      <c r="HS16" s="71">
        <v>3</v>
      </c>
      <c r="HT16" s="71">
        <v>6</v>
      </c>
      <c r="HU16" s="71">
        <v>9</v>
      </c>
      <c r="HV16" s="71">
        <v>1</v>
      </c>
      <c r="HW16" s="71">
        <v>2</v>
      </c>
      <c r="HX16" s="72">
        <v>21</v>
      </c>
      <c r="HY16" s="73">
        <v>39</v>
      </c>
      <c r="HZ16" s="86">
        <v>16</v>
      </c>
      <c r="IA16" s="71">
        <v>17</v>
      </c>
      <c r="IB16" s="72">
        <v>33</v>
      </c>
      <c r="IC16" s="244"/>
      <c r="ID16" s="71">
        <v>10</v>
      </c>
      <c r="IE16" s="71">
        <v>10</v>
      </c>
      <c r="IF16" s="71">
        <v>10</v>
      </c>
      <c r="IG16" s="71">
        <v>6</v>
      </c>
      <c r="IH16" s="71">
        <v>5</v>
      </c>
      <c r="II16" s="72">
        <v>41</v>
      </c>
      <c r="IJ16" s="73">
        <v>74</v>
      </c>
      <c r="IK16" s="70">
        <v>35</v>
      </c>
      <c r="IL16" s="71">
        <v>16</v>
      </c>
      <c r="IM16" s="72">
        <v>51</v>
      </c>
      <c r="IN16" s="244"/>
      <c r="IO16" s="71">
        <v>34</v>
      </c>
      <c r="IP16" s="71">
        <v>27</v>
      </c>
      <c r="IQ16" s="71">
        <v>10</v>
      </c>
      <c r="IR16" s="71">
        <v>20</v>
      </c>
      <c r="IS16" s="71">
        <v>11</v>
      </c>
      <c r="IT16" s="72">
        <v>102</v>
      </c>
      <c r="IU16" s="73">
        <v>153</v>
      </c>
      <c r="IV16" s="86">
        <v>49</v>
      </c>
      <c r="IW16" s="71">
        <v>44</v>
      </c>
      <c r="IX16" s="72">
        <v>93</v>
      </c>
      <c r="IY16" s="244"/>
      <c r="IZ16" s="71">
        <v>58</v>
      </c>
      <c r="JA16" s="71">
        <v>39</v>
      </c>
      <c r="JB16" s="71">
        <v>34</v>
      </c>
      <c r="JC16" s="71">
        <v>25</v>
      </c>
      <c r="JD16" s="71">
        <v>12</v>
      </c>
      <c r="JE16" s="72">
        <v>168</v>
      </c>
      <c r="JF16" s="73">
        <v>261</v>
      </c>
      <c r="JG16" s="70">
        <v>56</v>
      </c>
      <c r="JH16" s="71">
        <v>55</v>
      </c>
      <c r="JI16" s="72">
        <v>111</v>
      </c>
      <c r="JJ16" s="244"/>
      <c r="JK16" s="71">
        <v>63</v>
      </c>
      <c r="JL16" s="71">
        <v>50</v>
      </c>
      <c r="JM16" s="71">
        <v>40</v>
      </c>
      <c r="JN16" s="71">
        <v>51</v>
      </c>
      <c r="JO16" s="71">
        <v>14</v>
      </c>
      <c r="JP16" s="72">
        <v>218</v>
      </c>
      <c r="JQ16" s="73">
        <v>329</v>
      </c>
      <c r="JR16" s="70">
        <v>0</v>
      </c>
      <c r="JS16" s="71">
        <v>0</v>
      </c>
      <c r="JT16" s="72">
        <v>0</v>
      </c>
      <c r="JU16" s="244"/>
      <c r="JV16" s="71">
        <v>0</v>
      </c>
      <c r="JW16" s="71">
        <v>0</v>
      </c>
      <c r="JX16" s="71">
        <v>0</v>
      </c>
      <c r="JY16" s="71">
        <v>0</v>
      </c>
      <c r="JZ16" s="71">
        <v>0</v>
      </c>
      <c r="KA16" s="72">
        <v>0</v>
      </c>
      <c r="KB16" s="73">
        <v>0</v>
      </c>
      <c r="KC16" s="70">
        <v>165</v>
      </c>
      <c r="KD16" s="71">
        <v>148</v>
      </c>
      <c r="KE16" s="72">
        <v>313</v>
      </c>
      <c r="KF16" s="244"/>
      <c r="KG16" s="71">
        <v>171</v>
      </c>
      <c r="KH16" s="71">
        <v>133</v>
      </c>
      <c r="KI16" s="71">
        <v>104</v>
      </c>
      <c r="KJ16" s="71">
        <v>106</v>
      </c>
      <c r="KK16" s="71">
        <v>45</v>
      </c>
      <c r="KL16" s="72">
        <v>559</v>
      </c>
      <c r="KM16" s="73">
        <v>872</v>
      </c>
    </row>
    <row r="17" spans="2:299" ht="21" customHeight="1" x14ac:dyDescent="0.2">
      <c r="B17" s="126" t="s">
        <v>13</v>
      </c>
      <c r="C17" s="315">
        <v>40</v>
      </c>
      <c r="D17" s="82">
        <v>55</v>
      </c>
      <c r="E17" s="83">
        <v>95</v>
      </c>
      <c r="F17" s="241"/>
      <c r="G17" s="82">
        <v>86</v>
      </c>
      <c r="H17" s="82">
        <v>77</v>
      </c>
      <c r="I17" s="82">
        <v>38</v>
      </c>
      <c r="J17" s="82">
        <v>41</v>
      </c>
      <c r="K17" s="82">
        <v>26</v>
      </c>
      <c r="L17" s="84">
        <v>268</v>
      </c>
      <c r="M17" s="85">
        <v>363</v>
      </c>
      <c r="N17" s="70">
        <v>0</v>
      </c>
      <c r="O17" s="71">
        <v>0</v>
      </c>
      <c r="P17" s="72">
        <v>0</v>
      </c>
      <c r="Q17" s="244"/>
      <c r="R17" s="71">
        <v>3</v>
      </c>
      <c r="S17" s="71">
        <v>0</v>
      </c>
      <c r="T17" s="71">
        <v>0</v>
      </c>
      <c r="U17" s="71">
        <v>0</v>
      </c>
      <c r="V17" s="71">
        <v>0</v>
      </c>
      <c r="W17" s="72">
        <v>3</v>
      </c>
      <c r="X17" s="73">
        <v>3</v>
      </c>
      <c r="Y17" s="70">
        <v>3</v>
      </c>
      <c r="Z17" s="71">
        <v>1</v>
      </c>
      <c r="AA17" s="72">
        <v>4</v>
      </c>
      <c r="AB17" s="244"/>
      <c r="AC17" s="71">
        <v>4</v>
      </c>
      <c r="AD17" s="71">
        <v>2</v>
      </c>
      <c r="AE17" s="71">
        <v>0</v>
      </c>
      <c r="AF17" s="71">
        <v>0</v>
      </c>
      <c r="AG17" s="71">
        <v>3</v>
      </c>
      <c r="AH17" s="72">
        <v>9</v>
      </c>
      <c r="AI17" s="73">
        <v>13</v>
      </c>
      <c r="AJ17" s="70">
        <v>5</v>
      </c>
      <c r="AK17" s="71">
        <v>6</v>
      </c>
      <c r="AL17" s="72">
        <v>11</v>
      </c>
      <c r="AM17" s="244"/>
      <c r="AN17" s="71">
        <v>4</v>
      </c>
      <c r="AO17" s="71">
        <v>7</v>
      </c>
      <c r="AP17" s="71">
        <v>4</v>
      </c>
      <c r="AQ17" s="71">
        <v>2</v>
      </c>
      <c r="AR17" s="71">
        <v>1</v>
      </c>
      <c r="AS17" s="72">
        <v>18</v>
      </c>
      <c r="AT17" s="73">
        <v>29</v>
      </c>
      <c r="AU17" s="70">
        <v>2</v>
      </c>
      <c r="AV17" s="71">
        <v>16</v>
      </c>
      <c r="AW17" s="72">
        <v>18</v>
      </c>
      <c r="AX17" s="244"/>
      <c r="AY17" s="71">
        <v>13</v>
      </c>
      <c r="AZ17" s="71">
        <v>12</v>
      </c>
      <c r="BA17" s="71">
        <v>5</v>
      </c>
      <c r="BB17" s="71">
        <v>6</v>
      </c>
      <c r="BC17" s="71">
        <v>7</v>
      </c>
      <c r="BD17" s="72">
        <v>43</v>
      </c>
      <c r="BE17" s="73">
        <v>61</v>
      </c>
      <c r="BF17" s="70">
        <v>16</v>
      </c>
      <c r="BG17" s="71">
        <v>22</v>
      </c>
      <c r="BH17" s="72">
        <v>38</v>
      </c>
      <c r="BI17" s="244"/>
      <c r="BJ17" s="71">
        <v>34</v>
      </c>
      <c r="BK17" s="71">
        <v>24</v>
      </c>
      <c r="BL17" s="71">
        <v>14</v>
      </c>
      <c r="BM17" s="71">
        <v>19</v>
      </c>
      <c r="BN17" s="71">
        <v>5</v>
      </c>
      <c r="BO17" s="72">
        <v>96</v>
      </c>
      <c r="BP17" s="73">
        <v>134</v>
      </c>
      <c r="BQ17" s="70">
        <v>14</v>
      </c>
      <c r="BR17" s="71">
        <v>10</v>
      </c>
      <c r="BS17" s="72">
        <v>24</v>
      </c>
      <c r="BT17" s="244"/>
      <c r="BU17" s="71">
        <v>28</v>
      </c>
      <c r="BV17" s="71">
        <v>32</v>
      </c>
      <c r="BW17" s="71">
        <v>15</v>
      </c>
      <c r="BX17" s="71">
        <v>14</v>
      </c>
      <c r="BY17" s="71">
        <v>10</v>
      </c>
      <c r="BZ17" s="72">
        <v>99</v>
      </c>
      <c r="CA17" s="73">
        <v>123</v>
      </c>
      <c r="CB17" s="70">
        <v>0</v>
      </c>
      <c r="CC17" s="71">
        <v>0</v>
      </c>
      <c r="CD17" s="72">
        <v>0</v>
      </c>
      <c r="CE17" s="244"/>
      <c r="CF17" s="71">
        <v>0</v>
      </c>
      <c r="CG17" s="71">
        <v>0</v>
      </c>
      <c r="CH17" s="71">
        <v>0</v>
      </c>
      <c r="CI17" s="71">
        <v>0</v>
      </c>
      <c r="CJ17" s="71">
        <v>0</v>
      </c>
      <c r="CK17" s="72">
        <v>0</v>
      </c>
      <c r="CL17" s="73">
        <v>0</v>
      </c>
      <c r="CM17" s="70">
        <v>40</v>
      </c>
      <c r="CN17" s="71">
        <v>55</v>
      </c>
      <c r="CO17" s="72">
        <v>95</v>
      </c>
      <c r="CP17" s="244"/>
      <c r="CQ17" s="71">
        <v>86</v>
      </c>
      <c r="CR17" s="71">
        <v>77</v>
      </c>
      <c r="CS17" s="71">
        <v>38</v>
      </c>
      <c r="CT17" s="71">
        <v>41</v>
      </c>
      <c r="CU17" s="71">
        <v>26</v>
      </c>
      <c r="CV17" s="72">
        <v>268</v>
      </c>
      <c r="CW17" s="73">
        <v>363</v>
      </c>
      <c r="CX17" s="123">
        <v>9</v>
      </c>
      <c r="CY17" s="82">
        <v>5</v>
      </c>
      <c r="CZ17" s="83">
        <v>14</v>
      </c>
      <c r="DA17" s="241"/>
      <c r="DB17" s="82">
        <v>10</v>
      </c>
      <c r="DC17" s="82">
        <v>6</v>
      </c>
      <c r="DD17" s="82">
        <v>6</v>
      </c>
      <c r="DE17" s="82">
        <v>6</v>
      </c>
      <c r="DF17" s="82">
        <v>2</v>
      </c>
      <c r="DG17" s="84">
        <v>30</v>
      </c>
      <c r="DH17" s="85">
        <v>44</v>
      </c>
      <c r="DI17" s="70">
        <v>0</v>
      </c>
      <c r="DJ17" s="71">
        <v>0</v>
      </c>
      <c r="DK17" s="72">
        <v>0</v>
      </c>
      <c r="DL17" s="244"/>
      <c r="DM17" s="71">
        <v>0</v>
      </c>
      <c r="DN17" s="71">
        <v>0</v>
      </c>
      <c r="DO17" s="71">
        <v>0</v>
      </c>
      <c r="DP17" s="71">
        <v>1</v>
      </c>
      <c r="DQ17" s="71">
        <v>0</v>
      </c>
      <c r="DR17" s="72">
        <v>1</v>
      </c>
      <c r="DS17" s="73">
        <v>1</v>
      </c>
      <c r="DT17" s="70">
        <v>0</v>
      </c>
      <c r="DU17" s="71">
        <v>0</v>
      </c>
      <c r="DV17" s="72">
        <v>0</v>
      </c>
      <c r="DW17" s="244"/>
      <c r="DX17" s="71">
        <v>0</v>
      </c>
      <c r="DY17" s="71">
        <v>0</v>
      </c>
      <c r="DZ17" s="71">
        <v>0</v>
      </c>
      <c r="EA17" s="71">
        <v>0</v>
      </c>
      <c r="EB17" s="71">
        <v>0</v>
      </c>
      <c r="EC17" s="72">
        <v>0</v>
      </c>
      <c r="ED17" s="73">
        <v>0</v>
      </c>
      <c r="EE17" s="70">
        <v>1</v>
      </c>
      <c r="EF17" s="71">
        <v>0</v>
      </c>
      <c r="EG17" s="72">
        <v>1</v>
      </c>
      <c r="EH17" s="244"/>
      <c r="EI17" s="71">
        <v>1</v>
      </c>
      <c r="EJ17" s="71">
        <v>0</v>
      </c>
      <c r="EK17" s="71">
        <v>1</v>
      </c>
      <c r="EL17" s="71">
        <v>0</v>
      </c>
      <c r="EM17" s="71">
        <v>0</v>
      </c>
      <c r="EN17" s="72">
        <v>2</v>
      </c>
      <c r="EO17" s="73">
        <v>3</v>
      </c>
      <c r="EP17" s="70">
        <v>2</v>
      </c>
      <c r="EQ17" s="71">
        <v>1</v>
      </c>
      <c r="ER17" s="72">
        <v>3</v>
      </c>
      <c r="ES17" s="244"/>
      <c r="ET17" s="71">
        <v>2</v>
      </c>
      <c r="EU17" s="71">
        <v>1</v>
      </c>
      <c r="EV17" s="71">
        <v>0</v>
      </c>
      <c r="EW17" s="71">
        <v>0</v>
      </c>
      <c r="EX17" s="71">
        <v>0</v>
      </c>
      <c r="EY17" s="72">
        <v>3</v>
      </c>
      <c r="EZ17" s="73">
        <v>6</v>
      </c>
      <c r="FA17" s="70">
        <v>3</v>
      </c>
      <c r="FB17" s="71">
        <v>0</v>
      </c>
      <c r="FC17" s="72">
        <v>3</v>
      </c>
      <c r="FD17" s="244"/>
      <c r="FE17" s="71">
        <v>4</v>
      </c>
      <c r="FF17" s="71">
        <v>1</v>
      </c>
      <c r="FG17" s="71">
        <v>3</v>
      </c>
      <c r="FH17" s="71">
        <v>1</v>
      </c>
      <c r="FI17" s="71">
        <v>0</v>
      </c>
      <c r="FJ17" s="72">
        <v>9</v>
      </c>
      <c r="FK17" s="73">
        <v>12</v>
      </c>
      <c r="FL17" s="70">
        <v>3</v>
      </c>
      <c r="FM17" s="71">
        <v>4</v>
      </c>
      <c r="FN17" s="72">
        <v>7</v>
      </c>
      <c r="FO17" s="244"/>
      <c r="FP17" s="71">
        <v>3</v>
      </c>
      <c r="FQ17" s="71">
        <v>4</v>
      </c>
      <c r="FR17" s="71">
        <v>2</v>
      </c>
      <c r="FS17" s="71">
        <v>4</v>
      </c>
      <c r="FT17" s="71">
        <v>2</v>
      </c>
      <c r="FU17" s="72">
        <v>15</v>
      </c>
      <c r="FV17" s="73">
        <v>22</v>
      </c>
      <c r="FW17" s="70">
        <v>0</v>
      </c>
      <c r="FX17" s="71">
        <v>0</v>
      </c>
      <c r="FY17" s="72">
        <v>0</v>
      </c>
      <c r="FZ17" s="244"/>
      <c r="GA17" s="71">
        <v>0</v>
      </c>
      <c r="GB17" s="71">
        <v>0</v>
      </c>
      <c r="GC17" s="71">
        <v>0</v>
      </c>
      <c r="GD17" s="71">
        <v>0</v>
      </c>
      <c r="GE17" s="71">
        <v>0</v>
      </c>
      <c r="GF17" s="72">
        <v>0</v>
      </c>
      <c r="GG17" s="73">
        <v>0</v>
      </c>
      <c r="GH17" s="70">
        <v>9</v>
      </c>
      <c r="GI17" s="71">
        <v>5</v>
      </c>
      <c r="GJ17" s="72">
        <v>14</v>
      </c>
      <c r="GK17" s="244"/>
      <c r="GL17" s="71">
        <v>10</v>
      </c>
      <c r="GM17" s="71">
        <v>6</v>
      </c>
      <c r="GN17" s="71">
        <v>6</v>
      </c>
      <c r="GO17" s="71">
        <v>6</v>
      </c>
      <c r="GP17" s="71">
        <v>2</v>
      </c>
      <c r="GQ17" s="72">
        <v>30</v>
      </c>
      <c r="GR17" s="73">
        <v>44</v>
      </c>
      <c r="GS17" s="123">
        <v>49</v>
      </c>
      <c r="GT17" s="82">
        <v>60</v>
      </c>
      <c r="GU17" s="83">
        <v>109</v>
      </c>
      <c r="GV17" s="241"/>
      <c r="GW17" s="82">
        <v>96</v>
      </c>
      <c r="GX17" s="82">
        <v>83</v>
      </c>
      <c r="GY17" s="82">
        <v>44</v>
      </c>
      <c r="GZ17" s="82">
        <v>47</v>
      </c>
      <c r="HA17" s="82">
        <v>28</v>
      </c>
      <c r="HB17" s="84">
        <v>298</v>
      </c>
      <c r="HC17" s="85">
        <v>407</v>
      </c>
      <c r="HD17" s="70">
        <v>0</v>
      </c>
      <c r="HE17" s="71">
        <v>0</v>
      </c>
      <c r="HF17" s="72">
        <v>0</v>
      </c>
      <c r="HG17" s="244"/>
      <c r="HH17" s="71">
        <v>3</v>
      </c>
      <c r="HI17" s="71">
        <v>0</v>
      </c>
      <c r="HJ17" s="71">
        <v>0</v>
      </c>
      <c r="HK17" s="71">
        <v>1</v>
      </c>
      <c r="HL17" s="71">
        <v>0</v>
      </c>
      <c r="HM17" s="72">
        <v>4</v>
      </c>
      <c r="HN17" s="73">
        <v>4</v>
      </c>
      <c r="HO17" s="70">
        <v>3</v>
      </c>
      <c r="HP17" s="71">
        <v>1</v>
      </c>
      <c r="HQ17" s="72">
        <v>4</v>
      </c>
      <c r="HR17" s="244"/>
      <c r="HS17" s="71">
        <v>4</v>
      </c>
      <c r="HT17" s="71">
        <v>2</v>
      </c>
      <c r="HU17" s="71">
        <v>0</v>
      </c>
      <c r="HV17" s="71">
        <v>0</v>
      </c>
      <c r="HW17" s="71">
        <v>3</v>
      </c>
      <c r="HX17" s="72">
        <v>9</v>
      </c>
      <c r="HY17" s="73">
        <v>13</v>
      </c>
      <c r="HZ17" s="70">
        <v>6</v>
      </c>
      <c r="IA17" s="71">
        <v>6</v>
      </c>
      <c r="IB17" s="72">
        <v>12</v>
      </c>
      <c r="IC17" s="244"/>
      <c r="ID17" s="71">
        <v>5</v>
      </c>
      <c r="IE17" s="71">
        <v>7</v>
      </c>
      <c r="IF17" s="71">
        <v>5</v>
      </c>
      <c r="IG17" s="71">
        <v>2</v>
      </c>
      <c r="IH17" s="71">
        <v>1</v>
      </c>
      <c r="II17" s="72">
        <v>20</v>
      </c>
      <c r="IJ17" s="73">
        <v>32</v>
      </c>
      <c r="IK17" s="70">
        <v>4</v>
      </c>
      <c r="IL17" s="71">
        <v>17</v>
      </c>
      <c r="IM17" s="72">
        <v>21</v>
      </c>
      <c r="IN17" s="244"/>
      <c r="IO17" s="71">
        <v>15</v>
      </c>
      <c r="IP17" s="71">
        <v>13</v>
      </c>
      <c r="IQ17" s="71">
        <v>5</v>
      </c>
      <c r="IR17" s="71">
        <v>6</v>
      </c>
      <c r="IS17" s="71">
        <v>7</v>
      </c>
      <c r="IT17" s="72">
        <v>46</v>
      </c>
      <c r="IU17" s="73">
        <v>67</v>
      </c>
      <c r="IV17" s="70">
        <v>19</v>
      </c>
      <c r="IW17" s="71">
        <v>22</v>
      </c>
      <c r="IX17" s="72">
        <v>41</v>
      </c>
      <c r="IY17" s="244"/>
      <c r="IZ17" s="71">
        <v>38</v>
      </c>
      <c r="JA17" s="71">
        <v>25</v>
      </c>
      <c r="JB17" s="71">
        <v>17</v>
      </c>
      <c r="JC17" s="71">
        <v>20</v>
      </c>
      <c r="JD17" s="71">
        <v>5</v>
      </c>
      <c r="JE17" s="72">
        <v>105</v>
      </c>
      <c r="JF17" s="73">
        <v>146</v>
      </c>
      <c r="JG17" s="70">
        <v>17</v>
      </c>
      <c r="JH17" s="71">
        <v>14</v>
      </c>
      <c r="JI17" s="72">
        <v>31</v>
      </c>
      <c r="JJ17" s="244"/>
      <c r="JK17" s="71">
        <v>31</v>
      </c>
      <c r="JL17" s="71">
        <v>36</v>
      </c>
      <c r="JM17" s="71">
        <v>17</v>
      </c>
      <c r="JN17" s="71">
        <v>18</v>
      </c>
      <c r="JO17" s="71">
        <v>12</v>
      </c>
      <c r="JP17" s="72">
        <v>114</v>
      </c>
      <c r="JQ17" s="73">
        <v>145</v>
      </c>
      <c r="JR17" s="70">
        <v>0</v>
      </c>
      <c r="JS17" s="71">
        <v>0</v>
      </c>
      <c r="JT17" s="72">
        <v>0</v>
      </c>
      <c r="JU17" s="244"/>
      <c r="JV17" s="71">
        <v>0</v>
      </c>
      <c r="JW17" s="71">
        <v>0</v>
      </c>
      <c r="JX17" s="71">
        <v>0</v>
      </c>
      <c r="JY17" s="71">
        <v>0</v>
      </c>
      <c r="JZ17" s="71">
        <v>0</v>
      </c>
      <c r="KA17" s="72">
        <v>0</v>
      </c>
      <c r="KB17" s="73">
        <v>0</v>
      </c>
      <c r="KC17" s="70">
        <v>49</v>
      </c>
      <c r="KD17" s="71">
        <v>60</v>
      </c>
      <c r="KE17" s="72">
        <v>109</v>
      </c>
      <c r="KF17" s="244"/>
      <c r="KG17" s="71">
        <v>96</v>
      </c>
      <c r="KH17" s="71">
        <v>83</v>
      </c>
      <c r="KI17" s="71">
        <v>44</v>
      </c>
      <c r="KJ17" s="71">
        <v>47</v>
      </c>
      <c r="KK17" s="71">
        <v>28</v>
      </c>
      <c r="KL17" s="72">
        <v>298</v>
      </c>
      <c r="KM17" s="73">
        <v>407</v>
      </c>
    </row>
    <row r="18" spans="2:299" ht="21" customHeight="1" x14ac:dyDescent="0.2">
      <c r="B18" s="126" t="s">
        <v>15</v>
      </c>
      <c r="C18" s="315">
        <v>21</v>
      </c>
      <c r="D18" s="82">
        <v>28</v>
      </c>
      <c r="E18" s="83">
        <v>49</v>
      </c>
      <c r="F18" s="241"/>
      <c r="G18" s="82">
        <v>37</v>
      </c>
      <c r="H18" s="82">
        <v>24</v>
      </c>
      <c r="I18" s="82">
        <v>23</v>
      </c>
      <c r="J18" s="82">
        <v>27</v>
      </c>
      <c r="K18" s="82">
        <v>10</v>
      </c>
      <c r="L18" s="84">
        <v>121</v>
      </c>
      <c r="M18" s="85">
        <v>170</v>
      </c>
      <c r="N18" s="70">
        <v>1</v>
      </c>
      <c r="O18" s="71">
        <v>0</v>
      </c>
      <c r="P18" s="72">
        <v>1</v>
      </c>
      <c r="Q18" s="244"/>
      <c r="R18" s="71">
        <v>0</v>
      </c>
      <c r="S18" s="71">
        <v>2</v>
      </c>
      <c r="T18" s="71">
        <v>0</v>
      </c>
      <c r="U18" s="71">
        <v>1</v>
      </c>
      <c r="V18" s="71">
        <v>1</v>
      </c>
      <c r="W18" s="72">
        <v>4</v>
      </c>
      <c r="X18" s="73">
        <v>5</v>
      </c>
      <c r="Y18" s="70">
        <v>2</v>
      </c>
      <c r="Z18" s="71">
        <v>1</v>
      </c>
      <c r="AA18" s="72">
        <v>3</v>
      </c>
      <c r="AB18" s="244"/>
      <c r="AC18" s="71">
        <v>4</v>
      </c>
      <c r="AD18" s="71">
        <v>0</v>
      </c>
      <c r="AE18" s="71">
        <v>2</v>
      </c>
      <c r="AF18" s="71">
        <v>4</v>
      </c>
      <c r="AG18" s="71">
        <v>2</v>
      </c>
      <c r="AH18" s="72">
        <v>12</v>
      </c>
      <c r="AI18" s="73">
        <v>15</v>
      </c>
      <c r="AJ18" s="70">
        <v>4</v>
      </c>
      <c r="AK18" s="71">
        <v>3</v>
      </c>
      <c r="AL18" s="72">
        <v>7</v>
      </c>
      <c r="AM18" s="244"/>
      <c r="AN18" s="71">
        <v>4</v>
      </c>
      <c r="AO18" s="71">
        <v>2</v>
      </c>
      <c r="AP18" s="71">
        <v>1</v>
      </c>
      <c r="AQ18" s="71">
        <v>4</v>
      </c>
      <c r="AR18" s="71">
        <v>1</v>
      </c>
      <c r="AS18" s="72">
        <v>12</v>
      </c>
      <c r="AT18" s="73">
        <v>19</v>
      </c>
      <c r="AU18" s="70">
        <v>5</v>
      </c>
      <c r="AV18" s="71">
        <v>3</v>
      </c>
      <c r="AW18" s="72">
        <v>8</v>
      </c>
      <c r="AX18" s="244"/>
      <c r="AY18" s="71">
        <v>8</v>
      </c>
      <c r="AZ18" s="71">
        <v>6</v>
      </c>
      <c r="BA18" s="71">
        <v>2</v>
      </c>
      <c r="BB18" s="71">
        <v>4</v>
      </c>
      <c r="BC18" s="71">
        <v>2</v>
      </c>
      <c r="BD18" s="72">
        <v>22</v>
      </c>
      <c r="BE18" s="73">
        <v>30</v>
      </c>
      <c r="BF18" s="70">
        <v>4</v>
      </c>
      <c r="BG18" s="71">
        <v>11</v>
      </c>
      <c r="BH18" s="72">
        <v>15</v>
      </c>
      <c r="BI18" s="244"/>
      <c r="BJ18" s="71">
        <v>7</v>
      </c>
      <c r="BK18" s="71">
        <v>3</v>
      </c>
      <c r="BL18" s="71">
        <v>5</v>
      </c>
      <c r="BM18" s="71">
        <v>6</v>
      </c>
      <c r="BN18" s="71">
        <v>2</v>
      </c>
      <c r="BO18" s="72">
        <v>23</v>
      </c>
      <c r="BP18" s="73">
        <v>38</v>
      </c>
      <c r="BQ18" s="70">
        <v>5</v>
      </c>
      <c r="BR18" s="71">
        <v>10</v>
      </c>
      <c r="BS18" s="72">
        <v>15</v>
      </c>
      <c r="BT18" s="244"/>
      <c r="BU18" s="71">
        <v>14</v>
      </c>
      <c r="BV18" s="71">
        <v>11</v>
      </c>
      <c r="BW18" s="71">
        <v>13</v>
      </c>
      <c r="BX18" s="71">
        <v>8</v>
      </c>
      <c r="BY18" s="71">
        <v>2</v>
      </c>
      <c r="BZ18" s="72">
        <v>48</v>
      </c>
      <c r="CA18" s="73">
        <v>63</v>
      </c>
      <c r="CB18" s="70">
        <v>0</v>
      </c>
      <c r="CC18" s="71">
        <v>0</v>
      </c>
      <c r="CD18" s="72">
        <v>0</v>
      </c>
      <c r="CE18" s="244"/>
      <c r="CF18" s="71">
        <v>0</v>
      </c>
      <c r="CG18" s="71">
        <v>0</v>
      </c>
      <c r="CH18" s="71">
        <v>0</v>
      </c>
      <c r="CI18" s="71">
        <v>0</v>
      </c>
      <c r="CJ18" s="71">
        <v>0</v>
      </c>
      <c r="CK18" s="72">
        <v>0</v>
      </c>
      <c r="CL18" s="73">
        <v>0</v>
      </c>
      <c r="CM18" s="70">
        <v>21</v>
      </c>
      <c r="CN18" s="71">
        <v>28</v>
      </c>
      <c r="CO18" s="72">
        <v>49</v>
      </c>
      <c r="CP18" s="244"/>
      <c r="CQ18" s="71">
        <v>37</v>
      </c>
      <c r="CR18" s="71">
        <v>24</v>
      </c>
      <c r="CS18" s="71">
        <v>23</v>
      </c>
      <c r="CT18" s="71">
        <v>27</v>
      </c>
      <c r="CU18" s="71">
        <v>10</v>
      </c>
      <c r="CV18" s="72">
        <v>121</v>
      </c>
      <c r="CW18" s="73">
        <v>170</v>
      </c>
      <c r="CX18" s="123">
        <v>2</v>
      </c>
      <c r="CY18" s="82">
        <v>2</v>
      </c>
      <c r="CZ18" s="83">
        <v>4</v>
      </c>
      <c r="DA18" s="241"/>
      <c r="DB18" s="82">
        <v>5</v>
      </c>
      <c r="DC18" s="82">
        <v>9</v>
      </c>
      <c r="DD18" s="82">
        <v>2</v>
      </c>
      <c r="DE18" s="82">
        <v>2</v>
      </c>
      <c r="DF18" s="82">
        <v>2</v>
      </c>
      <c r="DG18" s="84">
        <v>20</v>
      </c>
      <c r="DH18" s="85">
        <v>24</v>
      </c>
      <c r="DI18" s="70">
        <v>0</v>
      </c>
      <c r="DJ18" s="71">
        <v>0</v>
      </c>
      <c r="DK18" s="72">
        <v>0</v>
      </c>
      <c r="DL18" s="244"/>
      <c r="DM18" s="71">
        <v>1</v>
      </c>
      <c r="DN18" s="71">
        <v>0</v>
      </c>
      <c r="DO18" s="71">
        <v>0</v>
      </c>
      <c r="DP18" s="71">
        <v>0</v>
      </c>
      <c r="DQ18" s="71">
        <v>0</v>
      </c>
      <c r="DR18" s="72">
        <v>1</v>
      </c>
      <c r="DS18" s="73">
        <v>1</v>
      </c>
      <c r="DT18" s="70">
        <v>0</v>
      </c>
      <c r="DU18" s="71">
        <v>0</v>
      </c>
      <c r="DV18" s="72">
        <v>0</v>
      </c>
      <c r="DW18" s="244"/>
      <c r="DX18" s="71">
        <v>0</v>
      </c>
      <c r="DY18" s="71">
        <v>0</v>
      </c>
      <c r="DZ18" s="71">
        <v>0</v>
      </c>
      <c r="EA18" s="71">
        <v>0</v>
      </c>
      <c r="EB18" s="71">
        <v>0</v>
      </c>
      <c r="EC18" s="72">
        <v>0</v>
      </c>
      <c r="ED18" s="73">
        <v>0</v>
      </c>
      <c r="EE18" s="70">
        <v>0</v>
      </c>
      <c r="EF18" s="71">
        <v>0</v>
      </c>
      <c r="EG18" s="72">
        <v>0</v>
      </c>
      <c r="EH18" s="244"/>
      <c r="EI18" s="71">
        <v>1</v>
      </c>
      <c r="EJ18" s="71">
        <v>1</v>
      </c>
      <c r="EK18" s="71">
        <v>0</v>
      </c>
      <c r="EL18" s="71">
        <v>0</v>
      </c>
      <c r="EM18" s="71">
        <v>0</v>
      </c>
      <c r="EN18" s="72">
        <v>2</v>
      </c>
      <c r="EO18" s="73">
        <v>2</v>
      </c>
      <c r="EP18" s="70">
        <v>0</v>
      </c>
      <c r="EQ18" s="71">
        <v>1</v>
      </c>
      <c r="ER18" s="72">
        <v>1</v>
      </c>
      <c r="ES18" s="244"/>
      <c r="ET18" s="71">
        <v>0</v>
      </c>
      <c r="EU18" s="71">
        <v>1</v>
      </c>
      <c r="EV18" s="71">
        <v>1</v>
      </c>
      <c r="EW18" s="71">
        <v>0</v>
      </c>
      <c r="EX18" s="71">
        <v>0</v>
      </c>
      <c r="EY18" s="72">
        <v>2</v>
      </c>
      <c r="EZ18" s="73">
        <v>3</v>
      </c>
      <c r="FA18" s="70">
        <v>0</v>
      </c>
      <c r="FB18" s="71">
        <v>0</v>
      </c>
      <c r="FC18" s="72">
        <v>0</v>
      </c>
      <c r="FD18" s="244"/>
      <c r="FE18" s="71">
        <v>0</v>
      </c>
      <c r="FF18" s="71">
        <v>0</v>
      </c>
      <c r="FG18" s="71">
        <v>0</v>
      </c>
      <c r="FH18" s="71">
        <v>1</v>
      </c>
      <c r="FI18" s="71">
        <v>1</v>
      </c>
      <c r="FJ18" s="72">
        <v>2</v>
      </c>
      <c r="FK18" s="73">
        <v>2</v>
      </c>
      <c r="FL18" s="70">
        <v>2</v>
      </c>
      <c r="FM18" s="71">
        <v>1</v>
      </c>
      <c r="FN18" s="72">
        <v>3</v>
      </c>
      <c r="FO18" s="244"/>
      <c r="FP18" s="71">
        <v>3</v>
      </c>
      <c r="FQ18" s="71">
        <v>7</v>
      </c>
      <c r="FR18" s="71">
        <v>1</v>
      </c>
      <c r="FS18" s="71">
        <v>1</v>
      </c>
      <c r="FT18" s="71">
        <v>1</v>
      </c>
      <c r="FU18" s="72">
        <v>13</v>
      </c>
      <c r="FV18" s="73">
        <v>16</v>
      </c>
      <c r="FW18" s="70">
        <v>0</v>
      </c>
      <c r="FX18" s="71">
        <v>0</v>
      </c>
      <c r="FY18" s="72">
        <v>0</v>
      </c>
      <c r="FZ18" s="244"/>
      <c r="GA18" s="71">
        <v>0</v>
      </c>
      <c r="GB18" s="71">
        <v>0</v>
      </c>
      <c r="GC18" s="71">
        <v>0</v>
      </c>
      <c r="GD18" s="71">
        <v>0</v>
      </c>
      <c r="GE18" s="71">
        <v>0</v>
      </c>
      <c r="GF18" s="72">
        <v>0</v>
      </c>
      <c r="GG18" s="73">
        <v>0</v>
      </c>
      <c r="GH18" s="70">
        <v>2</v>
      </c>
      <c r="GI18" s="71">
        <v>2</v>
      </c>
      <c r="GJ18" s="72">
        <v>4</v>
      </c>
      <c r="GK18" s="244"/>
      <c r="GL18" s="71">
        <v>5</v>
      </c>
      <c r="GM18" s="71">
        <v>9</v>
      </c>
      <c r="GN18" s="71">
        <v>2</v>
      </c>
      <c r="GO18" s="71">
        <v>2</v>
      </c>
      <c r="GP18" s="71">
        <v>2</v>
      </c>
      <c r="GQ18" s="72">
        <v>20</v>
      </c>
      <c r="GR18" s="73">
        <v>24</v>
      </c>
      <c r="GS18" s="123">
        <v>23</v>
      </c>
      <c r="GT18" s="82">
        <v>30</v>
      </c>
      <c r="GU18" s="83">
        <v>53</v>
      </c>
      <c r="GV18" s="241"/>
      <c r="GW18" s="82">
        <v>42</v>
      </c>
      <c r="GX18" s="82">
        <v>33</v>
      </c>
      <c r="GY18" s="82">
        <v>25</v>
      </c>
      <c r="GZ18" s="82">
        <v>29</v>
      </c>
      <c r="HA18" s="82">
        <v>12</v>
      </c>
      <c r="HB18" s="84">
        <v>141</v>
      </c>
      <c r="HC18" s="85">
        <v>194</v>
      </c>
      <c r="HD18" s="70">
        <v>1</v>
      </c>
      <c r="HE18" s="71">
        <v>0</v>
      </c>
      <c r="HF18" s="72">
        <v>1</v>
      </c>
      <c r="HG18" s="244"/>
      <c r="HH18" s="71">
        <v>1</v>
      </c>
      <c r="HI18" s="71">
        <v>2</v>
      </c>
      <c r="HJ18" s="71">
        <v>0</v>
      </c>
      <c r="HK18" s="71">
        <v>1</v>
      </c>
      <c r="HL18" s="71">
        <v>1</v>
      </c>
      <c r="HM18" s="72">
        <v>5</v>
      </c>
      <c r="HN18" s="73">
        <v>6</v>
      </c>
      <c r="HO18" s="70">
        <v>2</v>
      </c>
      <c r="HP18" s="71">
        <v>1</v>
      </c>
      <c r="HQ18" s="72">
        <v>3</v>
      </c>
      <c r="HR18" s="244"/>
      <c r="HS18" s="71">
        <v>4</v>
      </c>
      <c r="HT18" s="71">
        <v>0</v>
      </c>
      <c r="HU18" s="71">
        <v>2</v>
      </c>
      <c r="HV18" s="71">
        <v>4</v>
      </c>
      <c r="HW18" s="71">
        <v>2</v>
      </c>
      <c r="HX18" s="72">
        <v>12</v>
      </c>
      <c r="HY18" s="73">
        <v>15</v>
      </c>
      <c r="HZ18" s="70">
        <v>4</v>
      </c>
      <c r="IA18" s="71">
        <v>3</v>
      </c>
      <c r="IB18" s="72">
        <v>7</v>
      </c>
      <c r="IC18" s="244"/>
      <c r="ID18" s="71">
        <v>5</v>
      </c>
      <c r="IE18" s="71">
        <v>3</v>
      </c>
      <c r="IF18" s="71">
        <v>1</v>
      </c>
      <c r="IG18" s="71">
        <v>4</v>
      </c>
      <c r="IH18" s="71">
        <v>1</v>
      </c>
      <c r="II18" s="72">
        <v>14</v>
      </c>
      <c r="IJ18" s="73">
        <v>21</v>
      </c>
      <c r="IK18" s="70">
        <v>5</v>
      </c>
      <c r="IL18" s="71">
        <v>4</v>
      </c>
      <c r="IM18" s="72">
        <v>9</v>
      </c>
      <c r="IN18" s="244"/>
      <c r="IO18" s="71">
        <v>8</v>
      </c>
      <c r="IP18" s="71">
        <v>7</v>
      </c>
      <c r="IQ18" s="71">
        <v>3</v>
      </c>
      <c r="IR18" s="71">
        <v>4</v>
      </c>
      <c r="IS18" s="71">
        <v>2</v>
      </c>
      <c r="IT18" s="72">
        <v>24</v>
      </c>
      <c r="IU18" s="73">
        <v>33</v>
      </c>
      <c r="IV18" s="70">
        <v>4</v>
      </c>
      <c r="IW18" s="71">
        <v>11</v>
      </c>
      <c r="IX18" s="72">
        <v>15</v>
      </c>
      <c r="IY18" s="244"/>
      <c r="IZ18" s="71">
        <v>7</v>
      </c>
      <c r="JA18" s="71">
        <v>3</v>
      </c>
      <c r="JB18" s="71">
        <v>5</v>
      </c>
      <c r="JC18" s="71">
        <v>7</v>
      </c>
      <c r="JD18" s="71">
        <v>3</v>
      </c>
      <c r="JE18" s="72">
        <v>25</v>
      </c>
      <c r="JF18" s="73">
        <v>40</v>
      </c>
      <c r="JG18" s="70">
        <v>7</v>
      </c>
      <c r="JH18" s="71">
        <v>11</v>
      </c>
      <c r="JI18" s="72">
        <v>18</v>
      </c>
      <c r="JJ18" s="244"/>
      <c r="JK18" s="71">
        <v>17</v>
      </c>
      <c r="JL18" s="71">
        <v>18</v>
      </c>
      <c r="JM18" s="71">
        <v>14</v>
      </c>
      <c r="JN18" s="71">
        <v>9</v>
      </c>
      <c r="JO18" s="71">
        <v>3</v>
      </c>
      <c r="JP18" s="72">
        <v>61</v>
      </c>
      <c r="JQ18" s="73">
        <v>79</v>
      </c>
      <c r="JR18" s="70">
        <v>0</v>
      </c>
      <c r="JS18" s="71">
        <v>0</v>
      </c>
      <c r="JT18" s="72">
        <v>0</v>
      </c>
      <c r="JU18" s="244"/>
      <c r="JV18" s="71">
        <v>0</v>
      </c>
      <c r="JW18" s="71">
        <v>0</v>
      </c>
      <c r="JX18" s="71">
        <v>0</v>
      </c>
      <c r="JY18" s="71">
        <v>0</v>
      </c>
      <c r="JZ18" s="71">
        <v>0</v>
      </c>
      <c r="KA18" s="72">
        <v>0</v>
      </c>
      <c r="KB18" s="73">
        <v>0</v>
      </c>
      <c r="KC18" s="70">
        <v>23</v>
      </c>
      <c r="KD18" s="71">
        <v>30</v>
      </c>
      <c r="KE18" s="72">
        <v>53</v>
      </c>
      <c r="KF18" s="244"/>
      <c r="KG18" s="71">
        <v>42</v>
      </c>
      <c r="KH18" s="71">
        <v>33</v>
      </c>
      <c r="KI18" s="71">
        <v>25</v>
      </c>
      <c r="KJ18" s="71">
        <v>29</v>
      </c>
      <c r="KK18" s="71">
        <v>12</v>
      </c>
      <c r="KL18" s="72">
        <v>141</v>
      </c>
      <c r="KM18" s="73">
        <v>194</v>
      </c>
    </row>
    <row r="19" spans="2:299" ht="21" customHeight="1" x14ac:dyDescent="0.2">
      <c r="B19" s="126" t="s">
        <v>16</v>
      </c>
      <c r="C19" s="315">
        <v>37</v>
      </c>
      <c r="D19" s="82">
        <v>39</v>
      </c>
      <c r="E19" s="83">
        <v>76</v>
      </c>
      <c r="F19" s="241"/>
      <c r="G19" s="82">
        <v>86</v>
      </c>
      <c r="H19" s="82">
        <v>88</v>
      </c>
      <c r="I19" s="82">
        <v>54</v>
      </c>
      <c r="J19" s="82">
        <v>47</v>
      </c>
      <c r="K19" s="82">
        <v>21</v>
      </c>
      <c r="L19" s="84">
        <v>296</v>
      </c>
      <c r="M19" s="85">
        <v>372</v>
      </c>
      <c r="N19" s="70">
        <v>1</v>
      </c>
      <c r="O19" s="71">
        <v>1</v>
      </c>
      <c r="P19" s="72">
        <v>2</v>
      </c>
      <c r="Q19" s="244"/>
      <c r="R19" s="71">
        <v>3</v>
      </c>
      <c r="S19" s="71">
        <v>4</v>
      </c>
      <c r="T19" s="71">
        <v>1</v>
      </c>
      <c r="U19" s="71">
        <v>2</v>
      </c>
      <c r="V19" s="71">
        <v>1</v>
      </c>
      <c r="W19" s="72">
        <v>11</v>
      </c>
      <c r="X19" s="73">
        <v>13</v>
      </c>
      <c r="Y19" s="70">
        <v>7</v>
      </c>
      <c r="Z19" s="71">
        <v>5</v>
      </c>
      <c r="AA19" s="72">
        <v>12</v>
      </c>
      <c r="AB19" s="244"/>
      <c r="AC19" s="71">
        <v>5</v>
      </c>
      <c r="AD19" s="71">
        <v>3</v>
      </c>
      <c r="AE19" s="71">
        <v>6</v>
      </c>
      <c r="AF19" s="71">
        <v>1</v>
      </c>
      <c r="AG19" s="71">
        <v>1</v>
      </c>
      <c r="AH19" s="72">
        <v>16</v>
      </c>
      <c r="AI19" s="73">
        <v>28</v>
      </c>
      <c r="AJ19" s="70">
        <v>5</v>
      </c>
      <c r="AK19" s="71">
        <v>5</v>
      </c>
      <c r="AL19" s="72">
        <v>10</v>
      </c>
      <c r="AM19" s="244"/>
      <c r="AN19" s="71">
        <v>12</v>
      </c>
      <c r="AO19" s="71">
        <v>7</v>
      </c>
      <c r="AP19" s="71">
        <v>5</v>
      </c>
      <c r="AQ19" s="71">
        <v>3</v>
      </c>
      <c r="AR19" s="71">
        <v>2</v>
      </c>
      <c r="AS19" s="72">
        <v>29</v>
      </c>
      <c r="AT19" s="73">
        <v>39</v>
      </c>
      <c r="AU19" s="70">
        <v>4</v>
      </c>
      <c r="AV19" s="71">
        <v>6</v>
      </c>
      <c r="AW19" s="72">
        <v>10</v>
      </c>
      <c r="AX19" s="244"/>
      <c r="AY19" s="71">
        <v>19</v>
      </c>
      <c r="AZ19" s="71">
        <v>23</v>
      </c>
      <c r="BA19" s="71">
        <v>10</v>
      </c>
      <c r="BB19" s="71">
        <v>8</v>
      </c>
      <c r="BC19" s="71">
        <v>9</v>
      </c>
      <c r="BD19" s="72">
        <v>69</v>
      </c>
      <c r="BE19" s="73">
        <v>79</v>
      </c>
      <c r="BF19" s="70">
        <v>13</v>
      </c>
      <c r="BG19" s="71">
        <v>12</v>
      </c>
      <c r="BH19" s="72">
        <v>25</v>
      </c>
      <c r="BI19" s="244"/>
      <c r="BJ19" s="71">
        <v>19</v>
      </c>
      <c r="BK19" s="71">
        <v>26</v>
      </c>
      <c r="BL19" s="71">
        <v>10</v>
      </c>
      <c r="BM19" s="71">
        <v>10</v>
      </c>
      <c r="BN19" s="71">
        <v>2</v>
      </c>
      <c r="BO19" s="72">
        <v>67</v>
      </c>
      <c r="BP19" s="73">
        <v>92</v>
      </c>
      <c r="BQ19" s="70">
        <v>7</v>
      </c>
      <c r="BR19" s="71">
        <v>10</v>
      </c>
      <c r="BS19" s="72">
        <v>17</v>
      </c>
      <c r="BT19" s="244"/>
      <c r="BU19" s="71">
        <v>28</v>
      </c>
      <c r="BV19" s="71">
        <v>25</v>
      </c>
      <c r="BW19" s="71">
        <v>22</v>
      </c>
      <c r="BX19" s="71">
        <v>23</v>
      </c>
      <c r="BY19" s="71">
        <v>6</v>
      </c>
      <c r="BZ19" s="72">
        <v>104</v>
      </c>
      <c r="CA19" s="73">
        <v>121</v>
      </c>
      <c r="CB19" s="70">
        <v>0</v>
      </c>
      <c r="CC19" s="71">
        <v>0</v>
      </c>
      <c r="CD19" s="72">
        <v>0</v>
      </c>
      <c r="CE19" s="244"/>
      <c r="CF19" s="71">
        <v>0</v>
      </c>
      <c r="CG19" s="71">
        <v>0</v>
      </c>
      <c r="CH19" s="71">
        <v>0</v>
      </c>
      <c r="CI19" s="71">
        <v>0</v>
      </c>
      <c r="CJ19" s="71">
        <v>0</v>
      </c>
      <c r="CK19" s="72">
        <v>0</v>
      </c>
      <c r="CL19" s="73">
        <v>0</v>
      </c>
      <c r="CM19" s="70">
        <v>37</v>
      </c>
      <c r="CN19" s="71">
        <v>39</v>
      </c>
      <c r="CO19" s="72">
        <v>76</v>
      </c>
      <c r="CP19" s="244"/>
      <c r="CQ19" s="71">
        <v>86</v>
      </c>
      <c r="CR19" s="71">
        <v>88</v>
      </c>
      <c r="CS19" s="71">
        <v>54</v>
      </c>
      <c r="CT19" s="71">
        <v>47</v>
      </c>
      <c r="CU19" s="71">
        <v>21</v>
      </c>
      <c r="CV19" s="72">
        <v>296</v>
      </c>
      <c r="CW19" s="73">
        <v>372</v>
      </c>
      <c r="CX19" s="123">
        <v>4</v>
      </c>
      <c r="CY19" s="82">
        <v>7</v>
      </c>
      <c r="CZ19" s="83">
        <v>11</v>
      </c>
      <c r="DA19" s="241"/>
      <c r="DB19" s="82">
        <v>13</v>
      </c>
      <c r="DC19" s="82">
        <v>16</v>
      </c>
      <c r="DD19" s="82">
        <v>7</v>
      </c>
      <c r="DE19" s="82">
        <v>11</v>
      </c>
      <c r="DF19" s="82">
        <v>6</v>
      </c>
      <c r="DG19" s="84">
        <v>53</v>
      </c>
      <c r="DH19" s="85">
        <v>64</v>
      </c>
      <c r="DI19" s="70">
        <v>0</v>
      </c>
      <c r="DJ19" s="71">
        <v>0</v>
      </c>
      <c r="DK19" s="72">
        <v>0</v>
      </c>
      <c r="DL19" s="244"/>
      <c r="DM19" s="71">
        <v>0</v>
      </c>
      <c r="DN19" s="71">
        <v>0</v>
      </c>
      <c r="DO19" s="71">
        <v>0</v>
      </c>
      <c r="DP19" s="71">
        <v>0</v>
      </c>
      <c r="DQ19" s="71">
        <v>0</v>
      </c>
      <c r="DR19" s="72">
        <v>0</v>
      </c>
      <c r="DS19" s="73">
        <v>0</v>
      </c>
      <c r="DT19" s="70">
        <v>0</v>
      </c>
      <c r="DU19" s="71">
        <v>1</v>
      </c>
      <c r="DV19" s="72">
        <v>1</v>
      </c>
      <c r="DW19" s="244"/>
      <c r="DX19" s="71">
        <v>2</v>
      </c>
      <c r="DY19" s="71">
        <v>1</v>
      </c>
      <c r="DZ19" s="71">
        <v>0</v>
      </c>
      <c r="EA19" s="71">
        <v>0</v>
      </c>
      <c r="EB19" s="71">
        <v>0</v>
      </c>
      <c r="EC19" s="72">
        <v>3</v>
      </c>
      <c r="ED19" s="73">
        <v>4</v>
      </c>
      <c r="EE19" s="70">
        <v>1</v>
      </c>
      <c r="EF19" s="71">
        <v>1</v>
      </c>
      <c r="EG19" s="72">
        <v>2</v>
      </c>
      <c r="EH19" s="244"/>
      <c r="EI19" s="71">
        <v>0</v>
      </c>
      <c r="EJ19" s="71">
        <v>1</v>
      </c>
      <c r="EK19" s="71">
        <v>2</v>
      </c>
      <c r="EL19" s="71">
        <v>1</v>
      </c>
      <c r="EM19" s="71">
        <v>0</v>
      </c>
      <c r="EN19" s="72">
        <v>4</v>
      </c>
      <c r="EO19" s="73">
        <v>6</v>
      </c>
      <c r="EP19" s="70">
        <v>0</v>
      </c>
      <c r="EQ19" s="71">
        <v>1</v>
      </c>
      <c r="ER19" s="72">
        <v>1</v>
      </c>
      <c r="ES19" s="244"/>
      <c r="ET19" s="71">
        <v>4</v>
      </c>
      <c r="EU19" s="71">
        <v>4</v>
      </c>
      <c r="EV19" s="71">
        <v>1</v>
      </c>
      <c r="EW19" s="71">
        <v>0</v>
      </c>
      <c r="EX19" s="71">
        <v>0</v>
      </c>
      <c r="EY19" s="72">
        <v>9</v>
      </c>
      <c r="EZ19" s="73">
        <v>10</v>
      </c>
      <c r="FA19" s="70">
        <v>2</v>
      </c>
      <c r="FB19" s="71">
        <v>1</v>
      </c>
      <c r="FC19" s="72">
        <v>3</v>
      </c>
      <c r="FD19" s="244"/>
      <c r="FE19" s="71">
        <v>0</v>
      </c>
      <c r="FF19" s="71">
        <v>6</v>
      </c>
      <c r="FG19" s="71">
        <v>1</v>
      </c>
      <c r="FH19" s="71">
        <v>1</v>
      </c>
      <c r="FI19" s="71">
        <v>3</v>
      </c>
      <c r="FJ19" s="72">
        <v>11</v>
      </c>
      <c r="FK19" s="73">
        <v>14</v>
      </c>
      <c r="FL19" s="70">
        <v>1</v>
      </c>
      <c r="FM19" s="71">
        <v>3</v>
      </c>
      <c r="FN19" s="72">
        <v>4</v>
      </c>
      <c r="FO19" s="244"/>
      <c r="FP19" s="71">
        <v>7</v>
      </c>
      <c r="FQ19" s="71">
        <v>4</v>
      </c>
      <c r="FR19" s="71">
        <v>3</v>
      </c>
      <c r="FS19" s="71">
        <v>9</v>
      </c>
      <c r="FT19" s="71">
        <v>3</v>
      </c>
      <c r="FU19" s="72">
        <v>26</v>
      </c>
      <c r="FV19" s="73">
        <v>30</v>
      </c>
      <c r="FW19" s="70">
        <v>0</v>
      </c>
      <c r="FX19" s="71">
        <v>0</v>
      </c>
      <c r="FY19" s="72">
        <v>0</v>
      </c>
      <c r="FZ19" s="244"/>
      <c r="GA19" s="71">
        <v>0</v>
      </c>
      <c r="GB19" s="71">
        <v>0</v>
      </c>
      <c r="GC19" s="71">
        <v>0</v>
      </c>
      <c r="GD19" s="71">
        <v>0</v>
      </c>
      <c r="GE19" s="71">
        <v>0</v>
      </c>
      <c r="GF19" s="72">
        <v>0</v>
      </c>
      <c r="GG19" s="73">
        <v>0</v>
      </c>
      <c r="GH19" s="70">
        <v>4</v>
      </c>
      <c r="GI19" s="71">
        <v>7</v>
      </c>
      <c r="GJ19" s="72">
        <v>11</v>
      </c>
      <c r="GK19" s="244"/>
      <c r="GL19" s="71">
        <v>13</v>
      </c>
      <c r="GM19" s="71">
        <v>16</v>
      </c>
      <c r="GN19" s="71">
        <v>7</v>
      </c>
      <c r="GO19" s="71">
        <v>11</v>
      </c>
      <c r="GP19" s="71">
        <v>6</v>
      </c>
      <c r="GQ19" s="72">
        <v>53</v>
      </c>
      <c r="GR19" s="73">
        <v>64</v>
      </c>
      <c r="GS19" s="123">
        <v>41</v>
      </c>
      <c r="GT19" s="82">
        <v>46</v>
      </c>
      <c r="GU19" s="83">
        <v>87</v>
      </c>
      <c r="GV19" s="241"/>
      <c r="GW19" s="82">
        <v>99</v>
      </c>
      <c r="GX19" s="82">
        <v>104</v>
      </c>
      <c r="GY19" s="82">
        <v>61</v>
      </c>
      <c r="GZ19" s="82">
        <v>58</v>
      </c>
      <c r="HA19" s="82">
        <v>27</v>
      </c>
      <c r="HB19" s="84">
        <v>349</v>
      </c>
      <c r="HC19" s="85">
        <v>436</v>
      </c>
      <c r="HD19" s="70">
        <v>1</v>
      </c>
      <c r="HE19" s="71">
        <v>1</v>
      </c>
      <c r="HF19" s="72">
        <v>2</v>
      </c>
      <c r="HG19" s="244"/>
      <c r="HH19" s="71">
        <v>3</v>
      </c>
      <c r="HI19" s="71">
        <v>4</v>
      </c>
      <c r="HJ19" s="71">
        <v>1</v>
      </c>
      <c r="HK19" s="71">
        <v>2</v>
      </c>
      <c r="HL19" s="71">
        <v>1</v>
      </c>
      <c r="HM19" s="72">
        <v>11</v>
      </c>
      <c r="HN19" s="73">
        <v>13</v>
      </c>
      <c r="HO19" s="70">
        <v>7</v>
      </c>
      <c r="HP19" s="71">
        <v>6</v>
      </c>
      <c r="HQ19" s="72">
        <v>13</v>
      </c>
      <c r="HR19" s="244"/>
      <c r="HS19" s="71">
        <v>7</v>
      </c>
      <c r="HT19" s="71">
        <v>4</v>
      </c>
      <c r="HU19" s="71">
        <v>6</v>
      </c>
      <c r="HV19" s="71">
        <v>1</v>
      </c>
      <c r="HW19" s="71">
        <v>1</v>
      </c>
      <c r="HX19" s="72">
        <v>19</v>
      </c>
      <c r="HY19" s="73">
        <v>32</v>
      </c>
      <c r="HZ19" s="70">
        <v>6</v>
      </c>
      <c r="IA19" s="71">
        <v>6</v>
      </c>
      <c r="IB19" s="72">
        <v>12</v>
      </c>
      <c r="IC19" s="244"/>
      <c r="ID19" s="71">
        <v>12</v>
      </c>
      <c r="IE19" s="71">
        <v>8</v>
      </c>
      <c r="IF19" s="71">
        <v>7</v>
      </c>
      <c r="IG19" s="71">
        <v>4</v>
      </c>
      <c r="IH19" s="71">
        <v>2</v>
      </c>
      <c r="II19" s="72">
        <v>33</v>
      </c>
      <c r="IJ19" s="73">
        <v>45</v>
      </c>
      <c r="IK19" s="70">
        <v>4</v>
      </c>
      <c r="IL19" s="71">
        <v>7</v>
      </c>
      <c r="IM19" s="72">
        <v>11</v>
      </c>
      <c r="IN19" s="244"/>
      <c r="IO19" s="71">
        <v>23</v>
      </c>
      <c r="IP19" s="71">
        <v>27</v>
      </c>
      <c r="IQ19" s="71">
        <v>11</v>
      </c>
      <c r="IR19" s="71">
        <v>8</v>
      </c>
      <c r="IS19" s="71">
        <v>9</v>
      </c>
      <c r="IT19" s="72">
        <v>78</v>
      </c>
      <c r="IU19" s="73">
        <v>89</v>
      </c>
      <c r="IV19" s="70">
        <v>15</v>
      </c>
      <c r="IW19" s="71">
        <v>13</v>
      </c>
      <c r="IX19" s="72">
        <v>28</v>
      </c>
      <c r="IY19" s="244"/>
      <c r="IZ19" s="71">
        <v>19</v>
      </c>
      <c r="JA19" s="71">
        <v>32</v>
      </c>
      <c r="JB19" s="71">
        <v>11</v>
      </c>
      <c r="JC19" s="71">
        <v>11</v>
      </c>
      <c r="JD19" s="71">
        <v>5</v>
      </c>
      <c r="JE19" s="72">
        <v>78</v>
      </c>
      <c r="JF19" s="73">
        <v>106</v>
      </c>
      <c r="JG19" s="70">
        <v>8</v>
      </c>
      <c r="JH19" s="71">
        <v>13</v>
      </c>
      <c r="JI19" s="72">
        <v>21</v>
      </c>
      <c r="JJ19" s="244"/>
      <c r="JK19" s="71">
        <v>35</v>
      </c>
      <c r="JL19" s="71">
        <v>29</v>
      </c>
      <c r="JM19" s="71">
        <v>25</v>
      </c>
      <c r="JN19" s="71">
        <v>32</v>
      </c>
      <c r="JO19" s="71">
        <v>9</v>
      </c>
      <c r="JP19" s="72">
        <v>130</v>
      </c>
      <c r="JQ19" s="73">
        <v>151</v>
      </c>
      <c r="JR19" s="70">
        <v>0</v>
      </c>
      <c r="JS19" s="71">
        <v>0</v>
      </c>
      <c r="JT19" s="72">
        <v>0</v>
      </c>
      <c r="JU19" s="244"/>
      <c r="JV19" s="71">
        <v>0</v>
      </c>
      <c r="JW19" s="71">
        <v>0</v>
      </c>
      <c r="JX19" s="71">
        <v>0</v>
      </c>
      <c r="JY19" s="71">
        <v>0</v>
      </c>
      <c r="JZ19" s="71">
        <v>0</v>
      </c>
      <c r="KA19" s="72">
        <v>0</v>
      </c>
      <c r="KB19" s="73">
        <v>0</v>
      </c>
      <c r="KC19" s="70">
        <v>41</v>
      </c>
      <c r="KD19" s="71">
        <v>46</v>
      </c>
      <c r="KE19" s="72">
        <v>87</v>
      </c>
      <c r="KF19" s="244"/>
      <c r="KG19" s="71">
        <v>99</v>
      </c>
      <c r="KH19" s="71">
        <v>104</v>
      </c>
      <c r="KI19" s="71">
        <v>61</v>
      </c>
      <c r="KJ19" s="71">
        <v>58</v>
      </c>
      <c r="KK19" s="71">
        <v>27</v>
      </c>
      <c r="KL19" s="72">
        <v>349</v>
      </c>
      <c r="KM19" s="73">
        <v>436</v>
      </c>
    </row>
    <row r="20" spans="2:299" ht="21" customHeight="1" x14ac:dyDescent="0.2">
      <c r="B20" s="126" t="s">
        <v>17</v>
      </c>
      <c r="C20" s="315">
        <v>55</v>
      </c>
      <c r="D20" s="82">
        <v>65</v>
      </c>
      <c r="E20" s="83">
        <v>120</v>
      </c>
      <c r="F20" s="241"/>
      <c r="G20" s="82">
        <v>103</v>
      </c>
      <c r="H20" s="82">
        <v>98</v>
      </c>
      <c r="I20" s="82">
        <v>67</v>
      </c>
      <c r="J20" s="82">
        <v>50</v>
      </c>
      <c r="K20" s="82">
        <v>34</v>
      </c>
      <c r="L20" s="84">
        <v>352</v>
      </c>
      <c r="M20" s="85">
        <v>472</v>
      </c>
      <c r="N20" s="70">
        <v>1</v>
      </c>
      <c r="O20" s="71">
        <v>2</v>
      </c>
      <c r="P20" s="72">
        <v>3</v>
      </c>
      <c r="Q20" s="244"/>
      <c r="R20" s="71">
        <v>2</v>
      </c>
      <c r="S20" s="71">
        <v>3</v>
      </c>
      <c r="T20" s="71">
        <v>4</v>
      </c>
      <c r="U20" s="71">
        <v>2</v>
      </c>
      <c r="V20" s="71">
        <v>0</v>
      </c>
      <c r="W20" s="72">
        <v>11</v>
      </c>
      <c r="X20" s="73">
        <v>14</v>
      </c>
      <c r="Y20" s="70">
        <v>2</v>
      </c>
      <c r="Z20" s="71">
        <v>2</v>
      </c>
      <c r="AA20" s="72">
        <v>4</v>
      </c>
      <c r="AB20" s="244"/>
      <c r="AC20" s="71">
        <v>4</v>
      </c>
      <c r="AD20" s="71">
        <v>4</v>
      </c>
      <c r="AE20" s="71">
        <v>7</v>
      </c>
      <c r="AF20" s="71">
        <v>3</v>
      </c>
      <c r="AG20" s="71">
        <v>1</v>
      </c>
      <c r="AH20" s="72">
        <v>19</v>
      </c>
      <c r="AI20" s="73">
        <v>23</v>
      </c>
      <c r="AJ20" s="70">
        <v>11</v>
      </c>
      <c r="AK20" s="71">
        <v>5</v>
      </c>
      <c r="AL20" s="72">
        <v>16</v>
      </c>
      <c r="AM20" s="244"/>
      <c r="AN20" s="71">
        <v>11</v>
      </c>
      <c r="AO20" s="71">
        <v>11</v>
      </c>
      <c r="AP20" s="71">
        <v>7</v>
      </c>
      <c r="AQ20" s="71">
        <v>4</v>
      </c>
      <c r="AR20" s="71">
        <v>3</v>
      </c>
      <c r="AS20" s="72">
        <v>36</v>
      </c>
      <c r="AT20" s="73">
        <v>52</v>
      </c>
      <c r="AU20" s="70">
        <v>9</v>
      </c>
      <c r="AV20" s="71">
        <v>21</v>
      </c>
      <c r="AW20" s="72">
        <v>30</v>
      </c>
      <c r="AX20" s="244"/>
      <c r="AY20" s="71">
        <v>26</v>
      </c>
      <c r="AZ20" s="71">
        <v>23</v>
      </c>
      <c r="BA20" s="71">
        <v>13</v>
      </c>
      <c r="BB20" s="71">
        <v>9</v>
      </c>
      <c r="BC20" s="71">
        <v>7</v>
      </c>
      <c r="BD20" s="72">
        <v>78</v>
      </c>
      <c r="BE20" s="73">
        <v>108</v>
      </c>
      <c r="BF20" s="70">
        <v>17</v>
      </c>
      <c r="BG20" s="71">
        <v>17</v>
      </c>
      <c r="BH20" s="72">
        <v>34</v>
      </c>
      <c r="BI20" s="244"/>
      <c r="BJ20" s="71">
        <v>32</v>
      </c>
      <c r="BK20" s="71">
        <v>35</v>
      </c>
      <c r="BL20" s="71">
        <v>18</v>
      </c>
      <c r="BM20" s="71">
        <v>16</v>
      </c>
      <c r="BN20" s="71">
        <v>12</v>
      </c>
      <c r="BO20" s="72">
        <v>113</v>
      </c>
      <c r="BP20" s="73">
        <v>147</v>
      </c>
      <c r="BQ20" s="70">
        <v>15</v>
      </c>
      <c r="BR20" s="71">
        <v>18</v>
      </c>
      <c r="BS20" s="72">
        <v>33</v>
      </c>
      <c r="BT20" s="244"/>
      <c r="BU20" s="71">
        <v>28</v>
      </c>
      <c r="BV20" s="71">
        <v>22</v>
      </c>
      <c r="BW20" s="71">
        <v>18</v>
      </c>
      <c r="BX20" s="71">
        <v>16</v>
      </c>
      <c r="BY20" s="71">
        <v>11</v>
      </c>
      <c r="BZ20" s="72">
        <v>95</v>
      </c>
      <c r="CA20" s="73">
        <v>128</v>
      </c>
      <c r="CB20" s="70">
        <v>0</v>
      </c>
      <c r="CC20" s="71">
        <v>0</v>
      </c>
      <c r="CD20" s="72">
        <v>0</v>
      </c>
      <c r="CE20" s="244"/>
      <c r="CF20" s="71">
        <v>0</v>
      </c>
      <c r="CG20" s="71">
        <v>0</v>
      </c>
      <c r="CH20" s="71">
        <v>0</v>
      </c>
      <c r="CI20" s="71">
        <v>0</v>
      </c>
      <c r="CJ20" s="71">
        <v>0</v>
      </c>
      <c r="CK20" s="72">
        <v>0</v>
      </c>
      <c r="CL20" s="73">
        <v>0</v>
      </c>
      <c r="CM20" s="70">
        <v>55</v>
      </c>
      <c r="CN20" s="71">
        <v>65</v>
      </c>
      <c r="CO20" s="72">
        <v>120</v>
      </c>
      <c r="CP20" s="244"/>
      <c r="CQ20" s="71">
        <v>103</v>
      </c>
      <c r="CR20" s="71">
        <v>98</v>
      </c>
      <c r="CS20" s="71">
        <v>67</v>
      </c>
      <c r="CT20" s="71">
        <v>50</v>
      </c>
      <c r="CU20" s="71">
        <v>34</v>
      </c>
      <c r="CV20" s="72">
        <v>352</v>
      </c>
      <c r="CW20" s="73">
        <v>472</v>
      </c>
      <c r="CX20" s="123">
        <v>12</v>
      </c>
      <c r="CY20" s="82">
        <v>6</v>
      </c>
      <c r="CZ20" s="83">
        <v>18</v>
      </c>
      <c r="DA20" s="241"/>
      <c r="DB20" s="82">
        <v>9</v>
      </c>
      <c r="DC20" s="82">
        <v>16</v>
      </c>
      <c r="DD20" s="82">
        <v>9</v>
      </c>
      <c r="DE20" s="82">
        <v>8</v>
      </c>
      <c r="DF20" s="82">
        <v>6</v>
      </c>
      <c r="DG20" s="84">
        <v>48</v>
      </c>
      <c r="DH20" s="85">
        <v>66</v>
      </c>
      <c r="DI20" s="70">
        <v>0</v>
      </c>
      <c r="DJ20" s="71">
        <v>0</v>
      </c>
      <c r="DK20" s="72">
        <v>0</v>
      </c>
      <c r="DL20" s="244"/>
      <c r="DM20" s="71">
        <v>0</v>
      </c>
      <c r="DN20" s="71">
        <v>2</v>
      </c>
      <c r="DO20" s="71">
        <v>0</v>
      </c>
      <c r="DP20" s="71">
        <v>0</v>
      </c>
      <c r="DQ20" s="71">
        <v>1</v>
      </c>
      <c r="DR20" s="72">
        <v>3</v>
      </c>
      <c r="DS20" s="73">
        <v>3</v>
      </c>
      <c r="DT20" s="70">
        <v>0</v>
      </c>
      <c r="DU20" s="71">
        <v>1</v>
      </c>
      <c r="DV20" s="72">
        <v>1</v>
      </c>
      <c r="DW20" s="244"/>
      <c r="DX20" s="71">
        <v>1</v>
      </c>
      <c r="DY20" s="71">
        <v>2</v>
      </c>
      <c r="DZ20" s="71">
        <v>0</v>
      </c>
      <c r="EA20" s="71">
        <v>1</v>
      </c>
      <c r="EB20" s="71">
        <v>0</v>
      </c>
      <c r="EC20" s="72">
        <v>4</v>
      </c>
      <c r="ED20" s="73">
        <v>5</v>
      </c>
      <c r="EE20" s="70">
        <v>1</v>
      </c>
      <c r="EF20" s="71">
        <v>0</v>
      </c>
      <c r="EG20" s="72">
        <v>1</v>
      </c>
      <c r="EH20" s="244"/>
      <c r="EI20" s="71">
        <v>2</v>
      </c>
      <c r="EJ20" s="71">
        <v>0</v>
      </c>
      <c r="EK20" s="71">
        <v>2</v>
      </c>
      <c r="EL20" s="71">
        <v>0</v>
      </c>
      <c r="EM20" s="71">
        <v>0</v>
      </c>
      <c r="EN20" s="72">
        <v>4</v>
      </c>
      <c r="EO20" s="73">
        <v>5</v>
      </c>
      <c r="EP20" s="70">
        <v>5</v>
      </c>
      <c r="EQ20" s="71">
        <v>2</v>
      </c>
      <c r="ER20" s="72">
        <v>7</v>
      </c>
      <c r="ES20" s="244"/>
      <c r="ET20" s="71">
        <v>2</v>
      </c>
      <c r="EU20" s="71">
        <v>3</v>
      </c>
      <c r="EV20" s="71">
        <v>2</v>
      </c>
      <c r="EW20" s="71">
        <v>2</v>
      </c>
      <c r="EX20" s="71">
        <v>1</v>
      </c>
      <c r="EY20" s="72">
        <v>10</v>
      </c>
      <c r="EZ20" s="73">
        <v>17</v>
      </c>
      <c r="FA20" s="70">
        <v>5</v>
      </c>
      <c r="FB20" s="71">
        <v>2</v>
      </c>
      <c r="FC20" s="72">
        <v>7</v>
      </c>
      <c r="FD20" s="244"/>
      <c r="FE20" s="71">
        <v>3</v>
      </c>
      <c r="FF20" s="71">
        <v>5</v>
      </c>
      <c r="FG20" s="71">
        <v>2</v>
      </c>
      <c r="FH20" s="71">
        <v>2</v>
      </c>
      <c r="FI20" s="71">
        <v>0</v>
      </c>
      <c r="FJ20" s="72">
        <v>12</v>
      </c>
      <c r="FK20" s="73">
        <v>19</v>
      </c>
      <c r="FL20" s="70">
        <v>1</v>
      </c>
      <c r="FM20" s="71">
        <v>1</v>
      </c>
      <c r="FN20" s="72">
        <v>2</v>
      </c>
      <c r="FO20" s="244"/>
      <c r="FP20" s="71">
        <v>1</v>
      </c>
      <c r="FQ20" s="71">
        <v>4</v>
      </c>
      <c r="FR20" s="71">
        <v>3</v>
      </c>
      <c r="FS20" s="71">
        <v>3</v>
      </c>
      <c r="FT20" s="71">
        <v>4</v>
      </c>
      <c r="FU20" s="72">
        <v>15</v>
      </c>
      <c r="FV20" s="73">
        <v>17</v>
      </c>
      <c r="FW20" s="70">
        <v>0</v>
      </c>
      <c r="FX20" s="71">
        <v>0</v>
      </c>
      <c r="FY20" s="72">
        <v>0</v>
      </c>
      <c r="FZ20" s="244"/>
      <c r="GA20" s="71">
        <v>0</v>
      </c>
      <c r="GB20" s="71">
        <v>0</v>
      </c>
      <c r="GC20" s="71">
        <v>0</v>
      </c>
      <c r="GD20" s="71">
        <v>0</v>
      </c>
      <c r="GE20" s="71">
        <v>0</v>
      </c>
      <c r="GF20" s="72">
        <v>0</v>
      </c>
      <c r="GG20" s="73">
        <v>0</v>
      </c>
      <c r="GH20" s="70">
        <v>12</v>
      </c>
      <c r="GI20" s="71">
        <v>6</v>
      </c>
      <c r="GJ20" s="72">
        <v>18</v>
      </c>
      <c r="GK20" s="244"/>
      <c r="GL20" s="71">
        <v>9</v>
      </c>
      <c r="GM20" s="71">
        <v>16</v>
      </c>
      <c r="GN20" s="71">
        <v>9</v>
      </c>
      <c r="GO20" s="71">
        <v>8</v>
      </c>
      <c r="GP20" s="71">
        <v>6</v>
      </c>
      <c r="GQ20" s="72">
        <v>48</v>
      </c>
      <c r="GR20" s="73">
        <v>66</v>
      </c>
      <c r="GS20" s="123">
        <v>67</v>
      </c>
      <c r="GT20" s="82">
        <v>71</v>
      </c>
      <c r="GU20" s="83">
        <v>138</v>
      </c>
      <c r="GV20" s="241"/>
      <c r="GW20" s="82">
        <v>112</v>
      </c>
      <c r="GX20" s="82">
        <v>114</v>
      </c>
      <c r="GY20" s="82">
        <v>76</v>
      </c>
      <c r="GZ20" s="82">
        <v>58</v>
      </c>
      <c r="HA20" s="82">
        <v>40</v>
      </c>
      <c r="HB20" s="84">
        <v>400</v>
      </c>
      <c r="HC20" s="85">
        <v>538</v>
      </c>
      <c r="HD20" s="70">
        <v>1</v>
      </c>
      <c r="HE20" s="71">
        <v>2</v>
      </c>
      <c r="HF20" s="72">
        <v>3</v>
      </c>
      <c r="HG20" s="244"/>
      <c r="HH20" s="71">
        <v>2</v>
      </c>
      <c r="HI20" s="71">
        <v>5</v>
      </c>
      <c r="HJ20" s="71">
        <v>4</v>
      </c>
      <c r="HK20" s="71">
        <v>2</v>
      </c>
      <c r="HL20" s="71">
        <v>1</v>
      </c>
      <c r="HM20" s="72">
        <v>14</v>
      </c>
      <c r="HN20" s="73">
        <v>17</v>
      </c>
      <c r="HO20" s="70">
        <v>2</v>
      </c>
      <c r="HP20" s="71">
        <v>3</v>
      </c>
      <c r="HQ20" s="72">
        <v>5</v>
      </c>
      <c r="HR20" s="244"/>
      <c r="HS20" s="71">
        <v>5</v>
      </c>
      <c r="HT20" s="71">
        <v>6</v>
      </c>
      <c r="HU20" s="71">
        <v>7</v>
      </c>
      <c r="HV20" s="71">
        <v>4</v>
      </c>
      <c r="HW20" s="71">
        <v>1</v>
      </c>
      <c r="HX20" s="72">
        <v>23</v>
      </c>
      <c r="HY20" s="73">
        <v>28</v>
      </c>
      <c r="HZ20" s="70">
        <v>12</v>
      </c>
      <c r="IA20" s="71">
        <v>5</v>
      </c>
      <c r="IB20" s="72">
        <v>17</v>
      </c>
      <c r="IC20" s="244"/>
      <c r="ID20" s="71">
        <v>13</v>
      </c>
      <c r="IE20" s="71">
        <v>11</v>
      </c>
      <c r="IF20" s="71">
        <v>9</v>
      </c>
      <c r="IG20" s="71">
        <v>4</v>
      </c>
      <c r="IH20" s="71">
        <v>3</v>
      </c>
      <c r="II20" s="72">
        <v>40</v>
      </c>
      <c r="IJ20" s="73">
        <v>57</v>
      </c>
      <c r="IK20" s="70">
        <v>14</v>
      </c>
      <c r="IL20" s="71">
        <v>23</v>
      </c>
      <c r="IM20" s="72">
        <v>37</v>
      </c>
      <c r="IN20" s="244"/>
      <c r="IO20" s="71">
        <v>28</v>
      </c>
      <c r="IP20" s="71">
        <v>26</v>
      </c>
      <c r="IQ20" s="71">
        <v>15</v>
      </c>
      <c r="IR20" s="71">
        <v>11</v>
      </c>
      <c r="IS20" s="71">
        <v>8</v>
      </c>
      <c r="IT20" s="72">
        <v>88</v>
      </c>
      <c r="IU20" s="73">
        <v>125</v>
      </c>
      <c r="IV20" s="70">
        <v>22</v>
      </c>
      <c r="IW20" s="71">
        <v>19</v>
      </c>
      <c r="IX20" s="72">
        <v>41</v>
      </c>
      <c r="IY20" s="244"/>
      <c r="IZ20" s="71">
        <v>35</v>
      </c>
      <c r="JA20" s="71">
        <v>40</v>
      </c>
      <c r="JB20" s="71">
        <v>20</v>
      </c>
      <c r="JC20" s="71">
        <v>18</v>
      </c>
      <c r="JD20" s="71">
        <v>12</v>
      </c>
      <c r="JE20" s="72">
        <v>125</v>
      </c>
      <c r="JF20" s="73">
        <v>166</v>
      </c>
      <c r="JG20" s="70">
        <v>16</v>
      </c>
      <c r="JH20" s="71">
        <v>19</v>
      </c>
      <c r="JI20" s="72">
        <v>35</v>
      </c>
      <c r="JJ20" s="244"/>
      <c r="JK20" s="71">
        <v>29</v>
      </c>
      <c r="JL20" s="71">
        <v>26</v>
      </c>
      <c r="JM20" s="71">
        <v>21</v>
      </c>
      <c r="JN20" s="71">
        <v>19</v>
      </c>
      <c r="JO20" s="71">
        <v>15</v>
      </c>
      <c r="JP20" s="72">
        <v>110</v>
      </c>
      <c r="JQ20" s="73">
        <v>145</v>
      </c>
      <c r="JR20" s="70">
        <v>0</v>
      </c>
      <c r="JS20" s="71">
        <v>0</v>
      </c>
      <c r="JT20" s="72">
        <v>0</v>
      </c>
      <c r="JU20" s="244"/>
      <c r="JV20" s="71">
        <v>0</v>
      </c>
      <c r="JW20" s="71">
        <v>0</v>
      </c>
      <c r="JX20" s="71">
        <v>0</v>
      </c>
      <c r="JY20" s="71">
        <v>0</v>
      </c>
      <c r="JZ20" s="71">
        <v>0</v>
      </c>
      <c r="KA20" s="72">
        <v>0</v>
      </c>
      <c r="KB20" s="73">
        <v>0</v>
      </c>
      <c r="KC20" s="70">
        <v>67</v>
      </c>
      <c r="KD20" s="71">
        <v>71</v>
      </c>
      <c r="KE20" s="72">
        <v>138</v>
      </c>
      <c r="KF20" s="244"/>
      <c r="KG20" s="71">
        <v>112</v>
      </c>
      <c r="KH20" s="71">
        <v>114</v>
      </c>
      <c r="KI20" s="71">
        <v>76</v>
      </c>
      <c r="KJ20" s="71">
        <v>58</v>
      </c>
      <c r="KK20" s="71">
        <v>40</v>
      </c>
      <c r="KL20" s="72">
        <v>400</v>
      </c>
      <c r="KM20" s="73">
        <v>538</v>
      </c>
    </row>
    <row r="21" spans="2:299" ht="21" customHeight="1" x14ac:dyDescent="0.2">
      <c r="B21" s="126" t="s">
        <v>18</v>
      </c>
      <c r="C21" s="315">
        <v>88</v>
      </c>
      <c r="D21" s="82">
        <v>79</v>
      </c>
      <c r="E21" s="83">
        <v>167</v>
      </c>
      <c r="F21" s="241"/>
      <c r="G21" s="82">
        <v>155</v>
      </c>
      <c r="H21" s="82">
        <v>110</v>
      </c>
      <c r="I21" s="82">
        <v>92</v>
      </c>
      <c r="J21" s="82">
        <v>61</v>
      </c>
      <c r="K21" s="82">
        <v>41</v>
      </c>
      <c r="L21" s="84">
        <v>459</v>
      </c>
      <c r="M21" s="85">
        <v>626</v>
      </c>
      <c r="N21" s="70">
        <v>0</v>
      </c>
      <c r="O21" s="71">
        <v>2</v>
      </c>
      <c r="P21" s="72">
        <v>2</v>
      </c>
      <c r="Q21" s="244"/>
      <c r="R21" s="71">
        <v>3</v>
      </c>
      <c r="S21" s="71">
        <v>2</v>
      </c>
      <c r="T21" s="71">
        <v>1</v>
      </c>
      <c r="U21" s="71">
        <v>1</v>
      </c>
      <c r="V21" s="71">
        <v>3</v>
      </c>
      <c r="W21" s="72">
        <v>10</v>
      </c>
      <c r="X21" s="73">
        <v>12</v>
      </c>
      <c r="Y21" s="70">
        <v>5</v>
      </c>
      <c r="Z21" s="71">
        <v>2</v>
      </c>
      <c r="AA21" s="72">
        <v>7</v>
      </c>
      <c r="AB21" s="244"/>
      <c r="AC21" s="71">
        <v>11</v>
      </c>
      <c r="AD21" s="71">
        <v>3</v>
      </c>
      <c r="AE21" s="71">
        <v>2</v>
      </c>
      <c r="AF21" s="71">
        <v>4</v>
      </c>
      <c r="AG21" s="71">
        <v>3</v>
      </c>
      <c r="AH21" s="72">
        <v>23</v>
      </c>
      <c r="AI21" s="73">
        <v>30</v>
      </c>
      <c r="AJ21" s="70">
        <v>5</v>
      </c>
      <c r="AK21" s="71">
        <v>9</v>
      </c>
      <c r="AL21" s="72">
        <v>14</v>
      </c>
      <c r="AM21" s="244"/>
      <c r="AN21" s="71">
        <v>11</v>
      </c>
      <c r="AO21" s="71">
        <v>6</v>
      </c>
      <c r="AP21" s="71">
        <v>8</v>
      </c>
      <c r="AQ21" s="71">
        <v>5</v>
      </c>
      <c r="AR21" s="71">
        <v>6</v>
      </c>
      <c r="AS21" s="72">
        <v>36</v>
      </c>
      <c r="AT21" s="73">
        <v>50</v>
      </c>
      <c r="AU21" s="70">
        <v>26</v>
      </c>
      <c r="AV21" s="71">
        <v>13</v>
      </c>
      <c r="AW21" s="72">
        <v>39</v>
      </c>
      <c r="AX21" s="244"/>
      <c r="AY21" s="71">
        <v>26</v>
      </c>
      <c r="AZ21" s="71">
        <v>20</v>
      </c>
      <c r="BA21" s="71">
        <v>15</v>
      </c>
      <c r="BB21" s="71">
        <v>9</v>
      </c>
      <c r="BC21" s="71">
        <v>11</v>
      </c>
      <c r="BD21" s="72">
        <v>81</v>
      </c>
      <c r="BE21" s="73">
        <v>120</v>
      </c>
      <c r="BF21" s="70">
        <v>28</v>
      </c>
      <c r="BG21" s="71">
        <v>30</v>
      </c>
      <c r="BH21" s="72">
        <v>58</v>
      </c>
      <c r="BI21" s="244"/>
      <c r="BJ21" s="71">
        <v>50</v>
      </c>
      <c r="BK21" s="71">
        <v>36</v>
      </c>
      <c r="BL21" s="71">
        <v>36</v>
      </c>
      <c r="BM21" s="71">
        <v>22</v>
      </c>
      <c r="BN21" s="71">
        <v>11</v>
      </c>
      <c r="BO21" s="72">
        <v>155</v>
      </c>
      <c r="BP21" s="73">
        <v>213</v>
      </c>
      <c r="BQ21" s="70">
        <v>24</v>
      </c>
      <c r="BR21" s="71">
        <v>23</v>
      </c>
      <c r="BS21" s="72">
        <v>47</v>
      </c>
      <c r="BT21" s="244"/>
      <c r="BU21" s="71">
        <v>54</v>
      </c>
      <c r="BV21" s="71">
        <v>43</v>
      </c>
      <c r="BW21" s="71">
        <v>30</v>
      </c>
      <c r="BX21" s="71">
        <v>20</v>
      </c>
      <c r="BY21" s="71">
        <v>7</v>
      </c>
      <c r="BZ21" s="72">
        <v>154</v>
      </c>
      <c r="CA21" s="73">
        <v>201</v>
      </c>
      <c r="CB21" s="70">
        <v>0</v>
      </c>
      <c r="CC21" s="71">
        <v>0</v>
      </c>
      <c r="CD21" s="72">
        <v>0</v>
      </c>
      <c r="CE21" s="244"/>
      <c r="CF21" s="71">
        <v>0</v>
      </c>
      <c r="CG21" s="71">
        <v>0</v>
      </c>
      <c r="CH21" s="71">
        <v>0</v>
      </c>
      <c r="CI21" s="71">
        <v>0</v>
      </c>
      <c r="CJ21" s="71">
        <v>0</v>
      </c>
      <c r="CK21" s="72">
        <v>0</v>
      </c>
      <c r="CL21" s="73">
        <v>0</v>
      </c>
      <c r="CM21" s="70">
        <v>88</v>
      </c>
      <c r="CN21" s="71">
        <v>79</v>
      </c>
      <c r="CO21" s="72">
        <v>167</v>
      </c>
      <c r="CP21" s="244"/>
      <c r="CQ21" s="71">
        <v>155</v>
      </c>
      <c r="CR21" s="71">
        <v>110</v>
      </c>
      <c r="CS21" s="71">
        <v>92</v>
      </c>
      <c r="CT21" s="71">
        <v>61</v>
      </c>
      <c r="CU21" s="71">
        <v>41</v>
      </c>
      <c r="CV21" s="72">
        <v>459</v>
      </c>
      <c r="CW21" s="73">
        <v>626</v>
      </c>
      <c r="CX21" s="123">
        <v>12</v>
      </c>
      <c r="CY21" s="82">
        <v>9</v>
      </c>
      <c r="CZ21" s="83">
        <v>21</v>
      </c>
      <c r="DA21" s="241"/>
      <c r="DB21" s="82">
        <v>19</v>
      </c>
      <c r="DC21" s="82">
        <v>15</v>
      </c>
      <c r="DD21" s="82">
        <v>7</v>
      </c>
      <c r="DE21" s="82">
        <v>9</v>
      </c>
      <c r="DF21" s="82">
        <v>4</v>
      </c>
      <c r="DG21" s="84">
        <v>54</v>
      </c>
      <c r="DH21" s="85">
        <v>75</v>
      </c>
      <c r="DI21" s="70">
        <v>0</v>
      </c>
      <c r="DJ21" s="71">
        <v>1</v>
      </c>
      <c r="DK21" s="72">
        <v>1</v>
      </c>
      <c r="DL21" s="244"/>
      <c r="DM21" s="71">
        <v>1</v>
      </c>
      <c r="DN21" s="71">
        <v>0</v>
      </c>
      <c r="DO21" s="71">
        <v>0</v>
      </c>
      <c r="DP21" s="71">
        <v>0</v>
      </c>
      <c r="DQ21" s="71">
        <v>0</v>
      </c>
      <c r="DR21" s="72">
        <v>1</v>
      </c>
      <c r="DS21" s="73">
        <v>2</v>
      </c>
      <c r="DT21" s="70">
        <v>1</v>
      </c>
      <c r="DU21" s="71">
        <v>1</v>
      </c>
      <c r="DV21" s="72">
        <v>2</v>
      </c>
      <c r="DW21" s="244"/>
      <c r="DX21" s="71">
        <v>2</v>
      </c>
      <c r="DY21" s="71">
        <v>0</v>
      </c>
      <c r="DZ21" s="71">
        <v>1</v>
      </c>
      <c r="EA21" s="71">
        <v>0</v>
      </c>
      <c r="EB21" s="71">
        <v>0</v>
      </c>
      <c r="EC21" s="72">
        <v>3</v>
      </c>
      <c r="ED21" s="73">
        <v>5</v>
      </c>
      <c r="EE21" s="70">
        <v>1</v>
      </c>
      <c r="EF21" s="71">
        <v>2</v>
      </c>
      <c r="EG21" s="72">
        <v>3</v>
      </c>
      <c r="EH21" s="244"/>
      <c r="EI21" s="71">
        <v>2</v>
      </c>
      <c r="EJ21" s="71">
        <v>3</v>
      </c>
      <c r="EK21" s="71">
        <v>1</v>
      </c>
      <c r="EL21" s="71">
        <v>0</v>
      </c>
      <c r="EM21" s="71">
        <v>0</v>
      </c>
      <c r="EN21" s="72">
        <v>6</v>
      </c>
      <c r="EO21" s="73">
        <v>9</v>
      </c>
      <c r="EP21" s="70">
        <v>5</v>
      </c>
      <c r="EQ21" s="71">
        <v>5</v>
      </c>
      <c r="ER21" s="72">
        <v>10</v>
      </c>
      <c r="ES21" s="244"/>
      <c r="ET21" s="71">
        <v>3</v>
      </c>
      <c r="EU21" s="71">
        <v>3</v>
      </c>
      <c r="EV21" s="71">
        <v>0</v>
      </c>
      <c r="EW21" s="71">
        <v>1</v>
      </c>
      <c r="EX21" s="71">
        <v>0</v>
      </c>
      <c r="EY21" s="72">
        <v>7</v>
      </c>
      <c r="EZ21" s="73">
        <v>17</v>
      </c>
      <c r="FA21" s="70">
        <v>3</v>
      </c>
      <c r="FB21" s="71">
        <v>0</v>
      </c>
      <c r="FC21" s="72">
        <v>3</v>
      </c>
      <c r="FD21" s="244"/>
      <c r="FE21" s="71">
        <v>8</v>
      </c>
      <c r="FF21" s="71">
        <v>7</v>
      </c>
      <c r="FG21" s="71">
        <v>1</v>
      </c>
      <c r="FH21" s="71">
        <v>4</v>
      </c>
      <c r="FI21" s="71">
        <v>2</v>
      </c>
      <c r="FJ21" s="72">
        <v>22</v>
      </c>
      <c r="FK21" s="73">
        <v>25</v>
      </c>
      <c r="FL21" s="70">
        <v>2</v>
      </c>
      <c r="FM21" s="71">
        <v>0</v>
      </c>
      <c r="FN21" s="72">
        <v>2</v>
      </c>
      <c r="FO21" s="244"/>
      <c r="FP21" s="71">
        <v>3</v>
      </c>
      <c r="FQ21" s="71">
        <v>2</v>
      </c>
      <c r="FR21" s="71">
        <v>4</v>
      </c>
      <c r="FS21" s="71">
        <v>4</v>
      </c>
      <c r="FT21" s="71">
        <v>2</v>
      </c>
      <c r="FU21" s="72">
        <v>15</v>
      </c>
      <c r="FV21" s="73">
        <v>17</v>
      </c>
      <c r="FW21" s="70">
        <v>0</v>
      </c>
      <c r="FX21" s="71">
        <v>0</v>
      </c>
      <c r="FY21" s="72">
        <v>0</v>
      </c>
      <c r="FZ21" s="244"/>
      <c r="GA21" s="71">
        <v>0</v>
      </c>
      <c r="GB21" s="71">
        <v>0</v>
      </c>
      <c r="GC21" s="71">
        <v>0</v>
      </c>
      <c r="GD21" s="71">
        <v>0</v>
      </c>
      <c r="GE21" s="71">
        <v>0</v>
      </c>
      <c r="GF21" s="72">
        <v>0</v>
      </c>
      <c r="GG21" s="73">
        <v>0</v>
      </c>
      <c r="GH21" s="70">
        <v>12</v>
      </c>
      <c r="GI21" s="71">
        <v>9</v>
      </c>
      <c r="GJ21" s="72">
        <v>21</v>
      </c>
      <c r="GK21" s="244"/>
      <c r="GL21" s="71">
        <v>19</v>
      </c>
      <c r="GM21" s="71">
        <v>15</v>
      </c>
      <c r="GN21" s="71">
        <v>7</v>
      </c>
      <c r="GO21" s="71">
        <v>9</v>
      </c>
      <c r="GP21" s="71">
        <v>4</v>
      </c>
      <c r="GQ21" s="72">
        <v>54</v>
      </c>
      <c r="GR21" s="73">
        <v>75</v>
      </c>
      <c r="GS21" s="123">
        <v>100</v>
      </c>
      <c r="GT21" s="82">
        <v>88</v>
      </c>
      <c r="GU21" s="83">
        <v>188</v>
      </c>
      <c r="GV21" s="241"/>
      <c r="GW21" s="82">
        <v>174</v>
      </c>
      <c r="GX21" s="82">
        <v>125</v>
      </c>
      <c r="GY21" s="82">
        <v>99</v>
      </c>
      <c r="GZ21" s="82">
        <v>70</v>
      </c>
      <c r="HA21" s="82">
        <v>45</v>
      </c>
      <c r="HB21" s="84">
        <v>513</v>
      </c>
      <c r="HC21" s="85">
        <v>701</v>
      </c>
      <c r="HD21" s="70">
        <v>0</v>
      </c>
      <c r="HE21" s="71">
        <v>3</v>
      </c>
      <c r="HF21" s="72">
        <v>3</v>
      </c>
      <c r="HG21" s="244"/>
      <c r="HH21" s="71">
        <v>4</v>
      </c>
      <c r="HI21" s="71">
        <v>2</v>
      </c>
      <c r="HJ21" s="71">
        <v>1</v>
      </c>
      <c r="HK21" s="71">
        <v>1</v>
      </c>
      <c r="HL21" s="71">
        <v>3</v>
      </c>
      <c r="HM21" s="72">
        <v>11</v>
      </c>
      <c r="HN21" s="73">
        <v>14</v>
      </c>
      <c r="HO21" s="70">
        <v>6</v>
      </c>
      <c r="HP21" s="71">
        <v>3</v>
      </c>
      <c r="HQ21" s="72">
        <v>9</v>
      </c>
      <c r="HR21" s="244"/>
      <c r="HS21" s="71">
        <v>13</v>
      </c>
      <c r="HT21" s="71">
        <v>3</v>
      </c>
      <c r="HU21" s="71">
        <v>3</v>
      </c>
      <c r="HV21" s="71">
        <v>4</v>
      </c>
      <c r="HW21" s="71">
        <v>3</v>
      </c>
      <c r="HX21" s="72">
        <v>26</v>
      </c>
      <c r="HY21" s="73">
        <v>35</v>
      </c>
      <c r="HZ21" s="70">
        <v>6</v>
      </c>
      <c r="IA21" s="71">
        <v>11</v>
      </c>
      <c r="IB21" s="72">
        <v>17</v>
      </c>
      <c r="IC21" s="244"/>
      <c r="ID21" s="71">
        <v>13</v>
      </c>
      <c r="IE21" s="71">
        <v>9</v>
      </c>
      <c r="IF21" s="71">
        <v>9</v>
      </c>
      <c r="IG21" s="71">
        <v>5</v>
      </c>
      <c r="IH21" s="71">
        <v>6</v>
      </c>
      <c r="II21" s="72">
        <v>42</v>
      </c>
      <c r="IJ21" s="73">
        <v>59</v>
      </c>
      <c r="IK21" s="70">
        <v>31</v>
      </c>
      <c r="IL21" s="71">
        <v>18</v>
      </c>
      <c r="IM21" s="72">
        <v>49</v>
      </c>
      <c r="IN21" s="244"/>
      <c r="IO21" s="71">
        <v>29</v>
      </c>
      <c r="IP21" s="71">
        <v>23</v>
      </c>
      <c r="IQ21" s="71">
        <v>15</v>
      </c>
      <c r="IR21" s="71">
        <v>10</v>
      </c>
      <c r="IS21" s="71">
        <v>11</v>
      </c>
      <c r="IT21" s="72">
        <v>88</v>
      </c>
      <c r="IU21" s="73">
        <v>137</v>
      </c>
      <c r="IV21" s="70">
        <v>31</v>
      </c>
      <c r="IW21" s="71">
        <v>30</v>
      </c>
      <c r="IX21" s="72">
        <v>61</v>
      </c>
      <c r="IY21" s="244"/>
      <c r="IZ21" s="71">
        <v>58</v>
      </c>
      <c r="JA21" s="71">
        <v>43</v>
      </c>
      <c r="JB21" s="71">
        <v>37</v>
      </c>
      <c r="JC21" s="71">
        <v>26</v>
      </c>
      <c r="JD21" s="71">
        <v>13</v>
      </c>
      <c r="JE21" s="72">
        <v>177</v>
      </c>
      <c r="JF21" s="73">
        <v>238</v>
      </c>
      <c r="JG21" s="70">
        <v>26</v>
      </c>
      <c r="JH21" s="71">
        <v>23</v>
      </c>
      <c r="JI21" s="72">
        <v>49</v>
      </c>
      <c r="JJ21" s="244"/>
      <c r="JK21" s="71">
        <v>57</v>
      </c>
      <c r="JL21" s="71">
        <v>45</v>
      </c>
      <c r="JM21" s="71">
        <v>34</v>
      </c>
      <c r="JN21" s="71">
        <v>24</v>
      </c>
      <c r="JO21" s="71">
        <v>9</v>
      </c>
      <c r="JP21" s="72">
        <v>169</v>
      </c>
      <c r="JQ21" s="73">
        <v>218</v>
      </c>
      <c r="JR21" s="70">
        <v>0</v>
      </c>
      <c r="JS21" s="71">
        <v>0</v>
      </c>
      <c r="JT21" s="72">
        <v>0</v>
      </c>
      <c r="JU21" s="244"/>
      <c r="JV21" s="71">
        <v>0</v>
      </c>
      <c r="JW21" s="71">
        <v>0</v>
      </c>
      <c r="JX21" s="71">
        <v>0</v>
      </c>
      <c r="JY21" s="71">
        <v>0</v>
      </c>
      <c r="JZ21" s="71">
        <v>0</v>
      </c>
      <c r="KA21" s="72">
        <v>0</v>
      </c>
      <c r="KB21" s="73">
        <v>0</v>
      </c>
      <c r="KC21" s="70">
        <v>100</v>
      </c>
      <c r="KD21" s="71">
        <v>88</v>
      </c>
      <c r="KE21" s="72">
        <v>188</v>
      </c>
      <c r="KF21" s="244"/>
      <c r="KG21" s="71">
        <v>174</v>
      </c>
      <c r="KH21" s="71">
        <v>125</v>
      </c>
      <c r="KI21" s="71">
        <v>99</v>
      </c>
      <c r="KJ21" s="71">
        <v>70</v>
      </c>
      <c r="KK21" s="71">
        <v>45</v>
      </c>
      <c r="KL21" s="72">
        <v>513</v>
      </c>
      <c r="KM21" s="73">
        <v>701</v>
      </c>
    </row>
    <row r="22" spans="2:299" ht="21" customHeight="1" x14ac:dyDescent="0.2">
      <c r="B22" s="126" t="s">
        <v>19</v>
      </c>
      <c r="C22" s="315">
        <v>39</v>
      </c>
      <c r="D22" s="82">
        <v>33</v>
      </c>
      <c r="E22" s="83">
        <v>72</v>
      </c>
      <c r="F22" s="241"/>
      <c r="G22" s="82">
        <v>69</v>
      </c>
      <c r="H22" s="82">
        <v>51</v>
      </c>
      <c r="I22" s="82">
        <v>29</v>
      </c>
      <c r="J22" s="82">
        <v>22</v>
      </c>
      <c r="K22" s="82">
        <v>12</v>
      </c>
      <c r="L22" s="84">
        <v>183</v>
      </c>
      <c r="M22" s="85">
        <v>255</v>
      </c>
      <c r="N22" s="86">
        <v>1</v>
      </c>
      <c r="O22" s="71">
        <v>0</v>
      </c>
      <c r="P22" s="72">
        <v>1</v>
      </c>
      <c r="Q22" s="244"/>
      <c r="R22" s="71">
        <v>1</v>
      </c>
      <c r="S22" s="71">
        <v>1</v>
      </c>
      <c r="T22" s="71">
        <v>1</v>
      </c>
      <c r="U22" s="71">
        <v>0</v>
      </c>
      <c r="V22" s="71">
        <v>0</v>
      </c>
      <c r="W22" s="72">
        <v>3</v>
      </c>
      <c r="X22" s="73">
        <v>4</v>
      </c>
      <c r="Y22" s="70">
        <v>1</v>
      </c>
      <c r="Z22" s="71">
        <v>1</v>
      </c>
      <c r="AA22" s="72">
        <v>2</v>
      </c>
      <c r="AB22" s="244"/>
      <c r="AC22" s="71">
        <v>1</v>
      </c>
      <c r="AD22" s="71">
        <v>4</v>
      </c>
      <c r="AE22" s="71">
        <v>0</v>
      </c>
      <c r="AF22" s="71">
        <v>0</v>
      </c>
      <c r="AG22" s="71">
        <v>0</v>
      </c>
      <c r="AH22" s="72">
        <v>5</v>
      </c>
      <c r="AI22" s="73">
        <v>7</v>
      </c>
      <c r="AJ22" s="86">
        <v>2</v>
      </c>
      <c r="AK22" s="71">
        <v>3</v>
      </c>
      <c r="AL22" s="72">
        <v>5</v>
      </c>
      <c r="AM22" s="244"/>
      <c r="AN22" s="71">
        <v>5</v>
      </c>
      <c r="AO22" s="71">
        <v>4</v>
      </c>
      <c r="AP22" s="71">
        <v>2</v>
      </c>
      <c r="AQ22" s="71">
        <v>1</v>
      </c>
      <c r="AR22" s="71">
        <v>2</v>
      </c>
      <c r="AS22" s="72">
        <v>14</v>
      </c>
      <c r="AT22" s="73">
        <v>19</v>
      </c>
      <c r="AU22" s="70">
        <v>10</v>
      </c>
      <c r="AV22" s="71">
        <v>7</v>
      </c>
      <c r="AW22" s="72">
        <v>17</v>
      </c>
      <c r="AX22" s="244"/>
      <c r="AY22" s="71">
        <v>13</v>
      </c>
      <c r="AZ22" s="71">
        <v>10</v>
      </c>
      <c r="BA22" s="71">
        <v>3</v>
      </c>
      <c r="BB22" s="71">
        <v>5</v>
      </c>
      <c r="BC22" s="71">
        <v>1</v>
      </c>
      <c r="BD22" s="72">
        <v>32</v>
      </c>
      <c r="BE22" s="73">
        <v>49</v>
      </c>
      <c r="BF22" s="86">
        <v>14</v>
      </c>
      <c r="BG22" s="71">
        <v>11</v>
      </c>
      <c r="BH22" s="72">
        <v>25</v>
      </c>
      <c r="BI22" s="244"/>
      <c r="BJ22" s="71">
        <v>29</v>
      </c>
      <c r="BK22" s="71">
        <v>17</v>
      </c>
      <c r="BL22" s="71">
        <v>9</v>
      </c>
      <c r="BM22" s="71">
        <v>8</v>
      </c>
      <c r="BN22" s="71">
        <v>4</v>
      </c>
      <c r="BO22" s="72">
        <v>67</v>
      </c>
      <c r="BP22" s="73">
        <v>92</v>
      </c>
      <c r="BQ22" s="70">
        <v>11</v>
      </c>
      <c r="BR22" s="71">
        <v>11</v>
      </c>
      <c r="BS22" s="72">
        <v>22</v>
      </c>
      <c r="BT22" s="244"/>
      <c r="BU22" s="71">
        <v>20</v>
      </c>
      <c r="BV22" s="71">
        <v>15</v>
      </c>
      <c r="BW22" s="71">
        <v>14</v>
      </c>
      <c r="BX22" s="71">
        <v>8</v>
      </c>
      <c r="BY22" s="71">
        <v>5</v>
      </c>
      <c r="BZ22" s="72">
        <v>62</v>
      </c>
      <c r="CA22" s="73">
        <v>84</v>
      </c>
      <c r="CB22" s="70">
        <v>0</v>
      </c>
      <c r="CC22" s="71">
        <v>0</v>
      </c>
      <c r="CD22" s="72">
        <v>0</v>
      </c>
      <c r="CE22" s="244"/>
      <c r="CF22" s="71">
        <v>0</v>
      </c>
      <c r="CG22" s="71">
        <v>0</v>
      </c>
      <c r="CH22" s="71">
        <v>0</v>
      </c>
      <c r="CI22" s="71">
        <v>0</v>
      </c>
      <c r="CJ22" s="71">
        <v>0</v>
      </c>
      <c r="CK22" s="72">
        <v>0</v>
      </c>
      <c r="CL22" s="73">
        <v>0</v>
      </c>
      <c r="CM22" s="70">
        <v>39</v>
      </c>
      <c r="CN22" s="71">
        <v>33</v>
      </c>
      <c r="CO22" s="72">
        <v>72</v>
      </c>
      <c r="CP22" s="244"/>
      <c r="CQ22" s="71">
        <v>69</v>
      </c>
      <c r="CR22" s="71">
        <v>51</v>
      </c>
      <c r="CS22" s="71">
        <v>29</v>
      </c>
      <c r="CT22" s="71">
        <v>22</v>
      </c>
      <c r="CU22" s="71">
        <v>12</v>
      </c>
      <c r="CV22" s="72">
        <v>183</v>
      </c>
      <c r="CW22" s="73">
        <v>255</v>
      </c>
      <c r="CX22" s="123">
        <v>2</v>
      </c>
      <c r="CY22" s="82">
        <v>7</v>
      </c>
      <c r="CZ22" s="83">
        <v>9</v>
      </c>
      <c r="DA22" s="241"/>
      <c r="DB22" s="82">
        <v>9</v>
      </c>
      <c r="DC22" s="82">
        <v>6</v>
      </c>
      <c r="DD22" s="82">
        <v>8</v>
      </c>
      <c r="DE22" s="82">
        <v>4</v>
      </c>
      <c r="DF22" s="82">
        <v>3</v>
      </c>
      <c r="DG22" s="84">
        <v>30</v>
      </c>
      <c r="DH22" s="85">
        <v>39</v>
      </c>
      <c r="DI22" s="86">
        <v>0</v>
      </c>
      <c r="DJ22" s="71">
        <v>0</v>
      </c>
      <c r="DK22" s="72">
        <v>0</v>
      </c>
      <c r="DL22" s="244"/>
      <c r="DM22" s="71">
        <v>0</v>
      </c>
      <c r="DN22" s="71">
        <v>0</v>
      </c>
      <c r="DO22" s="71">
        <v>1</v>
      </c>
      <c r="DP22" s="71">
        <v>0</v>
      </c>
      <c r="DQ22" s="71">
        <v>0</v>
      </c>
      <c r="DR22" s="72">
        <v>1</v>
      </c>
      <c r="DS22" s="73">
        <v>1</v>
      </c>
      <c r="DT22" s="70">
        <v>0</v>
      </c>
      <c r="DU22" s="71">
        <v>0</v>
      </c>
      <c r="DV22" s="72">
        <v>0</v>
      </c>
      <c r="DW22" s="244"/>
      <c r="DX22" s="71">
        <v>0</v>
      </c>
      <c r="DY22" s="71">
        <v>0</v>
      </c>
      <c r="DZ22" s="71">
        <v>0</v>
      </c>
      <c r="EA22" s="71">
        <v>0</v>
      </c>
      <c r="EB22" s="71">
        <v>0</v>
      </c>
      <c r="EC22" s="72">
        <v>0</v>
      </c>
      <c r="ED22" s="73">
        <v>0</v>
      </c>
      <c r="EE22" s="86">
        <v>1</v>
      </c>
      <c r="EF22" s="71">
        <v>1</v>
      </c>
      <c r="EG22" s="72">
        <v>2</v>
      </c>
      <c r="EH22" s="244"/>
      <c r="EI22" s="71">
        <v>1</v>
      </c>
      <c r="EJ22" s="71">
        <v>0</v>
      </c>
      <c r="EK22" s="71">
        <v>0</v>
      </c>
      <c r="EL22" s="71">
        <v>0</v>
      </c>
      <c r="EM22" s="71">
        <v>0</v>
      </c>
      <c r="EN22" s="72">
        <v>1</v>
      </c>
      <c r="EO22" s="73">
        <v>3</v>
      </c>
      <c r="EP22" s="70">
        <v>1</v>
      </c>
      <c r="EQ22" s="71">
        <v>4</v>
      </c>
      <c r="ER22" s="72">
        <v>5</v>
      </c>
      <c r="ES22" s="244"/>
      <c r="ET22" s="71">
        <v>2</v>
      </c>
      <c r="EU22" s="71">
        <v>0</v>
      </c>
      <c r="EV22" s="71">
        <v>2</v>
      </c>
      <c r="EW22" s="71">
        <v>0</v>
      </c>
      <c r="EX22" s="71">
        <v>0</v>
      </c>
      <c r="EY22" s="72">
        <v>4</v>
      </c>
      <c r="EZ22" s="73">
        <v>9</v>
      </c>
      <c r="FA22" s="86">
        <v>0</v>
      </c>
      <c r="FB22" s="71">
        <v>0</v>
      </c>
      <c r="FC22" s="72">
        <v>0</v>
      </c>
      <c r="FD22" s="244"/>
      <c r="FE22" s="71">
        <v>3</v>
      </c>
      <c r="FF22" s="71">
        <v>4</v>
      </c>
      <c r="FG22" s="71">
        <v>2</v>
      </c>
      <c r="FH22" s="71">
        <v>1</v>
      </c>
      <c r="FI22" s="71">
        <v>0</v>
      </c>
      <c r="FJ22" s="72">
        <v>10</v>
      </c>
      <c r="FK22" s="73">
        <v>10</v>
      </c>
      <c r="FL22" s="70">
        <v>0</v>
      </c>
      <c r="FM22" s="71">
        <v>2</v>
      </c>
      <c r="FN22" s="72">
        <v>2</v>
      </c>
      <c r="FO22" s="244"/>
      <c r="FP22" s="71">
        <v>3</v>
      </c>
      <c r="FQ22" s="71">
        <v>2</v>
      </c>
      <c r="FR22" s="71">
        <v>3</v>
      </c>
      <c r="FS22" s="71">
        <v>3</v>
      </c>
      <c r="FT22" s="71">
        <v>3</v>
      </c>
      <c r="FU22" s="72">
        <v>14</v>
      </c>
      <c r="FV22" s="73">
        <v>16</v>
      </c>
      <c r="FW22" s="70">
        <v>0</v>
      </c>
      <c r="FX22" s="71">
        <v>0</v>
      </c>
      <c r="FY22" s="72">
        <v>0</v>
      </c>
      <c r="FZ22" s="244"/>
      <c r="GA22" s="71">
        <v>0</v>
      </c>
      <c r="GB22" s="71">
        <v>0</v>
      </c>
      <c r="GC22" s="71">
        <v>0</v>
      </c>
      <c r="GD22" s="71">
        <v>0</v>
      </c>
      <c r="GE22" s="71">
        <v>0</v>
      </c>
      <c r="GF22" s="72">
        <v>0</v>
      </c>
      <c r="GG22" s="73">
        <v>0</v>
      </c>
      <c r="GH22" s="70">
        <v>2</v>
      </c>
      <c r="GI22" s="71">
        <v>7</v>
      </c>
      <c r="GJ22" s="72">
        <v>9</v>
      </c>
      <c r="GK22" s="244"/>
      <c r="GL22" s="71">
        <v>9</v>
      </c>
      <c r="GM22" s="71">
        <v>6</v>
      </c>
      <c r="GN22" s="71">
        <v>8</v>
      </c>
      <c r="GO22" s="71">
        <v>4</v>
      </c>
      <c r="GP22" s="71">
        <v>3</v>
      </c>
      <c r="GQ22" s="72">
        <v>30</v>
      </c>
      <c r="GR22" s="73">
        <v>39</v>
      </c>
      <c r="GS22" s="123">
        <v>41</v>
      </c>
      <c r="GT22" s="82">
        <v>40</v>
      </c>
      <c r="GU22" s="83">
        <v>81</v>
      </c>
      <c r="GV22" s="241"/>
      <c r="GW22" s="82">
        <v>78</v>
      </c>
      <c r="GX22" s="82">
        <v>57</v>
      </c>
      <c r="GY22" s="82">
        <v>37</v>
      </c>
      <c r="GZ22" s="82">
        <v>26</v>
      </c>
      <c r="HA22" s="82">
        <v>15</v>
      </c>
      <c r="HB22" s="84">
        <v>213</v>
      </c>
      <c r="HC22" s="85">
        <v>294</v>
      </c>
      <c r="HD22" s="86">
        <v>1</v>
      </c>
      <c r="HE22" s="71">
        <v>0</v>
      </c>
      <c r="HF22" s="72">
        <v>1</v>
      </c>
      <c r="HG22" s="244"/>
      <c r="HH22" s="71">
        <v>1</v>
      </c>
      <c r="HI22" s="71">
        <v>1</v>
      </c>
      <c r="HJ22" s="71">
        <v>2</v>
      </c>
      <c r="HK22" s="71">
        <v>0</v>
      </c>
      <c r="HL22" s="71">
        <v>0</v>
      </c>
      <c r="HM22" s="72">
        <v>4</v>
      </c>
      <c r="HN22" s="73">
        <v>5</v>
      </c>
      <c r="HO22" s="70">
        <v>1</v>
      </c>
      <c r="HP22" s="71">
        <v>1</v>
      </c>
      <c r="HQ22" s="72">
        <v>2</v>
      </c>
      <c r="HR22" s="244"/>
      <c r="HS22" s="71">
        <v>1</v>
      </c>
      <c r="HT22" s="71">
        <v>4</v>
      </c>
      <c r="HU22" s="71">
        <v>0</v>
      </c>
      <c r="HV22" s="71">
        <v>0</v>
      </c>
      <c r="HW22" s="71">
        <v>0</v>
      </c>
      <c r="HX22" s="72">
        <v>5</v>
      </c>
      <c r="HY22" s="73">
        <v>7</v>
      </c>
      <c r="HZ22" s="86">
        <v>3</v>
      </c>
      <c r="IA22" s="71">
        <v>4</v>
      </c>
      <c r="IB22" s="72">
        <v>7</v>
      </c>
      <c r="IC22" s="244"/>
      <c r="ID22" s="71">
        <v>6</v>
      </c>
      <c r="IE22" s="71">
        <v>4</v>
      </c>
      <c r="IF22" s="71">
        <v>2</v>
      </c>
      <c r="IG22" s="71">
        <v>1</v>
      </c>
      <c r="IH22" s="71">
        <v>2</v>
      </c>
      <c r="II22" s="72">
        <v>15</v>
      </c>
      <c r="IJ22" s="73">
        <v>22</v>
      </c>
      <c r="IK22" s="70">
        <v>11</v>
      </c>
      <c r="IL22" s="71">
        <v>11</v>
      </c>
      <c r="IM22" s="72">
        <v>22</v>
      </c>
      <c r="IN22" s="244"/>
      <c r="IO22" s="71">
        <v>15</v>
      </c>
      <c r="IP22" s="71">
        <v>10</v>
      </c>
      <c r="IQ22" s="71">
        <v>5</v>
      </c>
      <c r="IR22" s="71">
        <v>5</v>
      </c>
      <c r="IS22" s="71">
        <v>1</v>
      </c>
      <c r="IT22" s="72">
        <v>36</v>
      </c>
      <c r="IU22" s="73">
        <v>58</v>
      </c>
      <c r="IV22" s="86">
        <v>14</v>
      </c>
      <c r="IW22" s="71">
        <v>11</v>
      </c>
      <c r="IX22" s="72">
        <v>25</v>
      </c>
      <c r="IY22" s="244"/>
      <c r="IZ22" s="71">
        <v>32</v>
      </c>
      <c r="JA22" s="71">
        <v>21</v>
      </c>
      <c r="JB22" s="71">
        <v>11</v>
      </c>
      <c r="JC22" s="71">
        <v>9</v>
      </c>
      <c r="JD22" s="71">
        <v>4</v>
      </c>
      <c r="JE22" s="72">
        <v>77</v>
      </c>
      <c r="JF22" s="73">
        <v>102</v>
      </c>
      <c r="JG22" s="70">
        <v>11</v>
      </c>
      <c r="JH22" s="71">
        <v>13</v>
      </c>
      <c r="JI22" s="72">
        <v>24</v>
      </c>
      <c r="JJ22" s="244"/>
      <c r="JK22" s="71">
        <v>23</v>
      </c>
      <c r="JL22" s="71">
        <v>17</v>
      </c>
      <c r="JM22" s="71">
        <v>17</v>
      </c>
      <c r="JN22" s="71">
        <v>11</v>
      </c>
      <c r="JO22" s="71">
        <v>8</v>
      </c>
      <c r="JP22" s="72">
        <v>76</v>
      </c>
      <c r="JQ22" s="73">
        <v>100</v>
      </c>
      <c r="JR22" s="70">
        <v>0</v>
      </c>
      <c r="JS22" s="71">
        <v>0</v>
      </c>
      <c r="JT22" s="72">
        <v>0</v>
      </c>
      <c r="JU22" s="244"/>
      <c r="JV22" s="71">
        <v>0</v>
      </c>
      <c r="JW22" s="71">
        <v>0</v>
      </c>
      <c r="JX22" s="71">
        <v>0</v>
      </c>
      <c r="JY22" s="71">
        <v>0</v>
      </c>
      <c r="JZ22" s="71">
        <v>0</v>
      </c>
      <c r="KA22" s="72">
        <v>0</v>
      </c>
      <c r="KB22" s="73">
        <v>0</v>
      </c>
      <c r="KC22" s="70">
        <v>41</v>
      </c>
      <c r="KD22" s="71">
        <v>40</v>
      </c>
      <c r="KE22" s="72">
        <v>81</v>
      </c>
      <c r="KF22" s="244"/>
      <c r="KG22" s="71">
        <v>78</v>
      </c>
      <c r="KH22" s="71">
        <v>57</v>
      </c>
      <c r="KI22" s="71">
        <v>37</v>
      </c>
      <c r="KJ22" s="71">
        <v>26</v>
      </c>
      <c r="KK22" s="71">
        <v>15</v>
      </c>
      <c r="KL22" s="72">
        <v>213</v>
      </c>
      <c r="KM22" s="73">
        <v>294</v>
      </c>
    </row>
    <row r="23" spans="2:299" ht="21" customHeight="1" x14ac:dyDescent="0.2">
      <c r="B23" s="126" t="s">
        <v>20</v>
      </c>
      <c r="C23" s="315">
        <v>52</v>
      </c>
      <c r="D23" s="82">
        <v>71</v>
      </c>
      <c r="E23" s="83">
        <v>123</v>
      </c>
      <c r="F23" s="241"/>
      <c r="G23" s="82">
        <v>114</v>
      </c>
      <c r="H23" s="82">
        <v>66</v>
      </c>
      <c r="I23" s="82">
        <v>57</v>
      </c>
      <c r="J23" s="82">
        <v>39</v>
      </c>
      <c r="K23" s="82">
        <v>20</v>
      </c>
      <c r="L23" s="84">
        <v>296</v>
      </c>
      <c r="M23" s="85">
        <v>419</v>
      </c>
      <c r="N23" s="70">
        <v>1</v>
      </c>
      <c r="O23" s="71">
        <v>1</v>
      </c>
      <c r="P23" s="72">
        <v>2</v>
      </c>
      <c r="Q23" s="244"/>
      <c r="R23" s="71">
        <v>2</v>
      </c>
      <c r="S23" s="71">
        <v>2</v>
      </c>
      <c r="T23" s="71">
        <v>2</v>
      </c>
      <c r="U23" s="71">
        <v>0</v>
      </c>
      <c r="V23" s="71">
        <v>0</v>
      </c>
      <c r="W23" s="72">
        <v>6</v>
      </c>
      <c r="X23" s="73">
        <v>8</v>
      </c>
      <c r="Y23" s="70">
        <v>3</v>
      </c>
      <c r="Z23" s="71">
        <v>1</v>
      </c>
      <c r="AA23" s="72">
        <v>4</v>
      </c>
      <c r="AB23" s="244"/>
      <c r="AC23" s="71">
        <v>3</v>
      </c>
      <c r="AD23" s="71">
        <v>3</v>
      </c>
      <c r="AE23" s="71">
        <v>2</v>
      </c>
      <c r="AF23" s="71">
        <v>2</v>
      </c>
      <c r="AG23" s="71">
        <v>1</v>
      </c>
      <c r="AH23" s="72">
        <v>11</v>
      </c>
      <c r="AI23" s="73">
        <v>15</v>
      </c>
      <c r="AJ23" s="70">
        <v>5</v>
      </c>
      <c r="AK23" s="71">
        <v>7</v>
      </c>
      <c r="AL23" s="72">
        <v>12</v>
      </c>
      <c r="AM23" s="244"/>
      <c r="AN23" s="71">
        <v>10</v>
      </c>
      <c r="AO23" s="71">
        <v>3</v>
      </c>
      <c r="AP23" s="71">
        <v>8</v>
      </c>
      <c r="AQ23" s="71">
        <v>8</v>
      </c>
      <c r="AR23" s="71">
        <v>4</v>
      </c>
      <c r="AS23" s="72">
        <v>33</v>
      </c>
      <c r="AT23" s="73">
        <v>45</v>
      </c>
      <c r="AU23" s="70">
        <v>13</v>
      </c>
      <c r="AV23" s="71">
        <v>17</v>
      </c>
      <c r="AW23" s="72">
        <v>30</v>
      </c>
      <c r="AX23" s="244"/>
      <c r="AY23" s="71">
        <v>21</v>
      </c>
      <c r="AZ23" s="71">
        <v>14</v>
      </c>
      <c r="BA23" s="71">
        <v>14</v>
      </c>
      <c r="BB23" s="71">
        <v>8</v>
      </c>
      <c r="BC23" s="71">
        <v>5</v>
      </c>
      <c r="BD23" s="72">
        <v>62</v>
      </c>
      <c r="BE23" s="73">
        <v>92</v>
      </c>
      <c r="BF23" s="70">
        <v>18</v>
      </c>
      <c r="BG23" s="71">
        <v>28</v>
      </c>
      <c r="BH23" s="72">
        <v>46</v>
      </c>
      <c r="BI23" s="244"/>
      <c r="BJ23" s="71">
        <v>45</v>
      </c>
      <c r="BK23" s="71">
        <v>24</v>
      </c>
      <c r="BL23" s="71">
        <v>17</v>
      </c>
      <c r="BM23" s="71">
        <v>5</v>
      </c>
      <c r="BN23" s="71">
        <v>5</v>
      </c>
      <c r="BO23" s="72">
        <v>96</v>
      </c>
      <c r="BP23" s="73">
        <v>142</v>
      </c>
      <c r="BQ23" s="70">
        <v>12</v>
      </c>
      <c r="BR23" s="71">
        <v>17</v>
      </c>
      <c r="BS23" s="72">
        <v>29</v>
      </c>
      <c r="BT23" s="244"/>
      <c r="BU23" s="71">
        <v>33</v>
      </c>
      <c r="BV23" s="71">
        <v>20</v>
      </c>
      <c r="BW23" s="71">
        <v>14</v>
      </c>
      <c r="BX23" s="71">
        <v>16</v>
      </c>
      <c r="BY23" s="71">
        <v>5</v>
      </c>
      <c r="BZ23" s="72">
        <v>88</v>
      </c>
      <c r="CA23" s="73">
        <v>117</v>
      </c>
      <c r="CB23" s="70">
        <v>0</v>
      </c>
      <c r="CC23" s="71">
        <v>0</v>
      </c>
      <c r="CD23" s="72">
        <v>0</v>
      </c>
      <c r="CE23" s="244"/>
      <c r="CF23" s="71">
        <v>0</v>
      </c>
      <c r="CG23" s="71">
        <v>0</v>
      </c>
      <c r="CH23" s="71">
        <v>0</v>
      </c>
      <c r="CI23" s="71">
        <v>0</v>
      </c>
      <c r="CJ23" s="71">
        <v>0</v>
      </c>
      <c r="CK23" s="72">
        <v>0</v>
      </c>
      <c r="CL23" s="73">
        <v>0</v>
      </c>
      <c r="CM23" s="70">
        <v>52</v>
      </c>
      <c r="CN23" s="71">
        <v>71</v>
      </c>
      <c r="CO23" s="72">
        <v>123</v>
      </c>
      <c r="CP23" s="244"/>
      <c r="CQ23" s="71">
        <v>114</v>
      </c>
      <c r="CR23" s="71">
        <v>66</v>
      </c>
      <c r="CS23" s="71">
        <v>57</v>
      </c>
      <c r="CT23" s="71">
        <v>39</v>
      </c>
      <c r="CU23" s="71">
        <v>20</v>
      </c>
      <c r="CV23" s="72">
        <v>296</v>
      </c>
      <c r="CW23" s="73">
        <v>419</v>
      </c>
      <c r="CX23" s="123">
        <v>3</v>
      </c>
      <c r="CY23" s="82">
        <v>8</v>
      </c>
      <c r="CZ23" s="83">
        <v>11</v>
      </c>
      <c r="DA23" s="241"/>
      <c r="DB23" s="82">
        <v>12</v>
      </c>
      <c r="DC23" s="82">
        <v>6</v>
      </c>
      <c r="DD23" s="82">
        <v>4</v>
      </c>
      <c r="DE23" s="82">
        <v>5</v>
      </c>
      <c r="DF23" s="82">
        <v>4</v>
      </c>
      <c r="DG23" s="84">
        <v>31</v>
      </c>
      <c r="DH23" s="85">
        <v>42</v>
      </c>
      <c r="DI23" s="70">
        <v>0</v>
      </c>
      <c r="DJ23" s="71">
        <v>0</v>
      </c>
      <c r="DK23" s="72">
        <v>0</v>
      </c>
      <c r="DL23" s="244"/>
      <c r="DM23" s="71">
        <v>0</v>
      </c>
      <c r="DN23" s="71">
        <v>0</v>
      </c>
      <c r="DO23" s="71">
        <v>0</v>
      </c>
      <c r="DP23" s="71">
        <v>0</v>
      </c>
      <c r="DQ23" s="71">
        <v>0</v>
      </c>
      <c r="DR23" s="72">
        <v>0</v>
      </c>
      <c r="DS23" s="73">
        <v>0</v>
      </c>
      <c r="DT23" s="70">
        <v>0</v>
      </c>
      <c r="DU23" s="71">
        <v>0</v>
      </c>
      <c r="DV23" s="72">
        <v>0</v>
      </c>
      <c r="DW23" s="244"/>
      <c r="DX23" s="71">
        <v>0</v>
      </c>
      <c r="DY23" s="71">
        <v>1</v>
      </c>
      <c r="DZ23" s="71">
        <v>0</v>
      </c>
      <c r="EA23" s="71">
        <v>0</v>
      </c>
      <c r="EB23" s="71">
        <v>0</v>
      </c>
      <c r="EC23" s="72">
        <v>1</v>
      </c>
      <c r="ED23" s="73">
        <v>1</v>
      </c>
      <c r="EE23" s="70">
        <v>0</v>
      </c>
      <c r="EF23" s="71">
        <v>0</v>
      </c>
      <c r="EG23" s="72">
        <v>0</v>
      </c>
      <c r="EH23" s="244"/>
      <c r="EI23" s="71">
        <v>2</v>
      </c>
      <c r="EJ23" s="71">
        <v>0</v>
      </c>
      <c r="EK23" s="71">
        <v>1</v>
      </c>
      <c r="EL23" s="71">
        <v>0</v>
      </c>
      <c r="EM23" s="71">
        <v>0</v>
      </c>
      <c r="EN23" s="72">
        <v>3</v>
      </c>
      <c r="EO23" s="73">
        <v>3</v>
      </c>
      <c r="EP23" s="70">
        <v>3</v>
      </c>
      <c r="EQ23" s="71">
        <v>2</v>
      </c>
      <c r="ER23" s="72">
        <v>5</v>
      </c>
      <c r="ES23" s="244"/>
      <c r="ET23" s="71">
        <v>0</v>
      </c>
      <c r="EU23" s="71">
        <v>3</v>
      </c>
      <c r="EV23" s="71">
        <v>1</v>
      </c>
      <c r="EW23" s="71">
        <v>1</v>
      </c>
      <c r="EX23" s="71">
        <v>2</v>
      </c>
      <c r="EY23" s="72">
        <v>7</v>
      </c>
      <c r="EZ23" s="73">
        <v>12</v>
      </c>
      <c r="FA23" s="70">
        <v>0</v>
      </c>
      <c r="FB23" s="71">
        <v>3</v>
      </c>
      <c r="FC23" s="72">
        <v>3</v>
      </c>
      <c r="FD23" s="244"/>
      <c r="FE23" s="71">
        <v>5</v>
      </c>
      <c r="FF23" s="71">
        <v>1</v>
      </c>
      <c r="FG23" s="71">
        <v>2</v>
      </c>
      <c r="FH23" s="71">
        <v>1</v>
      </c>
      <c r="FI23" s="71">
        <v>0</v>
      </c>
      <c r="FJ23" s="72">
        <v>9</v>
      </c>
      <c r="FK23" s="73">
        <v>12</v>
      </c>
      <c r="FL23" s="70">
        <v>0</v>
      </c>
      <c r="FM23" s="71">
        <v>3</v>
      </c>
      <c r="FN23" s="72">
        <v>3</v>
      </c>
      <c r="FO23" s="244"/>
      <c r="FP23" s="71">
        <v>5</v>
      </c>
      <c r="FQ23" s="71">
        <v>1</v>
      </c>
      <c r="FR23" s="71">
        <v>0</v>
      </c>
      <c r="FS23" s="71">
        <v>3</v>
      </c>
      <c r="FT23" s="71">
        <v>2</v>
      </c>
      <c r="FU23" s="72">
        <v>11</v>
      </c>
      <c r="FV23" s="73">
        <v>14</v>
      </c>
      <c r="FW23" s="70">
        <v>0</v>
      </c>
      <c r="FX23" s="71">
        <v>0</v>
      </c>
      <c r="FY23" s="72">
        <v>0</v>
      </c>
      <c r="FZ23" s="244"/>
      <c r="GA23" s="71">
        <v>0</v>
      </c>
      <c r="GB23" s="71">
        <v>0</v>
      </c>
      <c r="GC23" s="71">
        <v>0</v>
      </c>
      <c r="GD23" s="71">
        <v>0</v>
      </c>
      <c r="GE23" s="71">
        <v>0</v>
      </c>
      <c r="GF23" s="72">
        <v>0</v>
      </c>
      <c r="GG23" s="73">
        <v>0</v>
      </c>
      <c r="GH23" s="70">
        <v>3</v>
      </c>
      <c r="GI23" s="71">
        <v>8</v>
      </c>
      <c r="GJ23" s="72">
        <v>11</v>
      </c>
      <c r="GK23" s="244"/>
      <c r="GL23" s="71">
        <v>12</v>
      </c>
      <c r="GM23" s="71">
        <v>6</v>
      </c>
      <c r="GN23" s="71">
        <v>4</v>
      </c>
      <c r="GO23" s="71">
        <v>5</v>
      </c>
      <c r="GP23" s="71">
        <v>4</v>
      </c>
      <c r="GQ23" s="72">
        <v>31</v>
      </c>
      <c r="GR23" s="73">
        <v>42</v>
      </c>
      <c r="GS23" s="123">
        <v>55</v>
      </c>
      <c r="GT23" s="82">
        <v>79</v>
      </c>
      <c r="GU23" s="83">
        <v>134</v>
      </c>
      <c r="GV23" s="241"/>
      <c r="GW23" s="82">
        <v>126</v>
      </c>
      <c r="GX23" s="82">
        <v>72</v>
      </c>
      <c r="GY23" s="82">
        <v>61</v>
      </c>
      <c r="GZ23" s="82">
        <v>44</v>
      </c>
      <c r="HA23" s="82">
        <v>24</v>
      </c>
      <c r="HB23" s="84">
        <v>327</v>
      </c>
      <c r="HC23" s="85">
        <v>461</v>
      </c>
      <c r="HD23" s="70">
        <v>1</v>
      </c>
      <c r="HE23" s="71">
        <v>1</v>
      </c>
      <c r="HF23" s="72">
        <v>2</v>
      </c>
      <c r="HG23" s="244"/>
      <c r="HH23" s="71">
        <v>2</v>
      </c>
      <c r="HI23" s="71">
        <v>2</v>
      </c>
      <c r="HJ23" s="71">
        <v>2</v>
      </c>
      <c r="HK23" s="71">
        <v>0</v>
      </c>
      <c r="HL23" s="71">
        <v>0</v>
      </c>
      <c r="HM23" s="72">
        <v>6</v>
      </c>
      <c r="HN23" s="73">
        <v>8</v>
      </c>
      <c r="HO23" s="70">
        <v>3</v>
      </c>
      <c r="HP23" s="71">
        <v>1</v>
      </c>
      <c r="HQ23" s="72">
        <v>4</v>
      </c>
      <c r="HR23" s="244"/>
      <c r="HS23" s="71">
        <v>3</v>
      </c>
      <c r="HT23" s="71">
        <v>4</v>
      </c>
      <c r="HU23" s="71">
        <v>2</v>
      </c>
      <c r="HV23" s="71">
        <v>2</v>
      </c>
      <c r="HW23" s="71">
        <v>1</v>
      </c>
      <c r="HX23" s="72">
        <v>12</v>
      </c>
      <c r="HY23" s="73">
        <v>16</v>
      </c>
      <c r="HZ23" s="70">
        <v>5</v>
      </c>
      <c r="IA23" s="71">
        <v>7</v>
      </c>
      <c r="IB23" s="72">
        <v>12</v>
      </c>
      <c r="IC23" s="244"/>
      <c r="ID23" s="71">
        <v>12</v>
      </c>
      <c r="IE23" s="71">
        <v>3</v>
      </c>
      <c r="IF23" s="71">
        <v>9</v>
      </c>
      <c r="IG23" s="71">
        <v>8</v>
      </c>
      <c r="IH23" s="71">
        <v>4</v>
      </c>
      <c r="II23" s="72">
        <v>36</v>
      </c>
      <c r="IJ23" s="73">
        <v>48</v>
      </c>
      <c r="IK23" s="70">
        <v>16</v>
      </c>
      <c r="IL23" s="71">
        <v>19</v>
      </c>
      <c r="IM23" s="72">
        <v>35</v>
      </c>
      <c r="IN23" s="244"/>
      <c r="IO23" s="71">
        <v>21</v>
      </c>
      <c r="IP23" s="71">
        <v>17</v>
      </c>
      <c r="IQ23" s="71">
        <v>15</v>
      </c>
      <c r="IR23" s="71">
        <v>9</v>
      </c>
      <c r="IS23" s="71">
        <v>7</v>
      </c>
      <c r="IT23" s="72">
        <v>69</v>
      </c>
      <c r="IU23" s="73">
        <v>104</v>
      </c>
      <c r="IV23" s="70">
        <v>18</v>
      </c>
      <c r="IW23" s="71">
        <v>31</v>
      </c>
      <c r="IX23" s="72">
        <v>49</v>
      </c>
      <c r="IY23" s="244"/>
      <c r="IZ23" s="71">
        <v>50</v>
      </c>
      <c r="JA23" s="71">
        <v>25</v>
      </c>
      <c r="JB23" s="71">
        <v>19</v>
      </c>
      <c r="JC23" s="71">
        <v>6</v>
      </c>
      <c r="JD23" s="71">
        <v>5</v>
      </c>
      <c r="JE23" s="72">
        <v>105</v>
      </c>
      <c r="JF23" s="73">
        <v>154</v>
      </c>
      <c r="JG23" s="70">
        <v>12</v>
      </c>
      <c r="JH23" s="71">
        <v>20</v>
      </c>
      <c r="JI23" s="72">
        <v>32</v>
      </c>
      <c r="JJ23" s="244"/>
      <c r="JK23" s="71">
        <v>38</v>
      </c>
      <c r="JL23" s="71">
        <v>21</v>
      </c>
      <c r="JM23" s="71">
        <v>14</v>
      </c>
      <c r="JN23" s="71">
        <v>19</v>
      </c>
      <c r="JO23" s="71">
        <v>7</v>
      </c>
      <c r="JP23" s="72">
        <v>99</v>
      </c>
      <c r="JQ23" s="73">
        <v>131</v>
      </c>
      <c r="JR23" s="70">
        <v>0</v>
      </c>
      <c r="JS23" s="71">
        <v>0</v>
      </c>
      <c r="JT23" s="72">
        <v>0</v>
      </c>
      <c r="JU23" s="244"/>
      <c r="JV23" s="71">
        <v>0</v>
      </c>
      <c r="JW23" s="71">
        <v>0</v>
      </c>
      <c r="JX23" s="71">
        <v>0</v>
      </c>
      <c r="JY23" s="71">
        <v>0</v>
      </c>
      <c r="JZ23" s="71">
        <v>0</v>
      </c>
      <c r="KA23" s="72">
        <v>0</v>
      </c>
      <c r="KB23" s="73">
        <v>0</v>
      </c>
      <c r="KC23" s="70">
        <v>55</v>
      </c>
      <c r="KD23" s="71">
        <v>79</v>
      </c>
      <c r="KE23" s="72">
        <v>134</v>
      </c>
      <c r="KF23" s="244"/>
      <c r="KG23" s="71">
        <v>126</v>
      </c>
      <c r="KH23" s="71">
        <v>72</v>
      </c>
      <c r="KI23" s="71">
        <v>61</v>
      </c>
      <c r="KJ23" s="71">
        <v>44</v>
      </c>
      <c r="KK23" s="71">
        <v>24</v>
      </c>
      <c r="KL23" s="72">
        <v>327</v>
      </c>
      <c r="KM23" s="73">
        <v>461</v>
      </c>
    </row>
    <row r="24" spans="2:299" ht="21" customHeight="1" x14ac:dyDescent="0.2">
      <c r="B24" s="126" t="s">
        <v>21</v>
      </c>
      <c r="C24" s="315">
        <v>54</v>
      </c>
      <c r="D24" s="82">
        <v>45</v>
      </c>
      <c r="E24" s="83">
        <v>99</v>
      </c>
      <c r="F24" s="241"/>
      <c r="G24" s="82">
        <v>61</v>
      </c>
      <c r="H24" s="82">
        <v>61</v>
      </c>
      <c r="I24" s="82">
        <v>39</v>
      </c>
      <c r="J24" s="82">
        <v>40</v>
      </c>
      <c r="K24" s="82">
        <v>20</v>
      </c>
      <c r="L24" s="84">
        <v>221</v>
      </c>
      <c r="M24" s="85">
        <v>320</v>
      </c>
      <c r="N24" s="70">
        <v>0</v>
      </c>
      <c r="O24" s="71">
        <v>2</v>
      </c>
      <c r="P24" s="72">
        <v>2</v>
      </c>
      <c r="Q24" s="244"/>
      <c r="R24" s="71">
        <v>0</v>
      </c>
      <c r="S24" s="71">
        <v>2</v>
      </c>
      <c r="T24" s="71">
        <v>0</v>
      </c>
      <c r="U24" s="71">
        <v>0</v>
      </c>
      <c r="V24" s="71">
        <v>1</v>
      </c>
      <c r="W24" s="72">
        <v>3</v>
      </c>
      <c r="X24" s="73">
        <v>5</v>
      </c>
      <c r="Y24" s="70">
        <v>3</v>
      </c>
      <c r="Z24" s="71">
        <v>3</v>
      </c>
      <c r="AA24" s="72">
        <v>6</v>
      </c>
      <c r="AB24" s="244"/>
      <c r="AC24" s="71">
        <v>3</v>
      </c>
      <c r="AD24" s="71">
        <v>4</v>
      </c>
      <c r="AE24" s="71">
        <v>2</v>
      </c>
      <c r="AF24" s="71">
        <v>2</v>
      </c>
      <c r="AG24" s="71">
        <v>1</v>
      </c>
      <c r="AH24" s="72">
        <v>12</v>
      </c>
      <c r="AI24" s="73">
        <v>18</v>
      </c>
      <c r="AJ24" s="70">
        <v>4</v>
      </c>
      <c r="AK24" s="71">
        <v>4</v>
      </c>
      <c r="AL24" s="72">
        <v>8</v>
      </c>
      <c r="AM24" s="244"/>
      <c r="AN24" s="71">
        <v>7</v>
      </c>
      <c r="AO24" s="71">
        <v>7</v>
      </c>
      <c r="AP24" s="71">
        <v>4</v>
      </c>
      <c r="AQ24" s="71">
        <v>6</v>
      </c>
      <c r="AR24" s="71">
        <v>1</v>
      </c>
      <c r="AS24" s="72">
        <v>25</v>
      </c>
      <c r="AT24" s="73">
        <v>33</v>
      </c>
      <c r="AU24" s="70">
        <v>12</v>
      </c>
      <c r="AV24" s="71">
        <v>7</v>
      </c>
      <c r="AW24" s="72">
        <v>19</v>
      </c>
      <c r="AX24" s="244"/>
      <c r="AY24" s="71">
        <v>17</v>
      </c>
      <c r="AZ24" s="71">
        <v>15</v>
      </c>
      <c r="BA24" s="71">
        <v>7</v>
      </c>
      <c r="BB24" s="71">
        <v>7</v>
      </c>
      <c r="BC24" s="71">
        <v>1</v>
      </c>
      <c r="BD24" s="72">
        <v>47</v>
      </c>
      <c r="BE24" s="73">
        <v>66</v>
      </c>
      <c r="BF24" s="70">
        <v>22</v>
      </c>
      <c r="BG24" s="71">
        <v>13</v>
      </c>
      <c r="BH24" s="72">
        <v>35</v>
      </c>
      <c r="BI24" s="244"/>
      <c r="BJ24" s="71">
        <v>22</v>
      </c>
      <c r="BK24" s="71">
        <v>15</v>
      </c>
      <c r="BL24" s="71">
        <v>9</v>
      </c>
      <c r="BM24" s="71">
        <v>18</v>
      </c>
      <c r="BN24" s="71">
        <v>14</v>
      </c>
      <c r="BO24" s="72">
        <v>78</v>
      </c>
      <c r="BP24" s="73">
        <v>113</v>
      </c>
      <c r="BQ24" s="70">
        <v>13</v>
      </c>
      <c r="BR24" s="71">
        <v>16</v>
      </c>
      <c r="BS24" s="72">
        <v>29</v>
      </c>
      <c r="BT24" s="244"/>
      <c r="BU24" s="71">
        <v>12</v>
      </c>
      <c r="BV24" s="71">
        <v>18</v>
      </c>
      <c r="BW24" s="71">
        <v>17</v>
      </c>
      <c r="BX24" s="71">
        <v>7</v>
      </c>
      <c r="BY24" s="71">
        <v>2</v>
      </c>
      <c r="BZ24" s="72">
        <v>56</v>
      </c>
      <c r="CA24" s="73">
        <v>85</v>
      </c>
      <c r="CB24" s="70">
        <v>0</v>
      </c>
      <c r="CC24" s="71">
        <v>0</v>
      </c>
      <c r="CD24" s="72">
        <v>0</v>
      </c>
      <c r="CE24" s="244"/>
      <c r="CF24" s="71">
        <v>0</v>
      </c>
      <c r="CG24" s="71">
        <v>0</v>
      </c>
      <c r="CH24" s="71">
        <v>0</v>
      </c>
      <c r="CI24" s="71">
        <v>0</v>
      </c>
      <c r="CJ24" s="71">
        <v>0</v>
      </c>
      <c r="CK24" s="72">
        <v>0</v>
      </c>
      <c r="CL24" s="73">
        <v>0</v>
      </c>
      <c r="CM24" s="70">
        <v>54</v>
      </c>
      <c r="CN24" s="71">
        <v>45</v>
      </c>
      <c r="CO24" s="72">
        <v>99</v>
      </c>
      <c r="CP24" s="244"/>
      <c r="CQ24" s="71">
        <v>61</v>
      </c>
      <c r="CR24" s="71">
        <v>61</v>
      </c>
      <c r="CS24" s="71">
        <v>39</v>
      </c>
      <c r="CT24" s="71">
        <v>40</v>
      </c>
      <c r="CU24" s="71">
        <v>20</v>
      </c>
      <c r="CV24" s="72">
        <v>221</v>
      </c>
      <c r="CW24" s="73">
        <v>320</v>
      </c>
      <c r="CX24" s="123">
        <v>3</v>
      </c>
      <c r="CY24" s="82">
        <v>3</v>
      </c>
      <c r="CZ24" s="83">
        <v>6</v>
      </c>
      <c r="DA24" s="241"/>
      <c r="DB24" s="82">
        <v>8</v>
      </c>
      <c r="DC24" s="82">
        <v>7</v>
      </c>
      <c r="DD24" s="82">
        <v>9</v>
      </c>
      <c r="DE24" s="82">
        <v>9</v>
      </c>
      <c r="DF24" s="82">
        <v>6</v>
      </c>
      <c r="DG24" s="84">
        <v>39</v>
      </c>
      <c r="DH24" s="85">
        <v>45</v>
      </c>
      <c r="DI24" s="70">
        <v>0</v>
      </c>
      <c r="DJ24" s="71">
        <v>0</v>
      </c>
      <c r="DK24" s="72">
        <v>0</v>
      </c>
      <c r="DL24" s="244"/>
      <c r="DM24" s="71">
        <v>0</v>
      </c>
      <c r="DN24" s="71">
        <v>1</v>
      </c>
      <c r="DO24" s="71">
        <v>1</v>
      </c>
      <c r="DP24" s="71">
        <v>0</v>
      </c>
      <c r="DQ24" s="71">
        <v>0</v>
      </c>
      <c r="DR24" s="72">
        <v>2</v>
      </c>
      <c r="DS24" s="73">
        <v>2</v>
      </c>
      <c r="DT24" s="70">
        <v>0</v>
      </c>
      <c r="DU24" s="71">
        <v>0</v>
      </c>
      <c r="DV24" s="72">
        <v>0</v>
      </c>
      <c r="DW24" s="244"/>
      <c r="DX24" s="71">
        <v>0</v>
      </c>
      <c r="DY24" s="71">
        <v>0</v>
      </c>
      <c r="DZ24" s="71">
        <v>1</v>
      </c>
      <c r="EA24" s="71">
        <v>0</v>
      </c>
      <c r="EB24" s="71">
        <v>0</v>
      </c>
      <c r="EC24" s="72">
        <v>1</v>
      </c>
      <c r="ED24" s="73">
        <v>1</v>
      </c>
      <c r="EE24" s="70">
        <v>0</v>
      </c>
      <c r="EF24" s="71">
        <v>1</v>
      </c>
      <c r="EG24" s="72">
        <v>1</v>
      </c>
      <c r="EH24" s="244"/>
      <c r="EI24" s="71">
        <v>0</v>
      </c>
      <c r="EJ24" s="71">
        <v>0</v>
      </c>
      <c r="EK24" s="71">
        <v>0</v>
      </c>
      <c r="EL24" s="71">
        <v>0</v>
      </c>
      <c r="EM24" s="71">
        <v>0</v>
      </c>
      <c r="EN24" s="72">
        <v>0</v>
      </c>
      <c r="EO24" s="73">
        <v>1</v>
      </c>
      <c r="EP24" s="70">
        <v>0</v>
      </c>
      <c r="EQ24" s="71">
        <v>0</v>
      </c>
      <c r="ER24" s="72">
        <v>0</v>
      </c>
      <c r="ES24" s="244"/>
      <c r="ET24" s="71">
        <v>1</v>
      </c>
      <c r="EU24" s="71">
        <v>1</v>
      </c>
      <c r="EV24" s="71">
        <v>2</v>
      </c>
      <c r="EW24" s="71">
        <v>0</v>
      </c>
      <c r="EX24" s="71">
        <v>0</v>
      </c>
      <c r="EY24" s="72">
        <v>4</v>
      </c>
      <c r="EZ24" s="73">
        <v>4</v>
      </c>
      <c r="FA24" s="70">
        <v>1</v>
      </c>
      <c r="FB24" s="71">
        <v>1</v>
      </c>
      <c r="FC24" s="72">
        <v>2</v>
      </c>
      <c r="FD24" s="244"/>
      <c r="FE24" s="71">
        <v>3</v>
      </c>
      <c r="FF24" s="71">
        <v>1</v>
      </c>
      <c r="FG24" s="71">
        <v>2</v>
      </c>
      <c r="FH24" s="71">
        <v>4</v>
      </c>
      <c r="FI24" s="71">
        <v>2</v>
      </c>
      <c r="FJ24" s="72">
        <v>12</v>
      </c>
      <c r="FK24" s="73">
        <v>14</v>
      </c>
      <c r="FL24" s="70">
        <v>2</v>
      </c>
      <c r="FM24" s="71">
        <v>1</v>
      </c>
      <c r="FN24" s="72">
        <v>3</v>
      </c>
      <c r="FO24" s="244"/>
      <c r="FP24" s="71">
        <v>4</v>
      </c>
      <c r="FQ24" s="71">
        <v>4</v>
      </c>
      <c r="FR24" s="71">
        <v>3</v>
      </c>
      <c r="FS24" s="71">
        <v>5</v>
      </c>
      <c r="FT24" s="71">
        <v>4</v>
      </c>
      <c r="FU24" s="72">
        <v>20</v>
      </c>
      <c r="FV24" s="73">
        <v>23</v>
      </c>
      <c r="FW24" s="70">
        <v>0</v>
      </c>
      <c r="FX24" s="71">
        <v>0</v>
      </c>
      <c r="FY24" s="72">
        <v>0</v>
      </c>
      <c r="FZ24" s="244"/>
      <c r="GA24" s="71">
        <v>0</v>
      </c>
      <c r="GB24" s="71">
        <v>0</v>
      </c>
      <c r="GC24" s="71">
        <v>0</v>
      </c>
      <c r="GD24" s="71">
        <v>0</v>
      </c>
      <c r="GE24" s="71">
        <v>0</v>
      </c>
      <c r="GF24" s="72">
        <v>0</v>
      </c>
      <c r="GG24" s="73">
        <v>0</v>
      </c>
      <c r="GH24" s="70">
        <v>3</v>
      </c>
      <c r="GI24" s="71">
        <v>3</v>
      </c>
      <c r="GJ24" s="72">
        <v>6</v>
      </c>
      <c r="GK24" s="244"/>
      <c r="GL24" s="71">
        <v>8</v>
      </c>
      <c r="GM24" s="71">
        <v>7</v>
      </c>
      <c r="GN24" s="71">
        <v>9</v>
      </c>
      <c r="GO24" s="71">
        <v>9</v>
      </c>
      <c r="GP24" s="71">
        <v>6</v>
      </c>
      <c r="GQ24" s="72">
        <v>39</v>
      </c>
      <c r="GR24" s="73">
        <v>45</v>
      </c>
      <c r="GS24" s="123">
        <v>57</v>
      </c>
      <c r="GT24" s="82">
        <v>48</v>
      </c>
      <c r="GU24" s="83">
        <v>105</v>
      </c>
      <c r="GV24" s="241"/>
      <c r="GW24" s="82">
        <v>69</v>
      </c>
      <c r="GX24" s="82">
        <v>68</v>
      </c>
      <c r="GY24" s="82">
        <v>48</v>
      </c>
      <c r="GZ24" s="82">
        <v>49</v>
      </c>
      <c r="HA24" s="82">
        <v>26</v>
      </c>
      <c r="HB24" s="84">
        <v>260</v>
      </c>
      <c r="HC24" s="85">
        <v>365</v>
      </c>
      <c r="HD24" s="70">
        <v>0</v>
      </c>
      <c r="HE24" s="71">
        <v>2</v>
      </c>
      <c r="HF24" s="72">
        <v>2</v>
      </c>
      <c r="HG24" s="244"/>
      <c r="HH24" s="71">
        <v>0</v>
      </c>
      <c r="HI24" s="71">
        <v>3</v>
      </c>
      <c r="HJ24" s="71">
        <v>1</v>
      </c>
      <c r="HK24" s="71">
        <v>0</v>
      </c>
      <c r="HL24" s="71">
        <v>1</v>
      </c>
      <c r="HM24" s="72">
        <v>5</v>
      </c>
      <c r="HN24" s="73">
        <v>7</v>
      </c>
      <c r="HO24" s="70">
        <v>3</v>
      </c>
      <c r="HP24" s="71">
        <v>3</v>
      </c>
      <c r="HQ24" s="72">
        <v>6</v>
      </c>
      <c r="HR24" s="244"/>
      <c r="HS24" s="71">
        <v>3</v>
      </c>
      <c r="HT24" s="71">
        <v>4</v>
      </c>
      <c r="HU24" s="71">
        <v>3</v>
      </c>
      <c r="HV24" s="71">
        <v>2</v>
      </c>
      <c r="HW24" s="71">
        <v>1</v>
      </c>
      <c r="HX24" s="72">
        <v>13</v>
      </c>
      <c r="HY24" s="73">
        <v>19</v>
      </c>
      <c r="HZ24" s="70">
        <v>4</v>
      </c>
      <c r="IA24" s="71">
        <v>5</v>
      </c>
      <c r="IB24" s="72">
        <v>9</v>
      </c>
      <c r="IC24" s="244"/>
      <c r="ID24" s="71">
        <v>7</v>
      </c>
      <c r="IE24" s="71">
        <v>7</v>
      </c>
      <c r="IF24" s="71">
        <v>4</v>
      </c>
      <c r="IG24" s="71">
        <v>6</v>
      </c>
      <c r="IH24" s="71">
        <v>1</v>
      </c>
      <c r="II24" s="72">
        <v>25</v>
      </c>
      <c r="IJ24" s="73">
        <v>34</v>
      </c>
      <c r="IK24" s="70">
        <v>12</v>
      </c>
      <c r="IL24" s="71">
        <v>7</v>
      </c>
      <c r="IM24" s="72">
        <v>19</v>
      </c>
      <c r="IN24" s="244"/>
      <c r="IO24" s="71">
        <v>18</v>
      </c>
      <c r="IP24" s="71">
        <v>16</v>
      </c>
      <c r="IQ24" s="71">
        <v>9</v>
      </c>
      <c r="IR24" s="71">
        <v>7</v>
      </c>
      <c r="IS24" s="71">
        <v>1</v>
      </c>
      <c r="IT24" s="72">
        <v>51</v>
      </c>
      <c r="IU24" s="73">
        <v>70</v>
      </c>
      <c r="IV24" s="70">
        <v>23</v>
      </c>
      <c r="IW24" s="71">
        <v>14</v>
      </c>
      <c r="IX24" s="72">
        <v>37</v>
      </c>
      <c r="IY24" s="244"/>
      <c r="IZ24" s="71">
        <v>25</v>
      </c>
      <c r="JA24" s="71">
        <v>16</v>
      </c>
      <c r="JB24" s="71">
        <v>11</v>
      </c>
      <c r="JC24" s="71">
        <v>22</v>
      </c>
      <c r="JD24" s="71">
        <v>16</v>
      </c>
      <c r="JE24" s="72">
        <v>90</v>
      </c>
      <c r="JF24" s="73">
        <v>127</v>
      </c>
      <c r="JG24" s="70">
        <v>15</v>
      </c>
      <c r="JH24" s="71">
        <v>17</v>
      </c>
      <c r="JI24" s="72">
        <v>32</v>
      </c>
      <c r="JJ24" s="244"/>
      <c r="JK24" s="71">
        <v>16</v>
      </c>
      <c r="JL24" s="71">
        <v>22</v>
      </c>
      <c r="JM24" s="71">
        <v>20</v>
      </c>
      <c r="JN24" s="71">
        <v>12</v>
      </c>
      <c r="JO24" s="71">
        <v>6</v>
      </c>
      <c r="JP24" s="72">
        <v>76</v>
      </c>
      <c r="JQ24" s="73">
        <v>108</v>
      </c>
      <c r="JR24" s="70">
        <v>0</v>
      </c>
      <c r="JS24" s="71">
        <v>0</v>
      </c>
      <c r="JT24" s="72">
        <v>0</v>
      </c>
      <c r="JU24" s="244"/>
      <c r="JV24" s="71">
        <v>0</v>
      </c>
      <c r="JW24" s="71">
        <v>0</v>
      </c>
      <c r="JX24" s="71">
        <v>0</v>
      </c>
      <c r="JY24" s="71">
        <v>0</v>
      </c>
      <c r="JZ24" s="71">
        <v>0</v>
      </c>
      <c r="KA24" s="72">
        <v>0</v>
      </c>
      <c r="KB24" s="73">
        <v>0</v>
      </c>
      <c r="KC24" s="70">
        <v>57</v>
      </c>
      <c r="KD24" s="71">
        <v>48</v>
      </c>
      <c r="KE24" s="72">
        <v>105</v>
      </c>
      <c r="KF24" s="244"/>
      <c r="KG24" s="71">
        <v>69</v>
      </c>
      <c r="KH24" s="71">
        <v>68</v>
      </c>
      <c r="KI24" s="71">
        <v>48</v>
      </c>
      <c r="KJ24" s="71">
        <v>49</v>
      </c>
      <c r="KK24" s="71">
        <v>26</v>
      </c>
      <c r="KL24" s="72">
        <v>260</v>
      </c>
      <c r="KM24" s="73">
        <v>365</v>
      </c>
    </row>
    <row r="25" spans="2:299" ht="21" customHeight="1" x14ac:dyDescent="0.2">
      <c r="B25" s="126" t="s">
        <v>22</v>
      </c>
      <c r="C25" s="315">
        <v>18</v>
      </c>
      <c r="D25" s="82">
        <v>19</v>
      </c>
      <c r="E25" s="83">
        <v>37</v>
      </c>
      <c r="F25" s="241"/>
      <c r="G25" s="82">
        <v>36</v>
      </c>
      <c r="H25" s="82">
        <v>26</v>
      </c>
      <c r="I25" s="82">
        <v>19</v>
      </c>
      <c r="J25" s="82">
        <v>21</v>
      </c>
      <c r="K25" s="82">
        <v>6</v>
      </c>
      <c r="L25" s="84">
        <v>108</v>
      </c>
      <c r="M25" s="85">
        <v>145</v>
      </c>
      <c r="N25" s="70">
        <v>1</v>
      </c>
      <c r="O25" s="71">
        <v>0</v>
      </c>
      <c r="P25" s="72">
        <v>1</v>
      </c>
      <c r="Q25" s="244"/>
      <c r="R25" s="71">
        <v>0</v>
      </c>
      <c r="S25" s="71">
        <v>0</v>
      </c>
      <c r="T25" s="71">
        <v>0</v>
      </c>
      <c r="U25" s="71">
        <v>0</v>
      </c>
      <c r="V25" s="71">
        <v>0</v>
      </c>
      <c r="W25" s="72">
        <v>0</v>
      </c>
      <c r="X25" s="73">
        <v>1</v>
      </c>
      <c r="Y25" s="70">
        <v>0</v>
      </c>
      <c r="Z25" s="71">
        <v>1</v>
      </c>
      <c r="AA25" s="72">
        <v>1</v>
      </c>
      <c r="AB25" s="244"/>
      <c r="AC25" s="71">
        <v>3</v>
      </c>
      <c r="AD25" s="71">
        <v>1</v>
      </c>
      <c r="AE25" s="71">
        <v>1</v>
      </c>
      <c r="AF25" s="71">
        <v>2</v>
      </c>
      <c r="AG25" s="71">
        <v>0</v>
      </c>
      <c r="AH25" s="72">
        <v>7</v>
      </c>
      <c r="AI25" s="73">
        <v>8</v>
      </c>
      <c r="AJ25" s="70">
        <v>1</v>
      </c>
      <c r="AK25" s="71">
        <v>2</v>
      </c>
      <c r="AL25" s="72">
        <v>3</v>
      </c>
      <c r="AM25" s="244"/>
      <c r="AN25" s="71">
        <v>3</v>
      </c>
      <c r="AO25" s="71">
        <v>1</v>
      </c>
      <c r="AP25" s="71">
        <v>4</v>
      </c>
      <c r="AQ25" s="71">
        <v>1</v>
      </c>
      <c r="AR25" s="71">
        <v>1</v>
      </c>
      <c r="AS25" s="72">
        <v>10</v>
      </c>
      <c r="AT25" s="73">
        <v>13</v>
      </c>
      <c r="AU25" s="70">
        <v>4</v>
      </c>
      <c r="AV25" s="71">
        <v>0</v>
      </c>
      <c r="AW25" s="72">
        <v>4</v>
      </c>
      <c r="AX25" s="244"/>
      <c r="AY25" s="71">
        <v>5</v>
      </c>
      <c r="AZ25" s="71">
        <v>4</v>
      </c>
      <c r="BA25" s="71">
        <v>5</v>
      </c>
      <c r="BB25" s="71">
        <v>5</v>
      </c>
      <c r="BC25" s="71">
        <v>3</v>
      </c>
      <c r="BD25" s="72">
        <v>22</v>
      </c>
      <c r="BE25" s="73">
        <v>26</v>
      </c>
      <c r="BF25" s="70">
        <v>7</v>
      </c>
      <c r="BG25" s="71">
        <v>10</v>
      </c>
      <c r="BH25" s="72">
        <v>17</v>
      </c>
      <c r="BI25" s="244"/>
      <c r="BJ25" s="71">
        <v>10</v>
      </c>
      <c r="BK25" s="71">
        <v>8</v>
      </c>
      <c r="BL25" s="71">
        <v>3</v>
      </c>
      <c r="BM25" s="71">
        <v>7</v>
      </c>
      <c r="BN25" s="71">
        <v>0</v>
      </c>
      <c r="BO25" s="72">
        <v>28</v>
      </c>
      <c r="BP25" s="73">
        <v>45</v>
      </c>
      <c r="BQ25" s="70">
        <v>5</v>
      </c>
      <c r="BR25" s="71">
        <v>6</v>
      </c>
      <c r="BS25" s="72">
        <v>11</v>
      </c>
      <c r="BT25" s="244"/>
      <c r="BU25" s="71">
        <v>15</v>
      </c>
      <c r="BV25" s="71">
        <v>12</v>
      </c>
      <c r="BW25" s="71">
        <v>6</v>
      </c>
      <c r="BX25" s="71">
        <v>6</v>
      </c>
      <c r="BY25" s="71">
        <v>2</v>
      </c>
      <c r="BZ25" s="72">
        <v>41</v>
      </c>
      <c r="CA25" s="73">
        <v>52</v>
      </c>
      <c r="CB25" s="70">
        <v>0</v>
      </c>
      <c r="CC25" s="71">
        <v>0</v>
      </c>
      <c r="CD25" s="72">
        <v>0</v>
      </c>
      <c r="CE25" s="244"/>
      <c r="CF25" s="71">
        <v>0</v>
      </c>
      <c r="CG25" s="71">
        <v>0</v>
      </c>
      <c r="CH25" s="71">
        <v>0</v>
      </c>
      <c r="CI25" s="71">
        <v>0</v>
      </c>
      <c r="CJ25" s="71">
        <v>0</v>
      </c>
      <c r="CK25" s="72">
        <v>0</v>
      </c>
      <c r="CL25" s="73">
        <v>0</v>
      </c>
      <c r="CM25" s="70">
        <v>18</v>
      </c>
      <c r="CN25" s="71">
        <v>19</v>
      </c>
      <c r="CO25" s="72">
        <v>37</v>
      </c>
      <c r="CP25" s="244"/>
      <c r="CQ25" s="71">
        <v>36</v>
      </c>
      <c r="CR25" s="71">
        <v>26</v>
      </c>
      <c r="CS25" s="71">
        <v>19</v>
      </c>
      <c r="CT25" s="71">
        <v>21</v>
      </c>
      <c r="CU25" s="71">
        <v>6</v>
      </c>
      <c r="CV25" s="72">
        <v>108</v>
      </c>
      <c r="CW25" s="73">
        <v>145</v>
      </c>
      <c r="CX25" s="123">
        <v>3</v>
      </c>
      <c r="CY25" s="82">
        <v>2</v>
      </c>
      <c r="CZ25" s="83">
        <v>5</v>
      </c>
      <c r="DA25" s="241"/>
      <c r="DB25" s="82">
        <v>4</v>
      </c>
      <c r="DC25" s="82">
        <v>3</v>
      </c>
      <c r="DD25" s="82">
        <v>2</v>
      </c>
      <c r="DE25" s="82">
        <v>2</v>
      </c>
      <c r="DF25" s="82">
        <v>2</v>
      </c>
      <c r="DG25" s="84">
        <v>13</v>
      </c>
      <c r="DH25" s="85">
        <v>18</v>
      </c>
      <c r="DI25" s="70">
        <v>0</v>
      </c>
      <c r="DJ25" s="71">
        <v>0</v>
      </c>
      <c r="DK25" s="72">
        <v>0</v>
      </c>
      <c r="DL25" s="244"/>
      <c r="DM25" s="71">
        <v>0</v>
      </c>
      <c r="DN25" s="71">
        <v>0</v>
      </c>
      <c r="DO25" s="71">
        <v>0</v>
      </c>
      <c r="DP25" s="71">
        <v>0</v>
      </c>
      <c r="DQ25" s="71">
        <v>0</v>
      </c>
      <c r="DR25" s="72">
        <v>0</v>
      </c>
      <c r="DS25" s="73">
        <v>0</v>
      </c>
      <c r="DT25" s="70">
        <v>0</v>
      </c>
      <c r="DU25" s="71">
        <v>0</v>
      </c>
      <c r="DV25" s="72">
        <v>0</v>
      </c>
      <c r="DW25" s="244"/>
      <c r="DX25" s="71">
        <v>0</v>
      </c>
      <c r="DY25" s="71">
        <v>0</v>
      </c>
      <c r="DZ25" s="71">
        <v>0</v>
      </c>
      <c r="EA25" s="71">
        <v>0</v>
      </c>
      <c r="EB25" s="71">
        <v>0</v>
      </c>
      <c r="EC25" s="72">
        <v>0</v>
      </c>
      <c r="ED25" s="73">
        <v>0</v>
      </c>
      <c r="EE25" s="70">
        <v>1</v>
      </c>
      <c r="EF25" s="71">
        <v>1</v>
      </c>
      <c r="EG25" s="72">
        <v>2</v>
      </c>
      <c r="EH25" s="244"/>
      <c r="EI25" s="71">
        <v>0</v>
      </c>
      <c r="EJ25" s="71">
        <v>0</v>
      </c>
      <c r="EK25" s="71">
        <v>2</v>
      </c>
      <c r="EL25" s="71">
        <v>0</v>
      </c>
      <c r="EM25" s="71">
        <v>0</v>
      </c>
      <c r="EN25" s="72">
        <v>2</v>
      </c>
      <c r="EO25" s="73">
        <v>4</v>
      </c>
      <c r="EP25" s="70">
        <v>1</v>
      </c>
      <c r="EQ25" s="71">
        <v>0</v>
      </c>
      <c r="ER25" s="72">
        <v>1</v>
      </c>
      <c r="ES25" s="244"/>
      <c r="ET25" s="71">
        <v>1</v>
      </c>
      <c r="EU25" s="71">
        <v>0</v>
      </c>
      <c r="EV25" s="71">
        <v>0</v>
      </c>
      <c r="EW25" s="71">
        <v>0</v>
      </c>
      <c r="EX25" s="71">
        <v>1</v>
      </c>
      <c r="EY25" s="72">
        <v>2</v>
      </c>
      <c r="EZ25" s="73">
        <v>3</v>
      </c>
      <c r="FA25" s="70">
        <v>0</v>
      </c>
      <c r="FB25" s="71">
        <v>0</v>
      </c>
      <c r="FC25" s="72">
        <v>0</v>
      </c>
      <c r="FD25" s="244"/>
      <c r="FE25" s="71">
        <v>2</v>
      </c>
      <c r="FF25" s="71">
        <v>2</v>
      </c>
      <c r="FG25" s="71">
        <v>0</v>
      </c>
      <c r="FH25" s="71">
        <v>0</v>
      </c>
      <c r="FI25" s="71">
        <v>0</v>
      </c>
      <c r="FJ25" s="72">
        <v>4</v>
      </c>
      <c r="FK25" s="73">
        <v>4</v>
      </c>
      <c r="FL25" s="70">
        <v>1</v>
      </c>
      <c r="FM25" s="71">
        <v>1</v>
      </c>
      <c r="FN25" s="72">
        <v>2</v>
      </c>
      <c r="FO25" s="244"/>
      <c r="FP25" s="71">
        <v>1</v>
      </c>
      <c r="FQ25" s="71">
        <v>1</v>
      </c>
      <c r="FR25" s="71">
        <v>0</v>
      </c>
      <c r="FS25" s="71">
        <v>2</v>
      </c>
      <c r="FT25" s="71">
        <v>1</v>
      </c>
      <c r="FU25" s="72">
        <v>5</v>
      </c>
      <c r="FV25" s="73">
        <v>7</v>
      </c>
      <c r="FW25" s="70">
        <v>0</v>
      </c>
      <c r="FX25" s="71">
        <v>0</v>
      </c>
      <c r="FY25" s="72">
        <v>0</v>
      </c>
      <c r="FZ25" s="244"/>
      <c r="GA25" s="71">
        <v>0</v>
      </c>
      <c r="GB25" s="71">
        <v>0</v>
      </c>
      <c r="GC25" s="71">
        <v>0</v>
      </c>
      <c r="GD25" s="71">
        <v>0</v>
      </c>
      <c r="GE25" s="71">
        <v>0</v>
      </c>
      <c r="GF25" s="72">
        <v>0</v>
      </c>
      <c r="GG25" s="73">
        <v>0</v>
      </c>
      <c r="GH25" s="70">
        <v>3</v>
      </c>
      <c r="GI25" s="71">
        <v>2</v>
      </c>
      <c r="GJ25" s="72">
        <v>5</v>
      </c>
      <c r="GK25" s="244"/>
      <c r="GL25" s="71">
        <v>4</v>
      </c>
      <c r="GM25" s="71">
        <v>3</v>
      </c>
      <c r="GN25" s="71">
        <v>2</v>
      </c>
      <c r="GO25" s="71">
        <v>2</v>
      </c>
      <c r="GP25" s="71">
        <v>2</v>
      </c>
      <c r="GQ25" s="72">
        <v>13</v>
      </c>
      <c r="GR25" s="73">
        <v>18</v>
      </c>
      <c r="GS25" s="123">
        <v>21</v>
      </c>
      <c r="GT25" s="82">
        <v>21</v>
      </c>
      <c r="GU25" s="83">
        <v>42</v>
      </c>
      <c r="GV25" s="241"/>
      <c r="GW25" s="82">
        <v>40</v>
      </c>
      <c r="GX25" s="82">
        <v>29</v>
      </c>
      <c r="GY25" s="82">
        <v>21</v>
      </c>
      <c r="GZ25" s="82">
        <v>23</v>
      </c>
      <c r="HA25" s="82">
        <v>8</v>
      </c>
      <c r="HB25" s="84">
        <v>121</v>
      </c>
      <c r="HC25" s="85">
        <v>163</v>
      </c>
      <c r="HD25" s="70">
        <v>1</v>
      </c>
      <c r="HE25" s="71">
        <v>0</v>
      </c>
      <c r="HF25" s="72">
        <v>1</v>
      </c>
      <c r="HG25" s="244"/>
      <c r="HH25" s="71">
        <v>0</v>
      </c>
      <c r="HI25" s="71">
        <v>0</v>
      </c>
      <c r="HJ25" s="71">
        <v>0</v>
      </c>
      <c r="HK25" s="71">
        <v>0</v>
      </c>
      <c r="HL25" s="71">
        <v>0</v>
      </c>
      <c r="HM25" s="72">
        <v>0</v>
      </c>
      <c r="HN25" s="73">
        <v>1</v>
      </c>
      <c r="HO25" s="70">
        <v>0</v>
      </c>
      <c r="HP25" s="71">
        <v>1</v>
      </c>
      <c r="HQ25" s="72">
        <v>1</v>
      </c>
      <c r="HR25" s="244"/>
      <c r="HS25" s="71">
        <v>3</v>
      </c>
      <c r="HT25" s="71">
        <v>1</v>
      </c>
      <c r="HU25" s="71">
        <v>1</v>
      </c>
      <c r="HV25" s="71">
        <v>2</v>
      </c>
      <c r="HW25" s="71">
        <v>0</v>
      </c>
      <c r="HX25" s="72">
        <v>7</v>
      </c>
      <c r="HY25" s="73">
        <v>8</v>
      </c>
      <c r="HZ25" s="70">
        <v>2</v>
      </c>
      <c r="IA25" s="71">
        <v>3</v>
      </c>
      <c r="IB25" s="72">
        <v>5</v>
      </c>
      <c r="IC25" s="244"/>
      <c r="ID25" s="71">
        <v>3</v>
      </c>
      <c r="IE25" s="71">
        <v>1</v>
      </c>
      <c r="IF25" s="71">
        <v>6</v>
      </c>
      <c r="IG25" s="71">
        <v>1</v>
      </c>
      <c r="IH25" s="71">
        <v>1</v>
      </c>
      <c r="II25" s="72">
        <v>12</v>
      </c>
      <c r="IJ25" s="73">
        <v>17</v>
      </c>
      <c r="IK25" s="70">
        <v>5</v>
      </c>
      <c r="IL25" s="71">
        <v>0</v>
      </c>
      <c r="IM25" s="72">
        <v>5</v>
      </c>
      <c r="IN25" s="244"/>
      <c r="IO25" s="71">
        <v>6</v>
      </c>
      <c r="IP25" s="71">
        <v>4</v>
      </c>
      <c r="IQ25" s="71">
        <v>5</v>
      </c>
      <c r="IR25" s="71">
        <v>5</v>
      </c>
      <c r="IS25" s="71">
        <v>4</v>
      </c>
      <c r="IT25" s="72">
        <v>24</v>
      </c>
      <c r="IU25" s="73">
        <v>29</v>
      </c>
      <c r="IV25" s="70">
        <v>7</v>
      </c>
      <c r="IW25" s="71">
        <v>10</v>
      </c>
      <c r="IX25" s="72">
        <v>17</v>
      </c>
      <c r="IY25" s="244"/>
      <c r="IZ25" s="71">
        <v>12</v>
      </c>
      <c r="JA25" s="71">
        <v>10</v>
      </c>
      <c r="JB25" s="71">
        <v>3</v>
      </c>
      <c r="JC25" s="71">
        <v>7</v>
      </c>
      <c r="JD25" s="71">
        <v>0</v>
      </c>
      <c r="JE25" s="72">
        <v>32</v>
      </c>
      <c r="JF25" s="73">
        <v>49</v>
      </c>
      <c r="JG25" s="70">
        <v>6</v>
      </c>
      <c r="JH25" s="71">
        <v>7</v>
      </c>
      <c r="JI25" s="72">
        <v>13</v>
      </c>
      <c r="JJ25" s="244"/>
      <c r="JK25" s="71">
        <v>16</v>
      </c>
      <c r="JL25" s="71">
        <v>13</v>
      </c>
      <c r="JM25" s="71">
        <v>6</v>
      </c>
      <c r="JN25" s="71">
        <v>8</v>
      </c>
      <c r="JO25" s="71">
        <v>3</v>
      </c>
      <c r="JP25" s="72">
        <v>46</v>
      </c>
      <c r="JQ25" s="73">
        <v>59</v>
      </c>
      <c r="JR25" s="70">
        <v>0</v>
      </c>
      <c r="JS25" s="71">
        <v>0</v>
      </c>
      <c r="JT25" s="72">
        <v>0</v>
      </c>
      <c r="JU25" s="244"/>
      <c r="JV25" s="71">
        <v>0</v>
      </c>
      <c r="JW25" s="71">
        <v>0</v>
      </c>
      <c r="JX25" s="71">
        <v>0</v>
      </c>
      <c r="JY25" s="71">
        <v>0</v>
      </c>
      <c r="JZ25" s="71">
        <v>0</v>
      </c>
      <c r="KA25" s="72">
        <v>0</v>
      </c>
      <c r="KB25" s="73">
        <v>0</v>
      </c>
      <c r="KC25" s="70">
        <v>21</v>
      </c>
      <c r="KD25" s="71">
        <v>21</v>
      </c>
      <c r="KE25" s="72">
        <v>42</v>
      </c>
      <c r="KF25" s="244"/>
      <c r="KG25" s="71">
        <v>40</v>
      </c>
      <c r="KH25" s="71">
        <v>29</v>
      </c>
      <c r="KI25" s="71">
        <v>21</v>
      </c>
      <c r="KJ25" s="71">
        <v>23</v>
      </c>
      <c r="KK25" s="71">
        <v>8</v>
      </c>
      <c r="KL25" s="72">
        <v>121</v>
      </c>
      <c r="KM25" s="73">
        <v>163</v>
      </c>
    </row>
    <row r="26" spans="2:299" ht="21" customHeight="1" x14ac:dyDescent="0.2">
      <c r="B26" s="126" t="s">
        <v>23</v>
      </c>
      <c r="C26" s="315">
        <v>30</v>
      </c>
      <c r="D26" s="82">
        <v>32</v>
      </c>
      <c r="E26" s="83">
        <v>62</v>
      </c>
      <c r="F26" s="241"/>
      <c r="G26" s="82">
        <v>59</v>
      </c>
      <c r="H26" s="82">
        <v>34</v>
      </c>
      <c r="I26" s="82">
        <v>17</v>
      </c>
      <c r="J26" s="82">
        <v>19</v>
      </c>
      <c r="K26" s="82">
        <v>5</v>
      </c>
      <c r="L26" s="84">
        <v>134</v>
      </c>
      <c r="M26" s="85">
        <v>196</v>
      </c>
      <c r="N26" s="70">
        <v>0</v>
      </c>
      <c r="O26" s="71">
        <v>0</v>
      </c>
      <c r="P26" s="72">
        <v>0</v>
      </c>
      <c r="Q26" s="244"/>
      <c r="R26" s="71">
        <v>2</v>
      </c>
      <c r="S26" s="71">
        <v>1</v>
      </c>
      <c r="T26" s="71">
        <v>1</v>
      </c>
      <c r="U26" s="71">
        <v>0</v>
      </c>
      <c r="V26" s="71">
        <v>0</v>
      </c>
      <c r="W26" s="72">
        <v>4</v>
      </c>
      <c r="X26" s="73">
        <v>4</v>
      </c>
      <c r="Y26" s="70">
        <v>2</v>
      </c>
      <c r="Z26" s="71">
        <v>1</v>
      </c>
      <c r="AA26" s="72">
        <v>3</v>
      </c>
      <c r="AB26" s="244"/>
      <c r="AC26" s="71">
        <v>2</v>
      </c>
      <c r="AD26" s="71">
        <v>1</v>
      </c>
      <c r="AE26" s="71">
        <v>0</v>
      </c>
      <c r="AF26" s="71">
        <v>2</v>
      </c>
      <c r="AG26" s="71">
        <v>1</v>
      </c>
      <c r="AH26" s="72">
        <v>6</v>
      </c>
      <c r="AI26" s="73">
        <v>9</v>
      </c>
      <c r="AJ26" s="70">
        <v>5</v>
      </c>
      <c r="AK26" s="71">
        <v>2</v>
      </c>
      <c r="AL26" s="72">
        <v>7</v>
      </c>
      <c r="AM26" s="244"/>
      <c r="AN26" s="71">
        <v>8</v>
      </c>
      <c r="AO26" s="71">
        <v>5</v>
      </c>
      <c r="AP26" s="71">
        <v>1</v>
      </c>
      <c r="AQ26" s="71">
        <v>1</v>
      </c>
      <c r="AR26" s="71">
        <v>0</v>
      </c>
      <c r="AS26" s="72">
        <v>15</v>
      </c>
      <c r="AT26" s="73">
        <v>22</v>
      </c>
      <c r="AU26" s="70">
        <v>7</v>
      </c>
      <c r="AV26" s="71">
        <v>11</v>
      </c>
      <c r="AW26" s="72">
        <v>18</v>
      </c>
      <c r="AX26" s="244"/>
      <c r="AY26" s="71">
        <v>17</v>
      </c>
      <c r="AZ26" s="71">
        <v>10</v>
      </c>
      <c r="BA26" s="71">
        <v>5</v>
      </c>
      <c r="BB26" s="71">
        <v>7</v>
      </c>
      <c r="BC26" s="71">
        <v>1</v>
      </c>
      <c r="BD26" s="72">
        <v>40</v>
      </c>
      <c r="BE26" s="73">
        <v>58</v>
      </c>
      <c r="BF26" s="70">
        <v>11</v>
      </c>
      <c r="BG26" s="71">
        <v>10</v>
      </c>
      <c r="BH26" s="72">
        <v>21</v>
      </c>
      <c r="BI26" s="244"/>
      <c r="BJ26" s="71">
        <v>19</v>
      </c>
      <c r="BK26" s="71">
        <v>7</v>
      </c>
      <c r="BL26" s="71">
        <v>3</v>
      </c>
      <c r="BM26" s="71">
        <v>2</v>
      </c>
      <c r="BN26" s="71">
        <v>2</v>
      </c>
      <c r="BO26" s="72">
        <v>33</v>
      </c>
      <c r="BP26" s="73">
        <v>54</v>
      </c>
      <c r="BQ26" s="70">
        <v>5</v>
      </c>
      <c r="BR26" s="71">
        <v>8</v>
      </c>
      <c r="BS26" s="72">
        <v>13</v>
      </c>
      <c r="BT26" s="244"/>
      <c r="BU26" s="71">
        <v>11</v>
      </c>
      <c r="BV26" s="71">
        <v>10</v>
      </c>
      <c r="BW26" s="71">
        <v>7</v>
      </c>
      <c r="BX26" s="71">
        <v>7</v>
      </c>
      <c r="BY26" s="71">
        <v>1</v>
      </c>
      <c r="BZ26" s="72">
        <v>36</v>
      </c>
      <c r="CA26" s="73">
        <v>49</v>
      </c>
      <c r="CB26" s="70">
        <v>0</v>
      </c>
      <c r="CC26" s="71">
        <v>0</v>
      </c>
      <c r="CD26" s="72">
        <v>0</v>
      </c>
      <c r="CE26" s="244"/>
      <c r="CF26" s="71">
        <v>0</v>
      </c>
      <c r="CG26" s="71">
        <v>0</v>
      </c>
      <c r="CH26" s="71">
        <v>0</v>
      </c>
      <c r="CI26" s="71">
        <v>0</v>
      </c>
      <c r="CJ26" s="71">
        <v>0</v>
      </c>
      <c r="CK26" s="72">
        <v>0</v>
      </c>
      <c r="CL26" s="73">
        <v>0</v>
      </c>
      <c r="CM26" s="70">
        <v>30</v>
      </c>
      <c r="CN26" s="71">
        <v>32</v>
      </c>
      <c r="CO26" s="72">
        <v>62</v>
      </c>
      <c r="CP26" s="244"/>
      <c r="CQ26" s="71">
        <v>59</v>
      </c>
      <c r="CR26" s="71">
        <v>34</v>
      </c>
      <c r="CS26" s="71">
        <v>17</v>
      </c>
      <c r="CT26" s="71">
        <v>19</v>
      </c>
      <c r="CU26" s="71">
        <v>5</v>
      </c>
      <c r="CV26" s="72">
        <v>134</v>
      </c>
      <c r="CW26" s="73">
        <v>196</v>
      </c>
      <c r="CX26" s="123">
        <v>4</v>
      </c>
      <c r="CY26" s="82">
        <v>4</v>
      </c>
      <c r="CZ26" s="83">
        <v>8</v>
      </c>
      <c r="DA26" s="241"/>
      <c r="DB26" s="82">
        <v>7</v>
      </c>
      <c r="DC26" s="82">
        <v>6</v>
      </c>
      <c r="DD26" s="82">
        <v>3</v>
      </c>
      <c r="DE26" s="82">
        <v>3</v>
      </c>
      <c r="DF26" s="82">
        <v>3</v>
      </c>
      <c r="DG26" s="84">
        <v>22</v>
      </c>
      <c r="DH26" s="85">
        <v>30</v>
      </c>
      <c r="DI26" s="70">
        <v>0</v>
      </c>
      <c r="DJ26" s="71">
        <v>0</v>
      </c>
      <c r="DK26" s="72">
        <v>0</v>
      </c>
      <c r="DL26" s="244"/>
      <c r="DM26" s="71">
        <v>0</v>
      </c>
      <c r="DN26" s="71">
        <v>0</v>
      </c>
      <c r="DO26" s="71">
        <v>0</v>
      </c>
      <c r="DP26" s="71">
        <v>0</v>
      </c>
      <c r="DQ26" s="71">
        <v>0</v>
      </c>
      <c r="DR26" s="72">
        <v>0</v>
      </c>
      <c r="DS26" s="73">
        <v>0</v>
      </c>
      <c r="DT26" s="70">
        <v>1</v>
      </c>
      <c r="DU26" s="71">
        <v>1</v>
      </c>
      <c r="DV26" s="72">
        <v>2</v>
      </c>
      <c r="DW26" s="244"/>
      <c r="DX26" s="71">
        <v>1</v>
      </c>
      <c r="DY26" s="71">
        <v>1</v>
      </c>
      <c r="DZ26" s="71">
        <v>1</v>
      </c>
      <c r="EA26" s="71">
        <v>1</v>
      </c>
      <c r="EB26" s="71">
        <v>0</v>
      </c>
      <c r="EC26" s="72">
        <v>4</v>
      </c>
      <c r="ED26" s="73">
        <v>6</v>
      </c>
      <c r="EE26" s="70">
        <v>1</v>
      </c>
      <c r="EF26" s="71">
        <v>1</v>
      </c>
      <c r="EG26" s="72">
        <v>2</v>
      </c>
      <c r="EH26" s="244"/>
      <c r="EI26" s="71">
        <v>1</v>
      </c>
      <c r="EJ26" s="71">
        <v>2</v>
      </c>
      <c r="EK26" s="71">
        <v>0</v>
      </c>
      <c r="EL26" s="71">
        <v>1</v>
      </c>
      <c r="EM26" s="71">
        <v>1</v>
      </c>
      <c r="EN26" s="72">
        <v>5</v>
      </c>
      <c r="EO26" s="73">
        <v>7</v>
      </c>
      <c r="EP26" s="70">
        <v>1</v>
      </c>
      <c r="EQ26" s="71">
        <v>1</v>
      </c>
      <c r="ER26" s="72">
        <v>2</v>
      </c>
      <c r="ES26" s="244"/>
      <c r="ET26" s="71">
        <v>3</v>
      </c>
      <c r="EU26" s="71">
        <v>0</v>
      </c>
      <c r="EV26" s="71">
        <v>0</v>
      </c>
      <c r="EW26" s="71">
        <v>0</v>
      </c>
      <c r="EX26" s="71">
        <v>0</v>
      </c>
      <c r="EY26" s="72">
        <v>3</v>
      </c>
      <c r="EZ26" s="73">
        <v>5</v>
      </c>
      <c r="FA26" s="70">
        <v>1</v>
      </c>
      <c r="FB26" s="71">
        <v>1</v>
      </c>
      <c r="FC26" s="72">
        <v>2</v>
      </c>
      <c r="FD26" s="244"/>
      <c r="FE26" s="71">
        <v>2</v>
      </c>
      <c r="FF26" s="71">
        <v>2</v>
      </c>
      <c r="FG26" s="71">
        <v>1</v>
      </c>
      <c r="FH26" s="71">
        <v>1</v>
      </c>
      <c r="FI26" s="71">
        <v>1</v>
      </c>
      <c r="FJ26" s="72">
        <v>7</v>
      </c>
      <c r="FK26" s="73">
        <v>9</v>
      </c>
      <c r="FL26" s="70">
        <v>0</v>
      </c>
      <c r="FM26" s="71">
        <v>0</v>
      </c>
      <c r="FN26" s="72">
        <v>0</v>
      </c>
      <c r="FO26" s="244"/>
      <c r="FP26" s="71">
        <v>0</v>
      </c>
      <c r="FQ26" s="71">
        <v>1</v>
      </c>
      <c r="FR26" s="71">
        <v>1</v>
      </c>
      <c r="FS26" s="71">
        <v>0</v>
      </c>
      <c r="FT26" s="71">
        <v>1</v>
      </c>
      <c r="FU26" s="72">
        <v>3</v>
      </c>
      <c r="FV26" s="73">
        <v>3</v>
      </c>
      <c r="FW26" s="70">
        <v>0</v>
      </c>
      <c r="FX26" s="71">
        <v>0</v>
      </c>
      <c r="FY26" s="72">
        <v>0</v>
      </c>
      <c r="FZ26" s="244"/>
      <c r="GA26" s="71">
        <v>0</v>
      </c>
      <c r="GB26" s="71">
        <v>0</v>
      </c>
      <c r="GC26" s="71">
        <v>0</v>
      </c>
      <c r="GD26" s="71">
        <v>0</v>
      </c>
      <c r="GE26" s="71">
        <v>0</v>
      </c>
      <c r="GF26" s="72">
        <v>0</v>
      </c>
      <c r="GG26" s="73">
        <v>0</v>
      </c>
      <c r="GH26" s="70">
        <v>4</v>
      </c>
      <c r="GI26" s="71">
        <v>4</v>
      </c>
      <c r="GJ26" s="72">
        <v>8</v>
      </c>
      <c r="GK26" s="244"/>
      <c r="GL26" s="71">
        <v>7</v>
      </c>
      <c r="GM26" s="71">
        <v>6</v>
      </c>
      <c r="GN26" s="71">
        <v>3</v>
      </c>
      <c r="GO26" s="71">
        <v>3</v>
      </c>
      <c r="GP26" s="71">
        <v>3</v>
      </c>
      <c r="GQ26" s="72">
        <v>22</v>
      </c>
      <c r="GR26" s="73">
        <v>30</v>
      </c>
      <c r="GS26" s="123">
        <v>34</v>
      </c>
      <c r="GT26" s="82">
        <v>36</v>
      </c>
      <c r="GU26" s="83">
        <v>70</v>
      </c>
      <c r="GV26" s="241"/>
      <c r="GW26" s="82">
        <v>66</v>
      </c>
      <c r="GX26" s="82">
        <v>40</v>
      </c>
      <c r="GY26" s="82">
        <v>20</v>
      </c>
      <c r="GZ26" s="82">
        <v>22</v>
      </c>
      <c r="HA26" s="82">
        <v>8</v>
      </c>
      <c r="HB26" s="84">
        <v>156</v>
      </c>
      <c r="HC26" s="85">
        <v>226</v>
      </c>
      <c r="HD26" s="70">
        <v>0</v>
      </c>
      <c r="HE26" s="71">
        <v>0</v>
      </c>
      <c r="HF26" s="72">
        <v>0</v>
      </c>
      <c r="HG26" s="244"/>
      <c r="HH26" s="71">
        <v>2</v>
      </c>
      <c r="HI26" s="71">
        <v>1</v>
      </c>
      <c r="HJ26" s="71">
        <v>1</v>
      </c>
      <c r="HK26" s="71">
        <v>0</v>
      </c>
      <c r="HL26" s="71">
        <v>0</v>
      </c>
      <c r="HM26" s="72">
        <v>4</v>
      </c>
      <c r="HN26" s="73">
        <v>4</v>
      </c>
      <c r="HO26" s="70">
        <v>3</v>
      </c>
      <c r="HP26" s="71">
        <v>2</v>
      </c>
      <c r="HQ26" s="72">
        <v>5</v>
      </c>
      <c r="HR26" s="244"/>
      <c r="HS26" s="71">
        <v>3</v>
      </c>
      <c r="HT26" s="71">
        <v>2</v>
      </c>
      <c r="HU26" s="71">
        <v>1</v>
      </c>
      <c r="HV26" s="71">
        <v>3</v>
      </c>
      <c r="HW26" s="71">
        <v>1</v>
      </c>
      <c r="HX26" s="72">
        <v>10</v>
      </c>
      <c r="HY26" s="73">
        <v>15</v>
      </c>
      <c r="HZ26" s="70">
        <v>6</v>
      </c>
      <c r="IA26" s="71">
        <v>3</v>
      </c>
      <c r="IB26" s="72">
        <v>9</v>
      </c>
      <c r="IC26" s="244"/>
      <c r="ID26" s="71">
        <v>9</v>
      </c>
      <c r="IE26" s="71">
        <v>7</v>
      </c>
      <c r="IF26" s="71">
        <v>1</v>
      </c>
      <c r="IG26" s="71">
        <v>2</v>
      </c>
      <c r="IH26" s="71">
        <v>1</v>
      </c>
      <c r="II26" s="72">
        <v>20</v>
      </c>
      <c r="IJ26" s="73">
        <v>29</v>
      </c>
      <c r="IK26" s="70">
        <v>8</v>
      </c>
      <c r="IL26" s="71">
        <v>12</v>
      </c>
      <c r="IM26" s="72">
        <v>20</v>
      </c>
      <c r="IN26" s="244"/>
      <c r="IO26" s="71">
        <v>20</v>
      </c>
      <c r="IP26" s="71">
        <v>10</v>
      </c>
      <c r="IQ26" s="71">
        <v>5</v>
      </c>
      <c r="IR26" s="71">
        <v>7</v>
      </c>
      <c r="IS26" s="71">
        <v>1</v>
      </c>
      <c r="IT26" s="72">
        <v>43</v>
      </c>
      <c r="IU26" s="73">
        <v>63</v>
      </c>
      <c r="IV26" s="70">
        <v>12</v>
      </c>
      <c r="IW26" s="71">
        <v>11</v>
      </c>
      <c r="IX26" s="72">
        <v>23</v>
      </c>
      <c r="IY26" s="244"/>
      <c r="IZ26" s="71">
        <v>21</v>
      </c>
      <c r="JA26" s="71">
        <v>9</v>
      </c>
      <c r="JB26" s="71">
        <v>4</v>
      </c>
      <c r="JC26" s="71">
        <v>3</v>
      </c>
      <c r="JD26" s="71">
        <v>3</v>
      </c>
      <c r="JE26" s="72">
        <v>40</v>
      </c>
      <c r="JF26" s="73">
        <v>63</v>
      </c>
      <c r="JG26" s="70">
        <v>5</v>
      </c>
      <c r="JH26" s="71">
        <v>8</v>
      </c>
      <c r="JI26" s="72">
        <v>13</v>
      </c>
      <c r="JJ26" s="244"/>
      <c r="JK26" s="71">
        <v>11</v>
      </c>
      <c r="JL26" s="71">
        <v>11</v>
      </c>
      <c r="JM26" s="71">
        <v>8</v>
      </c>
      <c r="JN26" s="71">
        <v>7</v>
      </c>
      <c r="JO26" s="71">
        <v>2</v>
      </c>
      <c r="JP26" s="72">
        <v>39</v>
      </c>
      <c r="JQ26" s="73">
        <v>52</v>
      </c>
      <c r="JR26" s="70">
        <v>0</v>
      </c>
      <c r="JS26" s="71">
        <v>0</v>
      </c>
      <c r="JT26" s="72">
        <v>0</v>
      </c>
      <c r="JU26" s="244"/>
      <c r="JV26" s="71">
        <v>0</v>
      </c>
      <c r="JW26" s="71">
        <v>0</v>
      </c>
      <c r="JX26" s="71">
        <v>0</v>
      </c>
      <c r="JY26" s="71">
        <v>0</v>
      </c>
      <c r="JZ26" s="71">
        <v>0</v>
      </c>
      <c r="KA26" s="72">
        <v>0</v>
      </c>
      <c r="KB26" s="73">
        <v>0</v>
      </c>
      <c r="KC26" s="70">
        <v>34</v>
      </c>
      <c r="KD26" s="71">
        <v>36</v>
      </c>
      <c r="KE26" s="72">
        <v>70</v>
      </c>
      <c r="KF26" s="244"/>
      <c r="KG26" s="71">
        <v>66</v>
      </c>
      <c r="KH26" s="71">
        <v>40</v>
      </c>
      <c r="KI26" s="71">
        <v>20</v>
      </c>
      <c r="KJ26" s="71">
        <v>22</v>
      </c>
      <c r="KK26" s="71">
        <v>8</v>
      </c>
      <c r="KL26" s="72">
        <v>156</v>
      </c>
      <c r="KM26" s="73">
        <v>226</v>
      </c>
    </row>
    <row r="27" spans="2:299" ht="21" customHeight="1" x14ac:dyDescent="0.2">
      <c r="B27" s="126" t="s">
        <v>24</v>
      </c>
      <c r="C27" s="315">
        <v>37</v>
      </c>
      <c r="D27" s="82">
        <v>19</v>
      </c>
      <c r="E27" s="83">
        <v>56</v>
      </c>
      <c r="F27" s="241"/>
      <c r="G27" s="82">
        <v>43</v>
      </c>
      <c r="H27" s="82">
        <v>31</v>
      </c>
      <c r="I27" s="82">
        <v>21</v>
      </c>
      <c r="J27" s="82">
        <v>9</v>
      </c>
      <c r="K27" s="82">
        <v>9</v>
      </c>
      <c r="L27" s="84">
        <v>113</v>
      </c>
      <c r="M27" s="85">
        <v>169</v>
      </c>
      <c r="N27" s="70">
        <v>0</v>
      </c>
      <c r="O27" s="71">
        <v>0</v>
      </c>
      <c r="P27" s="72">
        <v>0</v>
      </c>
      <c r="Q27" s="244"/>
      <c r="R27" s="71">
        <v>0</v>
      </c>
      <c r="S27" s="71">
        <v>0</v>
      </c>
      <c r="T27" s="71">
        <v>1</v>
      </c>
      <c r="U27" s="71">
        <v>0</v>
      </c>
      <c r="V27" s="71">
        <v>0</v>
      </c>
      <c r="W27" s="72">
        <v>1</v>
      </c>
      <c r="X27" s="73">
        <v>1</v>
      </c>
      <c r="Y27" s="70">
        <v>0</v>
      </c>
      <c r="Z27" s="71">
        <v>1</v>
      </c>
      <c r="AA27" s="72">
        <v>1</v>
      </c>
      <c r="AB27" s="244"/>
      <c r="AC27" s="71">
        <v>3</v>
      </c>
      <c r="AD27" s="71">
        <v>3</v>
      </c>
      <c r="AE27" s="71">
        <v>2</v>
      </c>
      <c r="AF27" s="71">
        <v>0</v>
      </c>
      <c r="AG27" s="71">
        <v>1</v>
      </c>
      <c r="AH27" s="72">
        <v>9</v>
      </c>
      <c r="AI27" s="73">
        <v>10</v>
      </c>
      <c r="AJ27" s="70">
        <v>1</v>
      </c>
      <c r="AK27" s="71">
        <v>1</v>
      </c>
      <c r="AL27" s="72">
        <v>2</v>
      </c>
      <c r="AM27" s="244"/>
      <c r="AN27" s="71">
        <v>4</v>
      </c>
      <c r="AO27" s="71">
        <v>1</v>
      </c>
      <c r="AP27" s="71">
        <v>2</v>
      </c>
      <c r="AQ27" s="71">
        <v>1</v>
      </c>
      <c r="AR27" s="71">
        <v>0</v>
      </c>
      <c r="AS27" s="72">
        <v>8</v>
      </c>
      <c r="AT27" s="73">
        <v>10</v>
      </c>
      <c r="AU27" s="70">
        <v>4</v>
      </c>
      <c r="AV27" s="71">
        <v>4</v>
      </c>
      <c r="AW27" s="72">
        <v>8</v>
      </c>
      <c r="AX27" s="244"/>
      <c r="AY27" s="71">
        <v>8</v>
      </c>
      <c r="AZ27" s="71">
        <v>5</v>
      </c>
      <c r="BA27" s="71">
        <v>2</v>
      </c>
      <c r="BB27" s="71">
        <v>0</v>
      </c>
      <c r="BC27" s="71">
        <v>2</v>
      </c>
      <c r="BD27" s="72">
        <v>17</v>
      </c>
      <c r="BE27" s="73">
        <v>25</v>
      </c>
      <c r="BF27" s="70">
        <v>13</v>
      </c>
      <c r="BG27" s="71">
        <v>4</v>
      </c>
      <c r="BH27" s="72">
        <v>17</v>
      </c>
      <c r="BI27" s="244"/>
      <c r="BJ27" s="71">
        <v>11</v>
      </c>
      <c r="BK27" s="71">
        <v>11</v>
      </c>
      <c r="BL27" s="71">
        <v>6</v>
      </c>
      <c r="BM27" s="71">
        <v>7</v>
      </c>
      <c r="BN27" s="71">
        <v>2</v>
      </c>
      <c r="BO27" s="72">
        <v>37</v>
      </c>
      <c r="BP27" s="73">
        <v>54</v>
      </c>
      <c r="BQ27" s="70">
        <v>19</v>
      </c>
      <c r="BR27" s="71">
        <v>9</v>
      </c>
      <c r="BS27" s="72">
        <v>28</v>
      </c>
      <c r="BT27" s="244"/>
      <c r="BU27" s="71">
        <v>17</v>
      </c>
      <c r="BV27" s="71">
        <v>11</v>
      </c>
      <c r="BW27" s="71">
        <v>8</v>
      </c>
      <c r="BX27" s="71">
        <v>1</v>
      </c>
      <c r="BY27" s="71">
        <v>4</v>
      </c>
      <c r="BZ27" s="72">
        <v>41</v>
      </c>
      <c r="CA27" s="73">
        <v>69</v>
      </c>
      <c r="CB27" s="70">
        <v>0</v>
      </c>
      <c r="CC27" s="71">
        <v>0</v>
      </c>
      <c r="CD27" s="72">
        <v>0</v>
      </c>
      <c r="CE27" s="244"/>
      <c r="CF27" s="71">
        <v>0</v>
      </c>
      <c r="CG27" s="71">
        <v>0</v>
      </c>
      <c r="CH27" s="71">
        <v>0</v>
      </c>
      <c r="CI27" s="71">
        <v>0</v>
      </c>
      <c r="CJ27" s="71">
        <v>0</v>
      </c>
      <c r="CK27" s="72">
        <v>0</v>
      </c>
      <c r="CL27" s="73">
        <v>0</v>
      </c>
      <c r="CM27" s="70">
        <v>37</v>
      </c>
      <c r="CN27" s="71">
        <v>19</v>
      </c>
      <c r="CO27" s="72">
        <v>56</v>
      </c>
      <c r="CP27" s="244"/>
      <c r="CQ27" s="71">
        <v>43</v>
      </c>
      <c r="CR27" s="71">
        <v>31</v>
      </c>
      <c r="CS27" s="71">
        <v>21</v>
      </c>
      <c r="CT27" s="71">
        <v>9</v>
      </c>
      <c r="CU27" s="71">
        <v>9</v>
      </c>
      <c r="CV27" s="72">
        <v>113</v>
      </c>
      <c r="CW27" s="73">
        <v>169</v>
      </c>
      <c r="CX27" s="123">
        <v>3</v>
      </c>
      <c r="CY27" s="82">
        <v>2</v>
      </c>
      <c r="CZ27" s="83">
        <v>5</v>
      </c>
      <c r="DA27" s="241"/>
      <c r="DB27" s="82">
        <v>6</v>
      </c>
      <c r="DC27" s="82">
        <v>1</v>
      </c>
      <c r="DD27" s="82">
        <v>5</v>
      </c>
      <c r="DE27" s="82">
        <v>3</v>
      </c>
      <c r="DF27" s="82">
        <v>2</v>
      </c>
      <c r="DG27" s="84">
        <v>17</v>
      </c>
      <c r="DH27" s="85">
        <v>22</v>
      </c>
      <c r="DI27" s="70">
        <v>0</v>
      </c>
      <c r="DJ27" s="71">
        <v>0</v>
      </c>
      <c r="DK27" s="72">
        <v>0</v>
      </c>
      <c r="DL27" s="244"/>
      <c r="DM27" s="71">
        <v>0</v>
      </c>
      <c r="DN27" s="71">
        <v>0</v>
      </c>
      <c r="DO27" s="71">
        <v>0</v>
      </c>
      <c r="DP27" s="71">
        <v>0</v>
      </c>
      <c r="DQ27" s="71">
        <v>0</v>
      </c>
      <c r="DR27" s="72">
        <v>0</v>
      </c>
      <c r="DS27" s="73">
        <v>0</v>
      </c>
      <c r="DT27" s="70">
        <v>1</v>
      </c>
      <c r="DU27" s="71">
        <v>0</v>
      </c>
      <c r="DV27" s="72">
        <v>1</v>
      </c>
      <c r="DW27" s="244"/>
      <c r="DX27" s="71">
        <v>0</v>
      </c>
      <c r="DY27" s="71">
        <v>0</v>
      </c>
      <c r="DZ27" s="71">
        <v>0</v>
      </c>
      <c r="EA27" s="71">
        <v>0</v>
      </c>
      <c r="EB27" s="71">
        <v>0</v>
      </c>
      <c r="EC27" s="72">
        <v>0</v>
      </c>
      <c r="ED27" s="73">
        <v>1</v>
      </c>
      <c r="EE27" s="70">
        <v>0</v>
      </c>
      <c r="EF27" s="71">
        <v>0</v>
      </c>
      <c r="EG27" s="72">
        <v>0</v>
      </c>
      <c r="EH27" s="244"/>
      <c r="EI27" s="71">
        <v>0</v>
      </c>
      <c r="EJ27" s="71">
        <v>0</v>
      </c>
      <c r="EK27" s="71">
        <v>1</v>
      </c>
      <c r="EL27" s="71">
        <v>0</v>
      </c>
      <c r="EM27" s="71">
        <v>0</v>
      </c>
      <c r="EN27" s="72">
        <v>1</v>
      </c>
      <c r="EO27" s="73">
        <v>1</v>
      </c>
      <c r="EP27" s="70">
        <v>0</v>
      </c>
      <c r="EQ27" s="71">
        <v>0</v>
      </c>
      <c r="ER27" s="72">
        <v>0</v>
      </c>
      <c r="ES27" s="244"/>
      <c r="ET27" s="71">
        <v>1</v>
      </c>
      <c r="EU27" s="71">
        <v>0</v>
      </c>
      <c r="EV27" s="71">
        <v>0</v>
      </c>
      <c r="EW27" s="71">
        <v>2</v>
      </c>
      <c r="EX27" s="71">
        <v>0</v>
      </c>
      <c r="EY27" s="72">
        <v>3</v>
      </c>
      <c r="EZ27" s="73">
        <v>3</v>
      </c>
      <c r="FA27" s="70">
        <v>2</v>
      </c>
      <c r="FB27" s="71">
        <v>2</v>
      </c>
      <c r="FC27" s="72">
        <v>4</v>
      </c>
      <c r="FD27" s="244"/>
      <c r="FE27" s="71">
        <v>1</v>
      </c>
      <c r="FF27" s="71">
        <v>1</v>
      </c>
      <c r="FG27" s="71">
        <v>2</v>
      </c>
      <c r="FH27" s="71">
        <v>0</v>
      </c>
      <c r="FI27" s="71">
        <v>0</v>
      </c>
      <c r="FJ27" s="72">
        <v>4</v>
      </c>
      <c r="FK27" s="73">
        <v>8</v>
      </c>
      <c r="FL27" s="70">
        <v>0</v>
      </c>
      <c r="FM27" s="71">
        <v>0</v>
      </c>
      <c r="FN27" s="72">
        <v>0</v>
      </c>
      <c r="FO27" s="244"/>
      <c r="FP27" s="71">
        <v>4</v>
      </c>
      <c r="FQ27" s="71">
        <v>0</v>
      </c>
      <c r="FR27" s="71">
        <v>2</v>
      </c>
      <c r="FS27" s="71">
        <v>1</v>
      </c>
      <c r="FT27" s="71">
        <v>2</v>
      </c>
      <c r="FU27" s="72">
        <v>9</v>
      </c>
      <c r="FV27" s="73">
        <v>9</v>
      </c>
      <c r="FW27" s="70">
        <v>0</v>
      </c>
      <c r="FX27" s="71">
        <v>0</v>
      </c>
      <c r="FY27" s="72">
        <v>0</v>
      </c>
      <c r="FZ27" s="244"/>
      <c r="GA27" s="71">
        <v>0</v>
      </c>
      <c r="GB27" s="71">
        <v>0</v>
      </c>
      <c r="GC27" s="71">
        <v>0</v>
      </c>
      <c r="GD27" s="71">
        <v>0</v>
      </c>
      <c r="GE27" s="71">
        <v>0</v>
      </c>
      <c r="GF27" s="72">
        <v>0</v>
      </c>
      <c r="GG27" s="73">
        <v>0</v>
      </c>
      <c r="GH27" s="70">
        <v>3</v>
      </c>
      <c r="GI27" s="71">
        <v>2</v>
      </c>
      <c r="GJ27" s="72">
        <v>5</v>
      </c>
      <c r="GK27" s="244"/>
      <c r="GL27" s="71">
        <v>6</v>
      </c>
      <c r="GM27" s="71">
        <v>1</v>
      </c>
      <c r="GN27" s="71">
        <v>5</v>
      </c>
      <c r="GO27" s="71">
        <v>3</v>
      </c>
      <c r="GP27" s="71">
        <v>2</v>
      </c>
      <c r="GQ27" s="72">
        <v>17</v>
      </c>
      <c r="GR27" s="73">
        <v>22</v>
      </c>
      <c r="GS27" s="123">
        <v>40</v>
      </c>
      <c r="GT27" s="82">
        <v>21</v>
      </c>
      <c r="GU27" s="83">
        <v>61</v>
      </c>
      <c r="GV27" s="241"/>
      <c r="GW27" s="82">
        <v>49</v>
      </c>
      <c r="GX27" s="82">
        <v>32</v>
      </c>
      <c r="GY27" s="82">
        <v>26</v>
      </c>
      <c r="GZ27" s="82">
        <v>12</v>
      </c>
      <c r="HA27" s="82">
        <v>11</v>
      </c>
      <c r="HB27" s="84">
        <v>130</v>
      </c>
      <c r="HC27" s="85">
        <v>191</v>
      </c>
      <c r="HD27" s="70">
        <v>0</v>
      </c>
      <c r="HE27" s="71">
        <v>0</v>
      </c>
      <c r="HF27" s="72">
        <v>0</v>
      </c>
      <c r="HG27" s="244"/>
      <c r="HH27" s="71">
        <v>0</v>
      </c>
      <c r="HI27" s="71">
        <v>0</v>
      </c>
      <c r="HJ27" s="71">
        <v>1</v>
      </c>
      <c r="HK27" s="71">
        <v>0</v>
      </c>
      <c r="HL27" s="71">
        <v>0</v>
      </c>
      <c r="HM27" s="72">
        <v>1</v>
      </c>
      <c r="HN27" s="73">
        <v>1</v>
      </c>
      <c r="HO27" s="70">
        <v>1</v>
      </c>
      <c r="HP27" s="71">
        <v>1</v>
      </c>
      <c r="HQ27" s="72">
        <v>2</v>
      </c>
      <c r="HR27" s="244"/>
      <c r="HS27" s="71">
        <v>3</v>
      </c>
      <c r="HT27" s="71">
        <v>3</v>
      </c>
      <c r="HU27" s="71">
        <v>2</v>
      </c>
      <c r="HV27" s="71">
        <v>0</v>
      </c>
      <c r="HW27" s="71">
        <v>1</v>
      </c>
      <c r="HX27" s="72">
        <v>9</v>
      </c>
      <c r="HY27" s="73">
        <v>11</v>
      </c>
      <c r="HZ27" s="70">
        <v>1</v>
      </c>
      <c r="IA27" s="71">
        <v>1</v>
      </c>
      <c r="IB27" s="72">
        <v>2</v>
      </c>
      <c r="IC27" s="244"/>
      <c r="ID27" s="71">
        <v>4</v>
      </c>
      <c r="IE27" s="71">
        <v>1</v>
      </c>
      <c r="IF27" s="71">
        <v>3</v>
      </c>
      <c r="IG27" s="71">
        <v>1</v>
      </c>
      <c r="IH27" s="71">
        <v>0</v>
      </c>
      <c r="II27" s="72">
        <v>9</v>
      </c>
      <c r="IJ27" s="73">
        <v>11</v>
      </c>
      <c r="IK27" s="70">
        <v>4</v>
      </c>
      <c r="IL27" s="71">
        <v>4</v>
      </c>
      <c r="IM27" s="72">
        <v>8</v>
      </c>
      <c r="IN27" s="244"/>
      <c r="IO27" s="71">
        <v>9</v>
      </c>
      <c r="IP27" s="71">
        <v>5</v>
      </c>
      <c r="IQ27" s="71">
        <v>2</v>
      </c>
      <c r="IR27" s="71">
        <v>2</v>
      </c>
      <c r="IS27" s="71">
        <v>2</v>
      </c>
      <c r="IT27" s="72">
        <v>20</v>
      </c>
      <c r="IU27" s="73">
        <v>28</v>
      </c>
      <c r="IV27" s="70">
        <v>15</v>
      </c>
      <c r="IW27" s="71">
        <v>6</v>
      </c>
      <c r="IX27" s="72">
        <v>21</v>
      </c>
      <c r="IY27" s="244"/>
      <c r="IZ27" s="71">
        <v>12</v>
      </c>
      <c r="JA27" s="71">
        <v>12</v>
      </c>
      <c r="JB27" s="71">
        <v>8</v>
      </c>
      <c r="JC27" s="71">
        <v>7</v>
      </c>
      <c r="JD27" s="71">
        <v>2</v>
      </c>
      <c r="JE27" s="72">
        <v>41</v>
      </c>
      <c r="JF27" s="73">
        <v>62</v>
      </c>
      <c r="JG27" s="70">
        <v>19</v>
      </c>
      <c r="JH27" s="71">
        <v>9</v>
      </c>
      <c r="JI27" s="72">
        <v>28</v>
      </c>
      <c r="JJ27" s="244"/>
      <c r="JK27" s="71">
        <v>21</v>
      </c>
      <c r="JL27" s="71">
        <v>11</v>
      </c>
      <c r="JM27" s="71">
        <v>10</v>
      </c>
      <c r="JN27" s="71">
        <v>2</v>
      </c>
      <c r="JO27" s="71">
        <v>6</v>
      </c>
      <c r="JP27" s="72">
        <v>50</v>
      </c>
      <c r="JQ27" s="73">
        <v>78</v>
      </c>
      <c r="JR27" s="70">
        <v>0</v>
      </c>
      <c r="JS27" s="71">
        <v>0</v>
      </c>
      <c r="JT27" s="72">
        <v>0</v>
      </c>
      <c r="JU27" s="244"/>
      <c r="JV27" s="71">
        <v>0</v>
      </c>
      <c r="JW27" s="71">
        <v>0</v>
      </c>
      <c r="JX27" s="71">
        <v>0</v>
      </c>
      <c r="JY27" s="71">
        <v>0</v>
      </c>
      <c r="JZ27" s="71">
        <v>0</v>
      </c>
      <c r="KA27" s="72">
        <v>0</v>
      </c>
      <c r="KB27" s="73">
        <v>0</v>
      </c>
      <c r="KC27" s="70">
        <v>40</v>
      </c>
      <c r="KD27" s="71">
        <v>21</v>
      </c>
      <c r="KE27" s="72">
        <v>61</v>
      </c>
      <c r="KF27" s="244"/>
      <c r="KG27" s="71">
        <v>49</v>
      </c>
      <c r="KH27" s="71">
        <v>32</v>
      </c>
      <c r="KI27" s="71">
        <v>26</v>
      </c>
      <c r="KJ27" s="71">
        <v>12</v>
      </c>
      <c r="KK27" s="71">
        <v>11</v>
      </c>
      <c r="KL27" s="72">
        <v>130</v>
      </c>
      <c r="KM27" s="73">
        <v>191</v>
      </c>
    </row>
    <row r="28" spans="2:299" ht="21" customHeight="1" x14ac:dyDescent="0.2">
      <c r="B28" s="126" t="s">
        <v>25</v>
      </c>
      <c r="C28" s="315">
        <v>15</v>
      </c>
      <c r="D28" s="82">
        <v>20</v>
      </c>
      <c r="E28" s="83">
        <v>35</v>
      </c>
      <c r="F28" s="241"/>
      <c r="G28" s="82">
        <v>26</v>
      </c>
      <c r="H28" s="82">
        <v>11</v>
      </c>
      <c r="I28" s="82">
        <v>14</v>
      </c>
      <c r="J28" s="82">
        <v>13</v>
      </c>
      <c r="K28" s="82">
        <v>7</v>
      </c>
      <c r="L28" s="84">
        <v>71</v>
      </c>
      <c r="M28" s="85">
        <v>106</v>
      </c>
      <c r="N28" s="70">
        <v>0</v>
      </c>
      <c r="O28" s="71">
        <v>1</v>
      </c>
      <c r="P28" s="72">
        <v>1</v>
      </c>
      <c r="Q28" s="244"/>
      <c r="R28" s="71">
        <v>2</v>
      </c>
      <c r="S28" s="71">
        <v>0</v>
      </c>
      <c r="T28" s="71">
        <v>0</v>
      </c>
      <c r="U28" s="71">
        <v>0</v>
      </c>
      <c r="V28" s="71">
        <v>0</v>
      </c>
      <c r="W28" s="72">
        <v>2</v>
      </c>
      <c r="X28" s="73">
        <v>3</v>
      </c>
      <c r="Y28" s="70">
        <v>0</v>
      </c>
      <c r="Z28" s="71">
        <v>3</v>
      </c>
      <c r="AA28" s="72">
        <v>3</v>
      </c>
      <c r="AB28" s="244"/>
      <c r="AC28" s="71">
        <v>1</v>
      </c>
      <c r="AD28" s="71">
        <v>0</v>
      </c>
      <c r="AE28" s="71">
        <v>0</v>
      </c>
      <c r="AF28" s="71">
        <v>1</v>
      </c>
      <c r="AG28" s="71">
        <v>0</v>
      </c>
      <c r="AH28" s="72">
        <v>2</v>
      </c>
      <c r="AI28" s="73">
        <v>5</v>
      </c>
      <c r="AJ28" s="70">
        <v>5</v>
      </c>
      <c r="AK28" s="71">
        <v>4</v>
      </c>
      <c r="AL28" s="72">
        <v>9</v>
      </c>
      <c r="AM28" s="244"/>
      <c r="AN28" s="71">
        <v>4</v>
      </c>
      <c r="AO28" s="71">
        <v>1</v>
      </c>
      <c r="AP28" s="71">
        <v>1</v>
      </c>
      <c r="AQ28" s="71">
        <v>2</v>
      </c>
      <c r="AR28" s="71">
        <v>0</v>
      </c>
      <c r="AS28" s="72">
        <v>8</v>
      </c>
      <c r="AT28" s="73">
        <v>17</v>
      </c>
      <c r="AU28" s="70">
        <v>1</v>
      </c>
      <c r="AV28" s="71">
        <v>7</v>
      </c>
      <c r="AW28" s="72">
        <v>8</v>
      </c>
      <c r="AX28" s="244"/>
      <c r="AY28" s="71">
        <v>3</v>
      </c>
      <c r="AZ28" s="71">
        <v>1</v>
      </c>
      <c r="BA28" s="71">
        <v>6</v>
      </c>
      <c r="BB28" s="71">
        <v>2</v>
      </c>
      <c r="BC28" s="71">
        <v>2</v>
      </c>
      <c r="BD28" s="72">
        <v>14</v>
      </c>
      <c r="BE28" s="73">
        <v>22</v>
      </c>
      <c r="BF28" s="70">
        <v>3</v>
      </c>
      <c r="BG28" s="71">
        <v>4</v>
      </c>
      <c r="BH28" s="72">
        <v>7</v>
      </c>
      <c r="BI28" s="244"/>
      <c r="BJ28" s="71">
        <v>10</v>
      </c>
      <c r="BK28" s="71">
        <v>5</v>
      </c>
      <c r="BL28" s="71">
        <v>3</v>
      </c>
      <c r="BM28" s="71">
        <v>4</v>
      </c>
      <c r="BN28" s="71">
        <v>3</v>
      </c>
      <c r="BO28" s="72">
        <v>25</v>
      </c>
      <c r="BP28" s="73">
        <v>32</v>
      </c>
      <c r="BQ28" s="70">
        <v>6</v>
      </c>
      <c r="BR28" s="71">
        <v>1</v>
      </c>
      <c r="BS28" s="72">
        <v>7</v>
      </c>
      <c r="BT28" s="244"/>
      <c r="BU28" s="71">
        <v>6</v>
      </c>
      <c r="BV28" s="71">
        <v>4</v>
      </c>
      <c r="BW28" s="71">
        <v>4</v>
      </c>
      <c r="BX28" s="71">
        <v>4</v>
      </c>
      <c r="BY28" s="71">
        <v>2</v>
      </c>
      <c r="BZ28" s="72">
        <v>20</v>
      </c>
      <c r="CA28" s="73">
        <v>27</v>
      </c>
      <c r="CB28" s="70">
        <v>0</v>
      </c>
      <c r="CC28" s="71">
        <v>0</v>
      </c>
      <c r="CD28" s="72">
        <v>0</v>
      </c>
      <c r="CE28" s="244"/>
      <c r="CF28" s="71">
        <v>0</v>
      </c>
      <c r="CG28" s="71">
        <v>0</v>
      </c>
      <c r="CH28" s="71">
        <v>0</v>
      </c>
      <c r="CI28" s="71">
        <v>0</v>
      </c>
      <c r="CJ28" s="71">
        <v>0</v>
      </c>
      <c r="CK28" s="72">
        <v>0</v>
      </c>
      <c r="CL28" s="73">
        <v>0</v>
      </c>
      <c r="CM28" s="70">
        <v>15</v>
      </c>
      <c r="CN28" s="71">
        <v>20</v>
      </c>
      <c r="CO28" s="72">
        <v>35</v>
      </c>
      <c r="CP28" s="244"/>
      <c r="CQ28" s="71">
        <v>26</v>
      </c>
      <c r="CR28" s="71">
        <v>11</v>
      </c>
      <c r="CS28" s="71">
        <v>14</v>
      </c>
      <c r="CT28" s="71">
        <v>13</v>
      </c>
      <c r="CU28" s="71">
        <v>7</v>
      </c>
      <c r="CV28" s="72">
        <v>71</v>
      </c>
      <c r="CW28" s="73">
        <v>106</v>
      </c>
      <c r="CX28" s="123">
        <v>3</v>
      </c>
      <c r="CY28" s="82">
        <v>4</v>
      </c>
      <c r="CZ28" s="83">
        <v>7</v>
      </c>
      <c r="DA28" s="241"/>
      <c r="DB28" s="82">
        <v>3</v>
      </c>
      <c r="DC28" s="82">
        <v>3</v>
      </c>
      <c r="DD28" s="82">
        <v>0</v>
      </c>
      <c r="DE28" s="82">
        <v>0</v>
      </c>
      <c r="DF28" s="82">
        <v>0</v>
      </c>
      <c r="DG28" s="84">
        <v>6</v>
      </c>
      <c r="DH28" s="85">
        <v>13</v>
      </c>
      <c r="DI28" s="70">
        <v>0</v>
      </c>
      <c r="DJ28" s="71">
        <v>0</v>
      </c>
      <c r="DK28" s="72">
        <v>0</v>
      </c>
      <c r="DL28" s="244"/>
      <c r="DM28" s="71">
        <v>0</v>
      </c>
      <c r="DN28" s="71">
        <v>0</v>
      </c>
      <c r="DO28" s="71">
        <v>0</v>
      </c>
      <c r="DP28" s="71">
        <v>0</v>
      </c>
      <c r="DQ28" s="71">
        <v>0</v>
      </c>
      <c r="DR28" s="72">
        <v>0</v>
      </c>
      <c r="DS28" s="73">
        <v>0</v>
      </c>
      <c r="DT28" s="70">
        <v>0</v>
      </c>
      <c r="DU28" s="71">
        <v>0</v>
      </c>
      <c r="DV28" s="72">
        <v>0</v>
      </c>
      <c r="DW28" s="244"/>
      <c r="DX28" s="71">
        <v>0</v>
      </c>
      <c r="DY28" s="71">
        <v>1</v>
      </c>
      <c r="DZ28" s="71">
        <v>0</v>
      </c>
      <c r="EA28" s="71">
        <v>0</v>
      </c>
      <c r="EB28" s="71">
        <v>0</v>
      </c>
      <c r="EC28" s="72">
        <v>1</v>
      </c>
      <c r="ED28" s="73">
        <v>1</v>
      </c>
      <c r="EE28" s="70">
        <v>0</v>
      </c>
      <c r="EF28" s="71">
        <v>1</v>
      </c>
      <c r="EG28" s="72">
        <v>1</v>
      </c>
      <c r="EH28" s="244"/>
      <c r="EI28" s="71">
        <v>0</v>
      </c>
      <c r="EJ28" s="71">
        <v>0</v>
      </c>
      <c r="EK28" s="71">
        <v>0</v>
      </c>
      <c r="EL28" s="71">
        <v>0</v>
      </c>
      <c r="EM28" s="71">
        <v>0</v>
      </c>
      <c r="EN28" s="72">
        <v>0</v>
      </c>
      <c r="EO28" s="73">
        <v>1</v>
      </c>
      <c r="EP28" s="70">
        <v>0</v>
      </c>
      <c r="EQ28" s="71">
        <v>2</v>
      </c>
      <c r="ER28" s="72">
        <v>2</v>
      </c>
      <c r="ES28" s="244"/>
      <c r="ET28" s="71">
        <v>0</v>
      </c>
      <c r="EU28" s="71">
        <v>1</v>
      </c>
      <c r="EV28" s="71">
        <v>0</v>
      </c>
      <c r="EW28" s="71">
        <v>0</v>
      </c>
      <c r="EX28" s="71">
        <v>0</v>
      </c>
      <c r="EY28" s="72">
        <v>1</v>
      </c>
      <c r="EZ28" s="73">
        <v>3</v>
      </c>
      <c r="FA28" s="70">
        <v>1</v>
      </c>
      <c r="FB28" s="71">
        <v>1</v>
      </c>
      <c r="FC28" s="72">
        <v>2</v>
      </c>
      <c r="FD28" s="244"/>
      <c r="FE28" s="71">
        <v>1</v>
      </c>
      <c r="FF28" s="71">
        <v>0</v>
      </c>
      <c r="FG28" s="71">
        <v>0</v>
      </c>
      <c r="FH28" s="71">
        <v>0</v>
      </c>
      <c r="FI28" s="71">
        <v>0</v>
      </c>
      <c r="FJ28" s="72">
        <v>1</v>
      </c>
      <c r="FK28" s="73">
        <v>3</v>
      </c>
      <c r="FL28" s="70">
        <v>2</v>
      </c>
      <c r="FM28" s="71">
        <v>0</v>
      </c>
      <c r="FN28" s="72">
        <v>2</v>
      </c>
      <c r="FO28" s="244"/>
      <c r="FP28" s="71">
        <v>2</v>
      </c>
      <c r="FQ28" s="71">
        <v>1</v>
      </c>
      <c r="FR28" s="71">
        <v>0</v>
      </c>
      <c r="FS28" s="71">
        <v>0</v>
      </c>
      <c r="FT28" s="71">
        <v>0</v>
      </c>
      <c r="FU28" s="72">
        <v>3</v>
      </c>
      <c r="FV28" s="73">
        <v>5</v>
      </c>
      <c r="FW28" s="70">
        <v>0</v>
      </c>
      <c r="FX28" s="71">
        <v>0</v>
      </c>
      <c r="FY28" s="72">
        <v>0</v>
      </c>
      <c r="FZ28" s="244"/>
      <c r="GA28" s="71">
        <v>0</v>
      </c>
      <c r="GB28" s="71">
        <v>0</v>
      </c>
      <c r="GC28" s="71">
        <v>0</v>
      </c>
      <c r="GD28" s="71">
        <v>0</v>
      </c>
      <c r="GE28" s="71">
        <v>0</v>
      </c>
      <c r="GF28" s="72">
        <v>0</v>
      </c>
      <c r="GG28" s="73">
        <v>0</v>
      </c>
      <c r="GH28" s="70">
        <v>3</v>
      </c>
      <c r="GI28" s="71">
        <v>4</v>
      </c>
      <c r="GJ28" s="72">
        <v>7</v>
      </c>
      <c r="GK28" s="244"/>
      <c r="GL28" s="71">
        <v>3</v>
      </c>
      <c r="GM28" s="71">
        <v>3</v>
      </c>
      <c r="GN28" s="71">
        <v>0</v>
      </c>
      <c r="GO28" s="71">
        <v>0</v>
      </c>
      <c r="GP28" s="71">
        <v>0</v>
      </c>
      <c r="GQ28" s="72">
        <v>6</v>
      </c>
      <c r="GR28" s="73">
        <v>13</v>
      </c>
      <c r="GS28" s="123">
        <v>18</v>
      </c>
      <c r="GT28" s="82">
        <v>24</v>
      </c>
      <c r="GU28" s="83">
        <v>42</v>
      </c>
      <c r="GV28" s="241"/>
      <c r="GW28" s="82">
        <v>29</v>
      </c>
      <c r="GX28" s="82">
        <v>14</v>
      </c>
      <c r="GY28" s="82">
        <v>14</v>
      </c>
      <c r="GZ28" s="82">
        <v>13</v>
      </c>
      <c r="HA28" s="82">
        <v>7</v>
      </c>
      <c r="HB28" s="84">
        <v>77</v>
      </c>
      <c r="HC28" s="85">
        <v>119</v>
      </c>
      <c r="HD28" s="70">
        <v>0</v>
      </c>
      <c r="HE28" s="71">
        <v>1</v>
      </c>
      <c r="HF28" s="72">
        <v>1</v>
      </c>
      <c r="HG28" s="244"/>
      <c r="HH28" s="71">
        <v>2</v>
      </c>
      <c r="HI28" s="71">
        <v>0</v>
      </c>
      <c r="HJ28" s="71">
        <v>0</v>
      </c>
      <c r="HK28" s="71">
        <v>0</v>
      </c>
      <c r="HL28" s="71">
        <v>0</v>
      </c>
      <c r="HM28" s="72">
        <v>2</v>
      </c>
      <c r="HN28" s="73">
        <v>3</v>
      </c>
      <c r="HO28" s="70">
        <v>0</v>
      </c>
      <c r="HP28" s="71">
        <v>3</v>
      </c>
      <c r="HQ28" s="72">
        <v>3</v>
      </c>
      <c r="HR28" s="244"/>
      <c r="HS28" s="71">
        <v>1</v>
      </c>
      <c r="HT28" s="71">
        <v>1</v>
      </c>
      <c r="HU28" s="71">
        <v>0</v>
      </c>
      <c r="HV28" s="71">
        <v>1</v>
      </c>
      <c r="HW28" s="71">
        <v>0</v>
      </c>
      <c r="HX28" s="72">
        <v>3</v>
      </c>
      <c r="HY28" s="73">
        <v>6</v>
      </c>
      <c r="HZ28" s="70">
        <v>5</v>
      </c>
      <c r="IA28" s="71">
        <v>5</v>
      </c>
      <c r="IB28" s="72">
        <v>10</v>
      </c>
      <c r="IC28" s="244"/>
      <c r="ID28" s="71">
        <v>4</v>
      </c>
      <c r="IE28" s="71">
        <v>1</v>
      </c>
      <c r="IF28" s="71">
        <v>1</v>
      </c>
      <c r="IG28" s="71">
        <v>2</v>
      </c>
      <c r="IH28" s="71">
        <v>0</v>
      </c>
      <c r="II28" s="72">
        <v>8</v>
      </c>
      <c r="IJ28" s="73">
        <v>18</v>
      </c>
      <c r="IK28" s="70">
        <v>1</v>
      </c>
      <c r="IL28" s="71">
        <v>9</v>
      </c>
      <c r="IM28" s="72">
        <v>10</v>
      </c>
      <c r="IN28" s="244"/>
      <c r="IO28" s="71">
        <v>3</v>
      </c>
      <c r="IP28" s="71">
        <v>2</v>
      </c>
      <c r="IQ28" s="71">
        <v>6</v>
      </c>
      <c r="IR28" s="71">
        <v>2</v>
      </c>
      <c r="IS28" s="71">
        <v>2</v>
      </c>
      <c r="IT28" s="72">
        <v>15</v>
      </c>
      <c r="IU28" s="73">
        <v>25</v>
      </c>
      <c r="IV28" s="70">
        <v>4</v>
      </c>
      <c r="IW28" s="71">
        <v>5</v>
      </c>
      <c r="IX28" s="72">
        <v>9</v>
      </c>
      <c r="IY28" s="244"/>
      <c r="IZ28" s="71">
        <v>11</v>
      </c>
      <c r="JA28" s="71">
        <v>5</v>
      </c>
      <c r="JB28" s="71">
        <v>3</v>
      </c>
      <c r="JC28" s="71">
        <v>4</v>
      </c>
      <c r="JD28" s="71">
        <v>3</v>
      </c>
      <c r="JE28" s="72">
        <v>26</v>
      </c>
      <c r="JF28" s="73">
        <v>35</v>
      </c>
      <c r="JG28" s="70">
        <v>8</v>
      </c>
      <c r="JH28" s="71">
        <v>1</v>
      </c>
      <c r="JI28" s="72">
        <v>9</v>
      </c>
      <c r="JJ28" s="244"/>
      <c r="JK28" s="71">
        <v>8</v>
      </c>
      <c r="JL28" s="71">
        <v>5</v>
      </c>
      <c r="JM28" s="71">
        <v>4</v>
      </c>
      <c r="JN28" s="71">
        <v>4</v>
      </c>
      <c r="JO28" s="71">
        <v>2</v>
      </c>
      <c r="JP28" s="72">
        <v>23</v>
      </c>
      <c r="JQ28" s="73">
        <v>32</v>
      </c>
      <c r="JR28" s="70">
        <v>0</v>
      </c>
      <c r="JS28" s="71">
        <v>0</v>
      </c>
      <c r="JT28" s="72">
        <v>0</v>
      </c>
      <c r="JU28" s="244"/>
      <c r="JV28" s="71">
        <v>0</v>
      </c>
      <c r="JW28" s="71">
        <v>0</v>
      </c>
      <c r="JX28" s="71">
        <v>0</v>
      </c>
      <c r="JY28" s="71">
        <v>0</v>
      </c>
      <c r="JZ28" s="71">
        <v>0</v>
      </c>
      <c r="KA28" s="72">
        <v>0</v>
      </c>
      <c r="KB28" s="73">
        <v>0</v>
      </c>
      <c r="KC28" s="70">
        <v>18</v>
      </c>
      <c r="KD28" s="71">
        <v>24</v>
      </c>
      <c r="KE28" s="72">
        <v>42</v>
      </c>
      <c r="KF28" s="244"/>
      <c r="KG28" s="71">
        <v>29</v>
      </c>
      <c r="KH28" s="71">
        <v>14</v>
      </c>
      <c r="KI28" s="71">
        <v>14</v>
      </c>
      <c r="KJ28" s="71">
        <v>13</v>
      </c>
      <c r="KK28" s="71">
        <v>7</v>
      </c>
      <c r="KL28" s="72">
        <v>77</v>
      </c>
      <c r="KM28" s="73">
        <v>119</v>
      </c>
    </row>
    <row r="29" spans="2:299" ht="21" customHeight="1" x14ac:dyDescent="0.2">
      <c r="B29" s="126" t="s">
        <v>26</v>
      </c>
      <c r="C29" s="315">
        <v>21</v>
      </c>
      <c r="D29" s="82">
        <v>11</v>
      </c>
      <c r="E29" s="83">
        <v>32</v>
      </c>
      <c r="F29" s="241"/>
      <c r="G29" s="82">
        <v>26</v>
      </c>
      <c r="H29" s="82">
        <v>25</v>
      </c>
      <c r="I29" s="82">
        <v>20</v>
      </c>
      <c r="J29" s="82">
        <v>12</v>
      </c>
      <c r="K29" s="82">
        <v>5</v>
      </c>
      <c r="L29" s="84">
        <v>88</v>
      </c>
      <c r="M29" s="85">
        <v>120</v>
      </c>
      <c r="N29" s="70">
        <v>0</v>
      </c>
      <c r="O29" s="71">
        <v>0</v>
      </c>
      <c r="P29" s="72">
        <v>0</v>
      </c>
      <c r="Q29" s="244"/>
      <c r="R29" s="71">
        <v>0</v>
      </c>
      <c r="S29" s="71">
        <v>0</v>
      </c>
      <c r="T29" s="71">
        <v>0</v>
      </c>
      <c r="U29" s="71">
        <v>0</v>
      </c>
      <c r="V29" s="71">
        <v>0</v>
      </c>
      <c r="W29" s="72">
        <v>0</v>
      </c>
      <c r="X29" s="73">
        <v>0</v>
      </c>
      <c r="Y29" s="70">
        <v>0</v>
      </c>
      <c r="Z29" s="71">
        <v>0</v>
      </c>
      <c r="AA29" s="72">
        <v>0</v>
      </c>
      <c r="AB29" s="244"/>
      <c r="AC29" s="71">
        <v>1</v>
      </c>
      <c r="AD29" s="71">
        <v>0</v>
      </c>
      <c r="AE29" s="71">
        <v>0</v>
      </c>
      <c r="AF29" s="71">
        <v>0</v>
      </c>
      <c r="AG29" s="71">
        <v>0</v>
      </c>
      <c r="AH29" s="72">
        <v>1</v>
      </c>
      <c r="AI29" s="73">
        <v>1</v>
      </c>
      <c r="AJ29" s="70">
        <v>2</v>
      </c>
      <c r="AK29" s="71">
        <v>1</v>
      </c>
      <c r="AL29" s="72">
        <v>3</v>
      </c>
      <c r="AM29" s="244"/>
      <c r="AN29" s="71">
        <v>3</v>
      </c>
      <c r="AO29" s="71">
        <v>3</v>
      </c>
      <c r="AP29" s="71">
        <v>5</v>
      </c>
      <c r="AQ29" s="71">
        <v>1</v>
      </c>
      <c r="AR29" s="71">
        <v>0</v>
      </c>
      <c r="AS29" s="72">
        <v>12</v>
      </c>
      <c r="AT29" s="73">
        <v>15</v>
      </c>
      <c r="AU29" s="70">
        <v>4</v>
      </c>
      <c r="AV29" s="71">
        <v>2</v>
      </c>
      <c r="AW29" s="72">
        <v>6</v>
      </c>
      <c r="AX29" s="244"/>
      <c r="AY29" s="71">
        <v>10</v>
      </c>
      <c r="AZ29" s="71">
        <v>7</v>
      </c>
      <c r="BA29" s="71">
        <v>2</v>
      </c>
      <c r="BB29" s="71">
        <v>1</v>
      </c>
      <c r="BC29" s="71">
        <v>0</v>
      </c>
      <c r="BD29" s="72">
        <v>20</v>
      </c>
      <c r="BE29" s="73">
        <v>26</v>
      </c>
      <c r="BF29" s="70">
        <v>6</v>
      </c>
      <c r="BG29" s="71">
        <v>4</v>
      </c>
      <c r="BH29" s="72">
        <v>10</v>
      </c>
      <c r="BI29" s="244"/>
      <c r="BJ29" s="71">
        <v>8</v>
      </c>
      <c r="BK29" s="71">
        <v>10</v>
      </c>
      <c r="BL29" s="71">
        <v>8</v>
      </c>
      <c r="BM29" s="71">
        <v>4</v>
      </c>
      <c r="BN29" s="71">
        <v>1</v>
      </c>
      <c r="BO29" s="72">
        <v>31</v>
      </c>
      <c r="BP29" s="73">
        <v>41</v>
      </c>
      <c r="BQ29" s="70">
        <v>9</v>
      </c>
      <c r="BR29" s="71">
        <v>4</v>
      </c>
      <c r="BS29" s="72">
        <v>13</v>
      </c>
      <c r="BT29" s="244"/>
      <c r="BU29" s="71">
        <v>4</v>
      </c>
      <c r="BV29" s="71">
        <v>5</v>
      </c>
      <c r="BW29" s="71">
        <v>5</v>
      </c>
      <c r="BX29" s="71">
        <v>6</v>
      </c>
      <c r="BY29" s="71">
        <v>4</v>
      </c>
      <c r="BZ29" s="72">
        <v>24</v>
      </c>
      <c r="CA29" s="73">
        <v>37</v>
      </c>
      <c r="CB29" s="70">
        <v>0</v>
      </c>
      <c r="CC29" s="71">
        <v>0</v>
      </c>
      <c r="CD29" s="72">
        <v>0</v>
      </c>
      <c r="CE29" s="244"/>
      <c r="CF29" s="71">
        <v>0</v>
      </c>
      <c r="CG29" s="71">
        <v>0</v>
      </c>
      <c r="CH29" s="71">
        <v>0</v>
      </c>
      <c r="CI29" s="71">
        <v>0</v>
      </c>
      <c r="CJ29" s="71">
        <v>0</v>
      </c>
      <c r="CK29" s="72">
        <v>0</v>
      </c>
      <c r="CL29" s="73">
        <v>0</v>
      </c>
      <c r="CM29" s="70">
        <v>21</v>
      </c>
      <c r="CN29" s="71">
        <v>11</v>
      </c>
      <c r="CO29" s="72">
        <v>32</v>
      </c>
      <c r="CP29" s="244"/>
      <c r="CQ29" s="71">
        <v>26</v>
      </c>
      <c r="CR29" s="71">
        <v>25</v>
      </c>
      <c r="CS29" s="71">
        <v>20</v>
      </c>
      <c r="CT29" s="71">
        <v>12</v>
      </c>
      <c r="CU29" s="71">
        <v>5</v>
      </c>
      <c r="CV29" s="72">
        <v>88</v>
      </c>
      <c r="CW29" s="73">
        <v>120</v>
      </c>
      <c r="CX29" s="123">
        <v>1</v>
      </c>
      <c r="CY29" s="82">
        <v>2</v>
      </c>
      <c r="CZ29" s="83">
        <v>3</v>
      </c>
      <c r="DA29" s="241"/>
      <c r="DB29" s="82">
        <v>4</v>
      </c>
      <c r="DC29" s="82">
        <v>4</v>
      </c>
      <c r="DD29" s="82">
        <v>2</v>
      </c>
      <c r="DE29" s="82">
        <v>0</v>
      </c>
      <c r="DF29" s="82">
        <v>0</v>
      </c>
      <c r="DG29" s="84">
        <v>10</v>
      </c>
      <c r="DH29" s="85">
        <v>13</v>
      </c>
      <c r="DI29" s="70">
        <v>0</v>
      </c>
      <c r="DJ29" s="71">
        <v>0</v>
      </c>
      <c r="DK29" s="72">
        <v>0</v>
      </c>
      <c r="DL29" s="244"/>
      <c r="DM29" s="71">
        <v>0</v>
      </c>
      <c r="DN29" s="71">
        <v>0</v>
      </c>
      <c r="DO29" s="71">
        <v>0</v>
      </c>
      <c r="DP29" s="71">
        <v>0</v>
      </c>
      <c r="DQ29" s="71">
        <v>0</v>
      </c>
      <c r="DR29" s="72">
        <v>0</v>
      </c>
      <c r="DS29" s="73">
        <v>0</v>
      </c>
      <c r="DT29" s="70">
        <v>0</v>
      </c>
      <c r="DU29" s="71">
        <v>0</v>
      </c>
      <c r="DV29" s="72">
        <v>0</v>
      </c>
      <c r="DW29" s="244"/>
      <c r="DX29" s="71">
        <v>0</v>
      </c>
      <c r="DY29" s="71">
        <v>0</v>
      </c>
      <c r="DZ29" s="71">
        <v>0</v>
      </c>
      <c r="EA29" s="71">
        <v>0</v>
      </c>
      <c r="EB29" s="71">
        <v>0</v>
      </c>
      <c r="EC29" s="72">
        <v>0</v>
      </c>
      <c r="ED29" s="73">
        <v>0</v>
      </c>
      <c r="EE29" s="70">
        <v>0</v>
      </c>
      <c r="EF29" s="71">
        <v>0</v>
      </c>
      <c r="EG29" s="72">
        <v>0</v>
      </c>
      <c r="EH29" s="244"/>
      <c r="EI29" s="71">
        <v>0</v>
      </c>
      <c r="EJ29" s="71">
        <v>0</v>
      </c>
      <c r="EK29" s="71">
        <v>0</v>
      </c>
      <c r="EL29" s="71">
        <v>0</v>
      </c>
      <c r="EM29" s="71">
        <v>0</v>
      </c>
      <c r="EN29" s="72">
        <v>0</v>
      </c>
      <c r="EO29" s="73">
        <v>0</v>
      </c>
      <c r="EP29" s="70">
        <v>0</v>
      </c>
      <c r="EQ29" s="71">
        <v>0</v>
      </c>
      <c r="ER29" s="72">
        <v>0</v>
      </c>
      <c r="ES29" s="244"/>
      <c r="ET29" s="71">
        <v>0</v>
      </c>
      <c r="EU29" s="71">
        <v>1</v>
      </c>
      <c r="EV29" s="71">
        <v>0</v>
      </c>
      <c r="EW29" s="71">
        <v>0</v>
      </c>
      <c r="EX29" s="71">
        <v>0</v>
      </c>
      <c r="EY29" s="72">
        <v>1</v>
      </c>
      <c r="EZ29" s="73">
        <v>1</v>
      </c>
      <c r="FA29" s="70">
        <v>0</v>
      </c>
      <c r="FB29" s="71">
        <v>1</v>
      </c>
      <c r="FC29" s="72">
        <v>1</v>
      </c>
      <c r="FD29" s="244"/>
      <c r="FE29" s="71">
        <v>2</v>
      </c>
      <c r="FF29" s="71">
        <v>1</v>
      </c>
      <c r="FG29" s="71">
        <v>1</v>
      </c>
      <c r="FH29" s="71">
        <v>0</v>
      </c>
      <c r="FI29" s="71">
        <v>0</v>
      </c>
      <c r="FJ29" s="72">
        <v>4</v>
      </c>
      <c r="FK29" s="73">
        <v>5</v>
      </c>
      <c r="FL29" s="70">
        <v>1</v>
      </c>
      <c r="FM29" s="71">
        <v>1</v>
      </c>
      <c r="FN29" s="72">
        <v>2</v>
      </c>
      <c r="FO29" s="244"/>
      <c r="FP29" s="71">
        <v>2</v>
      </c>
      <c r="FQ29" s="71">
        <v>2</v>
      </c>
      <c r="FR29" s="71">
        <v>1</v>
      </c>
      <c r="FS29" s="71">
        <v>0</v>
      </c>
      <c r="FT29" s="71">
        <v>0</v>
      </c>
      <c r="FU29" s="72">
        <v>5</v>
      </c>
      <c r="FV29" s="73">
        <v>7</v>
      </c>
      <c r="FW29" s="70">
        <v>0</v>
      </c>
      <c r="FX29" s="71">
        <v>0</v>
      </c>
      <c r="FY29" s="72">
        <v>0</v>
      </c>
      <c r="FZ29" s="244"/>
      <c r="GA29" s="71">
        <v>0</v>
      </c>
      <c r="GB29" s="71">
        <v>0</v>
      </c>
      <c r="GC29" s="71">
        <v>0</v>
      </c>
      <c r="GD29" s="71">
        <v>0</v>
      </c>
      <c r="GE29" s="71">
        <v>0</v>
      </c>
      <c r="GF29" s="72">
        <v>0</v>
      </c>
      <c r="GG29" s="73">
        <v>0</v>
      </c>
      <c r="GH29" s="70">
        <v>1</v>
      </c>
      <c r="GI29" s="71">
        <v>2</v>
      </c>
      <c r="GJ29" s="72">
        <v>3</v>
      </c>
      <c r="GK29" s="244"/>
      <c r="GL29" s="71">
        <v>4</v>
      </c>
      <c r="GM29" s="71">
        <v>4</v>
      </c>
      <c r="GN29" s="71">
        <v>2</v>
      </c>
      <c r="GO29" s="71">
        <v>0</v>
      </c>
      <c r="GP29" s="71">
        <v>0</v>
      </c>
      <c r="GQ29" s="72">
        <v>10</v>
      </c>
      <c r="GR29" s="73">
        <v>13</v>
      </c>
      <c r="GS29" s="123">
        <v>22</v>
      </c>
      <c r="GT29" s="82">
        <v>13</v>
      </c>
      <c r="GU29" s="83">
        <v>35</v>
      </c>
      <c r="GV29" s="241"/>
      <c r="GW29" s="82">
        <v>30</v>
      </c>
      <c r="GX29" s="82">
        <v>29</v>
      </c>
      <c r="GY29" s="82">
        <v>22</v>
      </c>
      <c r="GZ29" s="82">
        <v>12</v>
      </c>
      <c r="HA29" s="82">
        <v>5</v>
      </c>
      <c r="HB29" s="84">
        <v>98</v>
      </c>
      <c r="HC29" s="85">
        <v>133</v>
      </c>
      <c r="HD29" s="70">
        <v>0</v>
      </c>
      <c r="HE29" s="71">
        <v>0</v>
      </c>
      <c r="HF29" s="72">
        <v>0</v>
      </c>
      <c r="HG29" s="244"/>
      <c r="HH29" s="71">
        <v>0</v>
      </c>
      <c r="HI29" s="71">
        <v>0</v>
      </c>
      <c r="HJ29" s="71">
        <v>0</v>
      </c>
      <c r="HK29" s="71">
        <v>0</v>
      </c>
      <c r="HL29" s="71">
        <v>0</v>
      </c>
      <c r="HM29" s="72">
        <v>0</v>
      </c>
      <c r="HN29" s="73">
        <v>0</v>
      </c>
      <c r="HO29" s="70">
        <v>0</v>
      </c>
      <c r="HP29" s="71">
        <v>0</v>
      </c>
      <c r="HQ29" s="72">
        <v>0</v>
      </c>
      <c r="HR29" s="244"/>
      <c r="HS29" s="71">
        <v>1</v>
      </c>
      <c r="HT29" s="71">
        <v>0</v>
      </c>
      <c r="HU29" s="71">
        <v>0</v>
      </c>
      <c r="HV29" s="71">
        <v>0</v>
      </c>
      <c r="HW29" s="71">
        <v>0</v>
      </c>
      <c r="HX29" s="72">
        <v>1</v>
      </c>
      <c r="HY29" s="73">
        <v>1</v>
      </c>
      <c r="HZ29" s="70">
        <v>2</v>
      </c>
      <c r="IA29" s="71">
        <v>1</v>
      </c>
      <c r="IB29" s="72">
        <v>3</v>
      </c>
      <c r="IC29" s="244"/>
      <c r="ID29" s="71">
        <v>3</v>
      </c>
      <c r="IE29" s="71">
        <v>3</v>
      </c>
      <c r="IF29" s="71">
        <v>5</v>
      </c>
      <c r="IG29" s="71">
        <v>1</v>
      </c>
      <c r="IH29" s="71">
        <v>0</v>
      </c>
      <c r="II29" s="72">
        <v>12</v>
      </c>
      <c r="IJ29" s="73">
        <v>15</v>
      </c>
      <c r="IK29" s="70">
        <v>4</v>
      </c>
      <c r="IL29" s="71">
        <v>2</v>
      </c>
      <c r="IM29" s="72">
        <v>6</v>
      </c>
      <c r="IN29" s="244"/>
      <c r="IO29" s="71">
        <v>10</v>
      </c>
      <c r="IP29" s="71">
        <v>8</v>
      </c>
      <c r="IQ29" s="71">
        <v>2</v>
      </c>
      <c r="IR29" s="71">
        <v>1</v>
      </c>
      <c r="IS29" s="71">
        <v>0</v>
      </c>
      <c r="IT29" s="72">
        <v>21</v>
      </c>
      <c r="IU29" s="73">
        <v>27</v>
      </c>
      <c r="IV29" s="70">
        <v>6</v>
      </c>
      <c r="IW29" s="71">
        <v>5</v>
      </c>
      <c r="IX29" s="72">
        <v>11</v>
      </c>
      <c r="IY29" s="244"/>
      <c r="IZ29" s="71">
        <v>10</v>
      </c>
      <c r="JA29" s="71">
        <v>11</v>
      </c>
      <c r="JB29" s="71">
        <v>9</v>
      </c>
      <c r="JC29" s="71">
        <v>4</v>
      </c>
      <c r="JD29" s="71">
        <v>1</v>
      </c>
      <c r="JE29" s="72">
        <v>35</v>
      </c>
      <c r="JF29" s="73">
        <v>46</v>
      </c>
      <c r="JG29" s="70">
        <v>10</v>
      </c>
      <c r="JH29" s="71">
        <v>5</v>
      </c>
      <c r="JI29" s="72">
        <v>15</v>
      </c>
      <c r="JJ29" s="244"/>
      <c r="JK29" s="71">
        <v>6</v>
      </c>
      <c r="JL29" s="71">
        <v>7</v>
      </c>
      <c r="JM29" s="71">
        <v>6</v>
      </c>
      <c r="JN29" s="71">
        <v>6</v>
      </c>
      <c r="JO29" s="71">
        <v>4</v>
      </c>
      <c r="JP29" s="72">
        <v>29</v>
      </c>
      <c r="JQ29" s="73">
        <v>44</v>
      </c>
      <c r="JR29" s="70">
        <v>0</v>
      </c>
      <c r="JS29" s="71">
        <v>0</v>
      </c>
      <c r="JT29" s="72">
        <v>0</v>
      </c>
      <c r="JU29" s="244"/>
      <c r="JV29" s="71">
        <v>0</v>
      </c>
      <c r="JW29" s="71">
        <v>0</v>
      </c>
      <c r="JX29" s="71">
        <v>0</v>
      </c>
      <c r="JY29" s="71">
        <v>0</v>
      </c>
      <c r="JZ29" s="71">
        <v>0</v>
      </c>
      <c r="KA29" s="72">
        <v>0</v>
      </c>
      <c r="KB29" s="73">
        <v>0</v>
      </c>
      <c r="KC29" s="70">
        <v>22</v>
      </c>
      <c r="KD29" s="71">
        <v>13</v>
      </c>
      <c r="KE29" s="72">
        <v>35</v>
      </c>
      <c r="KF29" s="244"/>
      <c r="KG29" s="71">
        <v>30</v>
      </c>
      <c r="KH29" s="71">
        <v>29</v>
      </c>
      <c r="KI29" s="71">
        <v>22</v>
      </c>
      <c r="KJ29" s="71">
        <v>12</v>
      </c>
      <c r="KK29" s="71">
        <v>5</v>
      </c>
      <c r="KL29" s="72">
        <v>98</v>
      </c>
      <c r="KM29" s="73">
        <v>133</v>
      </c>
    </row>
    <row r="30" spans="2:299" ht="21" customHeight="1" x14ac:dyDescent="0.2">
      <c r="B30" s="126" t="s">
        <v>27</v>
      </c>
      <c r="C30" s="315">
        <v>15</v>
      </c>
      <c r="D30" s="82">
        <v>24</v>
      </c>
      <c r="E30" s="83">
        <v>39</v>
      </c>
      <c r="F30" s="241"/>
      <c r="G30" s="82">
        <v>16</v>
      </c>
      <c r="H30" s="82">
        <v>18</v>
      </c>
      <c r="I30" s="82">
        <v>21</v>
      </c>
      <c r="J30" s="82">
        <v>13</v>
      </c>
      <c r="K30" s="82">
        <v>7</v>
      </c>
      <c r="L30" s="84">
        <v>75</v>
      </c>
      <c r="M30" s="85">
        <v>114</v>
      </c>
      <c r="N30" s="70">
        <v>0</v>
      </c>
      <c r="O30" s="71">
        <v>0</v>
      </c>
      <c r="P30" s="72">
        <v>0</v>
      </c>
      <c r="Q30" s="244"/>
      <c r="R30" s="71">
        <v>0</v>
      </c>
      <c r="S30" s="71">
        <v>1</v>
      </c>
      <c r="T30" s="71">
        <v>0</v>
      </c>
      <c r="U30" s="71">
        <v>0</v>
      </c>
      <c r="V30" s="71">
        <v>0</v>
      </c>
      <c r="W30" s="72">
        <v>1</v>
      </c>
      <c r="X30" s="73">
        <v>1</v>
      </c>
      <c r="Y30" s="70">
        <v>0</v>
      </c>
      <c r="Z30" s="71">
        <v>1</v>
      </c>
      <c r="AA30" s="72">
        <v>1</v>
      </c>
      <c r="AB30" s="244"/>
      <c r="AC30" s="71">
        <v>0</v>
      </c>
      <c r="AD30" s="71">
        <v>1</v>
      </c>
      <c r="AE30" s="71">
        <v>1</v>
      </c>
      <c r="AF30" s="71">
        <v>0</v>
      </c>
      <c r="AG30" s="71">
        <v>0</v>
      </c>
      <c r="AH30" s="72">
        <v>2</v>
      </c>
      <c r="AI30" s="73">
        <v>3</v>
      </c>
      <c r="AJ30" s="70">
        <v>2</v>
      </c>
      <c r="AK30" s="71">
        <v>2</v>
      </c>
      <c r="AL30" s="72">
        <v>4</v>
      </c>
      <c r="AM30" s="244"/>
      <c r="AN30" s="71">
        <v>1</v>
      </c>
      <c r="AO30" s="71">
        <v>0</v>
      </c>
      <c r="AP30" s="71">
        <v>2</v>
      </c>
      <c r="AQ30" s="71">
        <v>1</v>
      </c>
      <c r="AR30" s="71">
        <v>0</v>
      </c>
      <c r="AS30" s="72">
        <v>4</v>
      </c>
      <c r="AT30" s="73">
        <v>8</v>
      </c>
      <c r="AU30" s="70">
        <v>5</v>
      </c>
      <c r="AV30" s="71">
        <v>3</v>
      </c>
      <c r="AW30" s="72">
        <v>8</v>
      </c>
      <c r="AX30" s="244"/>
      <c r="AY30" s="71">
        <v>5</v>
      </c>
      <c r="AZ30" s="71">
        <v>4</v>
      </c>
      <c r="BA30" s="71">
        <v>5</v>
      </c>
      <c r="BB30" s="71">
        <v>1</v>
      </c>
      <c r="BC30" s="71">
        <v>2</v>
      </c>
      <c r="BD30" s="72">
        <v>17</v>
      </c>
      <c r="BE30" s="73">
        <v>25</v>
      </c>
      <c r="BF30" s="70">
        <v>3</v>
      </c>
      <c r="BG30" s="71">
        <v>10</v>
      </c>
      <c r="BH30" s="72">
        <v>13</v>
      </c>
      <c r="BI30" s="244"/>
      <c r="BJ30" s="71">
        <v>3</v>
      </c>
      <c r="BK30" s="71">
        <v>6</v>
      </c>
      <c r="BL30" s="71">
        <v>7</v>
      </c>
      <c r="BM30" s="71">
        <v>5</v>
      </c>
      <c r="BN30" s="71">
        <v>3</v>
      </c>
      <c r="BO30" s="72">
        <v>24</v>
      </c>
      <c r="BP30" s="73">
        <v>37</v>
      </c>
      <c r="BQ30" s="70">
        <v>5</v>
      </c>
      <c r="BR30" s="71">
        <v>8</v>
      </c>
      <c r="BS30" s="72">
        <v>13</v>
      </c>
      <c r="BT30" s="244"/>
      <c r="BU30" s="71">
        <v>7</v>
      </c>
      <c r="BV30" s="71">
        <v>6</v>
      </c>
      <c r="BW30" s="71">
        <v>6</v>
      </c>
      <c r="BX30" s="71">
        <v>6</v>
      </c>
      <c r="BY30" s="71">
        <v>2</v>
      </c>
      <c r="BZ30" s="72">
        <v>27</v>
      </c>
      <c r="CA30" s="73">
        <v>40</v>
      </c>
      <c r="CB30" s="70">
        <v>0</v>
      </c>
      <c r="CC30" s="71">
        <v>0</v>
      </c>
      <c r="CD30" s="72">
        <v>0</v>
      </c>
      <c r="CE30" s="244"/>
      <c r="CF30" s="71">
        <v>0</v>
      </c>
      <c r="CG30" s="71">
        <v>0</v>
      </c>
      <c r="CH30" s="71">
        <v>0</v>
      </c>
      <c r="CI30" s="71">
        <v>0</v>
      </c>
      <c r="CJ30" s="71">
        <v>0</v>
      </c>
      <c r="CK30" s="72">
        <v>0</v>
      </c>
      <c r="CL30" s="73">
        <v>0</v>
      </c>
      <c r="CM30" s="70">
        <v>15</v>
      </c>
      <c r="CN30" s="71">
        <v>24</v>
      </c>
      <c r="CO30" s="72">
        <v>39</v>
      </c>
      <c r="CP30" s="244"/>
      <c r="CQ30" s="71">
        <v>16</v>
      </c>
      <c r="CR30" s="71">
        <v>18</v>
      </c>
      <c r="CS30" s="71">
        <v>21</v>
      </c>
      <c r="CT30" s="71">
        <v>13</v>
      </c>
      <c r="CU30" s="71">
        <v>7</v>
      </c>
      <c r="CV30" s="72">
        <v>75</v>
      </c>
      <c r="CW30" s="73">
        <v>114</v>
      </c>
      <c r="CX30" s="123">
        <v>4</v>
      </c>
      <c r="CY30" s="82">
        <v>2</v>
      </c>
      <c r="CZ30" s="83">
        <v>6</v>
      </c>
      <c r="DA30" s="241"/>
      <c r="DB30" s="82">
        <v>5</v>
      </c>
      <c r="DC30" s="82">
        <v>2</v>
      </c>
      <c r="DD30" s="82">
        <v>1</v>
      </c>
      <c r="DE30" s="82">
        <v>4</v>
      </c>
      <c r="DF30" s="82">
        <v>1</v>
      </c>
      <c r="DG30" s="84">
        <v>13</v>
      </c>
      <c r="DH30" s="85">
        <v>19</v>
      </c>
      <c r="DI30" s="70">
        <v>0</v>
      </c>
      <c r="DJ30" s="71">
        <v>1</v>
      </c>
      <c r="DK30" s="72">
        <v>1</v>
      </c>
      <c r="DL30" s="244"/>
      <c r="DM30" s="71">
        <v>0</v>
      </c>
      <c r="DN30" s="71">
        <v>0</v>
      </c>
      <c r="DO30" s="71">
        <v>0</v>
      </c>
      <c r="DP30" s="71">
        <v>0</v>
      </c>
      <c r="DQ30" s="71">
        <v>0</v>
      </c>
      <c r="DR30" s="72">
        <v>0</v>
      </c>
      <c r="DS30" s="73">
        <v>1</v>
      </c>
      <c r="DT30" s="70">
        <v>0</v>
      </c>
      <c r="DU30" s="71">
        <v>0</v>
      </c>
      <c r="DV30" s="72">
        <v>0</v>
      </c>
      <c r="DW30" s="244"/>
      <c r="DX30" s="71">
        <v>0</v>
      </c>
      <c r="DY30" s="71">
        <v>0</v>
      </c>
      <c r="DZ30" s="71">
        <v>0</v>
      </c>
      <c r="EA30" s="71">
        <v>0</v>
      </c>
      <c r="EB30" s="71">
        <v>0</v>
      </c>
      <c r="EC30" s="72">
        <v>0</v>
      </c>
      <c r="ED30" s="73">
        <v>0</v>
      </c>
      <c r="EE30" s="70">
        <v>0</v>
      </c>
      <c r="EF30" s="71">
        <v>0</v>
      </c>
      <c r="EG30" s="72">
        <v>0</v>
      </c>
      <c r="EH30" s="244"/>
      <c r="EI30" s="71">
        <v>0</v>
      </c>
      <c r="EJ30" s="71">
        <v>0</v>
      </c>
      <c r="EK30" s="71">
        <v>0</v>
      </c>
      <c r="EL30" s="71">
        <v>0</v>
      </c>
      <c r="EM30" s="71">
        <v>0</v>
      </c>
      <c r="EN30" s="72">
        <v>0</v>
      </c>
      <c r="EO30" s="73">
        <v>0</v>
      </c>
      <c r="EP30" s="70">
        <v>0</v>
      </c>
      <c r="EQ30" s="71">
        <v>0</v>
      </c>
      <c r="ER30" s="72">
        <v>0</v>
      </c>
      <c r="ES30" s="244"/>
      <c r="ET30" s="71">
        <v>1</v>
      </c>
      <c r="EU30" s="71">
        <v>0</v>
      </c>
      <c r="EV30" s="71">
        <v>0</v>
      </c>
      <c r="EW30" s="71">
        <v>0</v>
      </c>
      <c r="EX30" s="71">
        <v>0</v>
      </c>
      <c r="EY30" s="72">
        <v>1</v>
      </c>
      <c r="EZ30" s="73">
        <v>1</v>
      </c>
      <c r="FA30" s="70">
        <v>2</v>
      </c>
      <c r="FB30" s="71">
        <v>0</v>
      </c>
      <c r="FC30" s="72">
        <v>2</v>
      </c>
      <c r="FD30" s="244"/>
      <c r="FE30" s="71">
        <v>3</v>
      </c>
      <c r="FF30" s="71">
        <v>1</v>
      </c>
      <c r="FG30" s="71">
        <v>0</v>
      </c>
      <c r="FH30" s="71">
        <v>0</v>
      </c>
      <c r="FI30" s="71">
        <v>1</v>
      </c>
      <c r="FJ30" s="72">
        <v>5</v>
      </c>
      <c r="FK30" s="73">
        <v>7</v>
      </c>
      <c r="FL30" s="70">
        <v>2</v>
      </c>
      <c r="FM30" s="71">
        <v>1</v>
      </c>
      <c r="FN30" s="72">
        <v>3</v>
      </c>
      <c r="FO30" s="244"/>
      <c r="FP30" s="71">
        <v>1</v>
      </c>
      <c r="FQ30" s="71">
        <v>1</v>
      </c>
      <c r="FR30" s="71">
        <v>1</v>
      </c>
      <c r="FS30" s="71">
        <v>4</v>
      </c>
      <c r="FT30" s="71">
        <v>0</v>
      </c>
      <c r="FU30" s="72">
        <v>7</v>
      </c>
      <c r="FV30" s="73">
        <v>10</v>
      </c>
      <c r="FW30" s="70">
        <v>0</v>
      </c>
      <c r="FX30" s="71">
        <v>0</v>
      </c>
      <c r="FY30" s="72">
        <v>0</v>
      </c>
      <c r="FZ30" s="244"/>
      <c r="GA30" s="71">
        <v>0</v>
      </c>
      <c r="GB30" s="71">
        <v>0</v>
      </c>
      <c r="GC30" s="71">
        <v>0</v>
      </c>
      <c r="GD30" s="71">
        <v>0</v>
      </c>
      <c r="GE30" s="71">
        <v>0</v>
      </c>
      <c r="GF30" s="72">
        <v>0</v>
      </c>
      <c r="GG30" s="73">
        <v>0</v>
      </c>
      <c r="GH30" s="70">
        <v>4</v>
      </c>
      <c r="GI30" s="71">
        <v>2</v>
      </c>
      <c r="GJ30" s="72">
        <v>6</v>
      </c>
      <c r="GK30" s="244"/>
      <c r="GL30" s="71">
        <v>5</v>
      </c>
      <c r="GM30" s="71">
        <v>2</v>
      </c>
      <c r="GN30" s="71">
        <v>1</v>
      </c>
      <c r="GO30" s="71">
        <v>4</v>
      </c>
      <c r="GP30" s="71">
        <v>1</v>
      </c>
      <c r="GQ30" s="72">
        <v>13</v>
      </c>
      <c r="GR30" s="73">
        <v>19</v>
      </c>
      <c r="GS30" s="123">
        <v>19</v>
      </c>
      <c r="GT30" s="82">
        <v>26</v>
      </c>
      <c r="GU30" s="83">
        <v>45</v>
      </c>
      <c r="GV30" s="241"/>
      <c r="GW30" s="82">
        <v>21</v>
      </c>
      <c r="GX30" s="82">
        <v>20</v>
      </c>
      <c r="GY30" s="82">
        <v>22</v>
      </c>
      <c r="GZ30" s="82">
        <v>17</v>
      </c>
      <c r="HA30" s="82">
        <v>8</v>
      </c>
      <c r="HB30" s="84">
        <v>88</v>
      </c>
      <c r="HC30" s="85">
        <v>133</v>
      </c>
      <c r="HD30" s="70">
        <v>0</v>
      </c>
      <c r="HE30" s="71">
        <v>1</v>
      </c>
      <c r="HF30" s="72">
        <v>1</v>
      </c>
      <c r="HG30" s="244"/>
      <c r="HH30" s="71">
        <v>0</v>
      </c>
      <c r="HI30" s="71">
        <v>1</v>
      </c>
      <c r="HJ30" s="71">
        <v>0</v>
      </c>
      <c r="HK30" s="71">
        <v>0</v>
      </c>
      <c r="HL30" s="71">
        <v>0</v>
      </c>
      <c r="HM30" s="72">
        <v>1</v>
      </c>
      <c r="HN30" s="73">
        <v>2</v>
      </c>
      <c r="HO30" s="70">
        <v>0</v>
      </c>
      <c r="HP30" s="71">
        <v>1</v>
      </c>
      <c r="HQ30" s="72">
        <v>1</v>
      </c>
      <c r="HR30" s="244"/>
      <c r="HS30" s="71">
        <v>0</v>
      </c>
      <c r="HT30" s="71">
        <v>1</v>
      </c>
      <c r="HU30" s="71">
        <v>1</v>
      </c>
      <c r="HV30" s="71">
        <v>0</v>
      </c>
      <c r="HW30" s="71">
        <v>0</v>
      </c>
      <c r="HX30" s="72">
        <v>2</v>
      </c>
      <c r="HY30" s="73">
        <v>3</v>
      </c>
      <c r="HZ30" s="70">
        <v>2</v>
      </c>
      <c r="IA30" s="71">
        <v>2</v>
      </c>
      <c r="IB30" s="72">
        <v>4</v>
      </c>
      <c r="IC30" s="244"/>
      <c r="ID30" s="71">
        <v>1</v>
      </c>
      <c r="IE30" s="71">
        <v>0</v>
      </c>
      <c r="IF30" s="71">
        <v>2</v>
      </c>
      <c r="IG30" s="71">
        <v>1</v>
      </c>
      <c r="IH30" s="71">
        <v>0</v>
      </c>
      <c r="II30" s="72">
        <v>4</v>
      </c>
      <c r="IJ30" s="73">
        <v>8</v>
      </c>
      <c r="IK30" s="70">
        <v>5</v>
      </c>
      <c r="IL30" s="71">
        <v>3</v>
      </c>
      <c r="IM30" s="72">
        <v>8</v>
      </c>
      <c r="IN30" s="244"/>
      <c r="IO30" s="71">
        <v>6</v>
      </c>
      <c r="IP30" s="71">
        <v>4</v>
      </c>
      <c r="IQ30" s="71">
        <v>5</v>
      </c>
      <c r="IR30" s="71">
        <v>1</v>
      </c>
      <c r="IS30" s="71">
        <v>2</v>
      </c>
      <c r="IT30" s="72">
        <v>18</v>
      </c>
      <c r="IU30" s="73">
        <v>26</v>
      </c>
      <c r="IV30" s="70">
        <v>5</v>
      </c>
      <c r="IW30" s="71">
        <v>10</v>
      </c>
      <c r="IX30" s="72">
        <v>15</v>
      </c>
      <c r="IY30" s="244"/>
      <c r="IZ30" s="71">
        <v>6</v>
      </c>
      <c r="JA30" s="71">
        <v>7</v>
      </c>
      <c r="JB30" s="71">
        <v>7</v>
      </c>
      <c r="JC30" s="71">
        <v>5</v>
      </c>
      <c r="JD30" s="71">
        <v>4</v>
      </c>
      <c r="JE30" s="72">
        <v>29</v>
      </c>
      <c r="JF30" s="73">
        <v>44</v>
      </c>
      <c r="JG30" s="70">
        <v>7</v>
      </c>
      <c r="JH30" s="71">
        <v>9</v>
      </c>
      <c r="JI30" s="72">
        <v>16</v>
      </c>
      <c r="JJ30" s="244"/>
      <c r="JK30" s="71">
        <v>8</v>
      </c>
      <c r="JL30" s="71">
        <v>7</v>
      </c>
      <c r="JM30" s="71">
        <v>7</v>
      </c>
      <c r="JN30" s="71">
        <v>10</v>
      </c>
      <c r="JO30" s="71">
        <v>2</v>
      </c>
      <c r="JP30" s="72">
        <v>34</v>
      </c>
      <c r="JQ30" s="73">
        <v>50</v>
      </c>
      <c r="JR30" s="70">
        <v>0</v>
      </c>
      <c r="JS30" s="71">
        <v>0</v>
      </c>
      <c r="JT30" s="72">
        <v>0</v>
      </c>
      <c r="JU30" s="244"/>
      <c r="JV30" s="71">
        <v>0</v>
      </c>
      <c r="JW30" s="71">
        <v>0</v>
      </c>
      <c r="JX30" s="71">
        <v>0</v>
      </c>
      <c r="JY30" s="71">
        <v>0</v>
      </c>
      <c r="JZ30" s="71">
        <v>0</v>
      </c>
      <c r="KA30" s="72">
        <v>0</v>
      </c>
      <c r="KB30" s="73">
        <v>0</v>
      </c>
      <c r="KC30" s="70">
        <v>19</v>
      </c>
      <c r="KD30" s="71">
        <v>26</v>
      </c>
      <c r="KE30" s="72">
        <v>45</v>
      </c>
      <c r="KF30" s="244"/>
      <c r="KG30" s="71">
        <v>21</v>
      </c>
      <c r="KH30" s="71">
        <v>20</v>
      </c>
      <c r="KI30" s="71">
        <v>22</v>
      </c>
      <c r="KJ30" s="71">
        <v>17</v>
      </c>
      <c r="KK30" s="71">
        <v>8</v>
      </c>
      <c r="KL30" s="72">
        <v>88</v>
      </c>
      <c r="KM30" s="73">
        <v>133</v>
      </c>
    </row>
    <row r="31" spans="2:299" ht="21" customHeight="1" x14ac:dyDescent="0.2">
      <c r="B31" s="126" t="s">
        <v>28</v>
      </c>
      <c r="C31" s="315">
        <v>1</v>
      </c>
      <c r="D31" s="82">
        <v>2</v>
      </c>
      <c r="E31" s="83">
        <v>3</v>
      </c>
      <c r="F31" s="241"/>
      <c r="G31" s="82">
        <v>5</v>
      </c>
      <c r="H31" s="82">
        <v>6</v>
      </c>
      <c r="I31" s="82">
        <v>2</v>
      </c>
      <c r="J31" s="82">
        <v>5</v>
      </c>
      <c r="K31" s="82">
        <v>0</v>
      </c>
      <c r="L31" s="84">
        <v>18</v>
      </c>
      <c r="M31" s="85">
        <v>21</v>
      </c>
      <c r="N31" s="70">
        <v>0</v>
      </c>
      <c r="O31" s="71">
        <v>0</v>
      </c>
      <c r="P31" s="72">
        <v>0</v>
      </c>
      <c r="Q31" s="244"/>
      <c r="R31" s="71">
        <v>0</v>
      </c>
      <c r="S31" s="71">
        <v>0</v>
      </c>
      <c r="T31" s="71">
        <v>0</v>
      </c>
      <c r="U31" s="71">
        <v>0</v>
      </c>
      <c r="V31" s="71">
        <v>0</v>
      </c>
      <c r="W31" s="72">
        <v>0</v>
      </c>
      <c r="X31" s="73">
        <v>0</v>
      </c>
      <c r="Y31" s="70">
        <v>0</v>
      </c>
      <c r="Z31" s="71">
        <v>0</v>
      </c>
      <c r="AA31" s="72">
        <v>0</v>
      </c>
      <c r="AB31" s="244"/>
      <c r="AC31" s="71">
        <v>0</v>
      </c>
      <c r="AD31" s="71">
        <v>0</v>
      </c>
      <c r="AE31" s="71">
        <v>0</v>
      </c>
      <c r="AF31" s="71">
        <v>1</v>
      </c>
      <c r="AG31" s="71">
        <v>0</v>
      </c>
      <c r="AH31" s="72">
        <v>1</v>
      </c>
      <c r="AI31" s="73">
        <v>1</v>
      </c>
      <c r="AJ31" s="70">
        <v>0</v>
      </c>
      <c r="AK31" s="71">
        <v>0</v>
      </c>
      <c r="AL31" s="72">
        <v>0</v>
      </c>
      <c r="AM31" s="244"/>
      <c r="AN31" s="71">
        <v>0</v>
      </c>
      <c r="AO31" s="71">
        <v>1</v>
      </c>
      <c r="AP31" s="71">
        <v>0</v>
      </c>
      <c r="AQ31" s="71">
        <v>1</v>
      </c>
      <c r="AR31" s="71">
        <v>0</v>
      </c>
      <c r="AS31" s="72">
        <v>2</v>
      </c>
      <c r="AT31" s="73">
        <v>2</v>
      </c>
      <c r="AU31" s="70">
        <v>1</v>
      </c>
      <c r="AV31" s="71">
        <v>0</v>
      </c>
      <c r="AW31" s="72">
        <v>1</v>
      </c>
      <c r="AX31" s="244"/>
      <c r="AY31" s="71">
        <v>0</v>
      </c>
      <c r="AZ31" s="71">
        <v>2</v>
      </c>
      <c r="BA31" s="71">
        <v>1</v>
      </c>
      <c r="BB31" s="71">
        <v>1</v>
      </c>
      <c r="BC31" s="71">
        <v>0</v>
      </c>
      <c r="BD31" s="72">
        <v>4</v>
      </c>
      <c r="BE31" s="73">
        <v>5</v>
      </c>
      <c r="BF31" s="70">
        <v>0</v>
      </c>
      <c r="BG31" s="71">
        <v>2</v>
      </c>
      <c r="BH31" s="72">
        <v>2</v>
      </c>
      <c r="BI31" s="244"/>
      <c r="BJ31" s="71">
        <v>2</v>
      </c>
      <c r="BK31" s="71">
        <v>2</v>
      </c>
      <c r="BL31" s="71">
        <v>1</v>
      </c>
      <c r="BM31" s="71">
        <v>1</v>
      </c>
      <c r="BN31" s="71">
        <v>0</v>
      </c>
      <c r="BO31" s="72">
        <v>6</v>
      </c>
      <c r="BP31" s="73">
        <v>8</v>
      </c>
      <c r="BQ31" s="70">
        <v>0</v>
      </c>
      <c r="BR31" s="71">
        <v>0</v>
      </c>
      <c r="BS31" s="72">
        <v>0</v>
      </c>
      <c r="BT31" s="244"/>
      <c r="BU31" s="71">
        <v>3</v>
      </c>
      <c r="BV31" s="71">
        <v>1</v>
      </c>
      <c r="BW31" s="71">
        <v>0</v>
      </c>
      <c r="BX31" s="71">
        <v>1</v>
      </c>
      <c r="BY31" s="71">
        <v>0</v>
      </c>
      <c r="BZ31" s="72">
        <v>5</v>
      </c>
      <c r="CA31" s="73">
        <v>5</v>
      </c>
      <c r="CB31" s="70">
        <v>0</v>
      </c>
      <c r="CC31" s="71">
        <v>0</v>
      </c>
      <c r="CD31" s="72">
        <v>0</v>
      </c>
      <c r="CE31" s="244"/>
      <c r="CF31" s="71">
        <v>0</v>
      </c>
      <c r="CG31" s="71">
        <v>0</v>
      </c>
      <c r="CH31" s="71">
        <v>0</v>
      </c>
      <c r="CI31" s="71">
        <v>0</v>
      </c>
      <c r="CJ31" s="71">
        <v>0</v>
      </c>
      <c r="CK31" s="72">
        <v>0</v>
      </c>
      <c r="CL31" s="73">
        <v>0</v>
      </c>
      <c r="CM31" s="70">
        <v>1</v>
      </c>
      <c r="CN31" s="71">
        <v>2</v>
      </c>
      <c r="CO31" s="72">
        <v>3</v>
      </c>
      <c r="CP31" s="244"/>
      <c r="CQ31" s="71">
        <v>5</v>
      </c>
      <c r="CR31" s="71">
        <v>6</v>
      </c>
      <c r="CS31" s="71">
        <v>2</v>
      </c>
      <c r="CT31" s="71">
        <v>5</v>
      </c>
      <c r="CU31" s="71">
        <v>0</v>
      </c>
      <c r="CV31" s="72">
        <v>18</v>
      </c>
      <c r="CW31" s="73">
        <v>21</v>
      </c>
      <c r="CX31" s="123">
        <v>0</v>
      </c>
      <c r="CY31" s="82">
        <v>2</v>
      </c>
      <c r="CZ31" s="83">
        <v>2</v>
      </c>
      <c r="DA31" s="241"/>
      <c r="DB31" s="82">
        <v>3</v>
      </c>
      <c r="DC31" s="82">
        <v>1</v>
      </c>
      <c r="DD31" s="82">
        <v>0</v>
      </c>
      <c r="DE31" s="82">
        <v>1</v>
      </c>
      <c r="DF31" s="82">
        <v>2</v>
      </c>
      <c r="DG31" s="84">
        <v>7</v>
      </c>
      <c r="DH31" s="85">
        <v>9</v>
      </c>
      <c r="DI31" s="70">
        <v>0</v>
      </c>
      <c r="DJ31" s="71">
        <v>0</v>
      </c>
      <c r="DK31" s="72">
        <v>0</v>
      </c>
      <c r="DL31" s="244"/>
      <c r="DM31" s="71">
        <v>0</v>
      </c>
      <c r="DN31" s="71">
        <v>0</v>
      </c>
      <c r="DO31" s="71">
        <v>0</v>
      </c>
      <c r="DP31" s="71">
        <v>0</v>
      </c>
      <c r="DQ31" s="71">
        <v>0</v>
      </c>
      <c r="DR31" s="72">
        <v>0</v>
      </c>
      <c r="DS31" s="73">
        <v>0</v>
      </c>
      <c r="DT31" s="70">
        <v>0</v>
      </c>
      <c r="DU31" s="71">
        <v>0</v>
      </c>
      <c r="DV31" s="72">
        <v>0</v>
      </c>
      <c r="DW31" s="244"/>
      <c r="DX31" s="71">
        <v>0</v>
      </c>
      <c r="DY31" s="71">
        <v>0</v>
      </c>
      <c r="DZ31" s="71">
        <v>0</v>
      </c>
      <c r="EA31" s="71">
        <v>0</v>
      </c>
      <c r="EB31" s="71">
        <v>0</v>
      </c>
      <c r="EC31" s="72">
        <v>0</v>
      </c>
      <c r="ED31" s="73">
        <v>0</v>
      </c>
      <c r="EE31" s="70">
        <v>0</v>
      </c>
      <c r="EF31" s="71">
        <v>1</v>
      </c>
      <c r="EG31" s="72">
        <v>1</v>
      </c>
      <c r="EH31" s="244"/>
      <c r="EI31" s="71">
        <v>0</v>
      </c>
      <c r="EJ31" s="71">
        <v>0</v>
      </c>
      <c r="EK31" s="71">
        <v>0</v>
      </c>
      <c r="EL31" s="71">
        <v>0</v>
      </c>
      <c r="EM31" s="71">
        <v>0</v>
      </c>
      <c r="EN31" s="72">
        <v>0</v>
      </c>
      <c r="EO31" s="73">
        <v>1</v>
      </c>
      <c r="EP31" s="70">
        <v>0</v>
      </c>
      <c r="EQ31" s="71">
        <v>0</v>
      </c>
      <c r="ER31" s="72">
        <v>0</v>
      </c>
      <c r="ES31" s="244"/>
      <c r="ET31" s="71">
        <v>0</v>
      </c>
      <c r="EU31" s="71">
        <v>0</v>
      </c>
      <c r="EV31" s="71">
        <v>0</v>
      </c>
      <c r="EW31" s="71">
        <v>0</v>
      </c>
      <c r="EX31" s="71">
        <v>1</v>
      </c>
      <c r="EY31" s="72">
        <v>1</v>
      </c>
      <c r="EZ31" s="73">
        <v>1</v>
      </c>
      <c r="FA31" s="70">
        <v>0</v>
      </c>
      <c r="FB31" s="71">
        <v>0</v>
      </c>
      <c r="FC31" s="72">
        <v>0</v>
      </c>
      <c r="FD31" s="244"/>
      <c r="FE31" s="71">
        <v>2</v>
      </c>
      <c r="FF31" s="71">
        <v>1</v>
      </c>
      <c r="FG31" s="71">
        <v>0</v>
      </c>
      <c r="FH31" s="71">
        <v>0</v>
      </c>
      <c r="FI31" s="71">
        <v>1</v>
      </c>
      <c r="FJ31" s="72">
        <v>4</v>
      </c>
      <c r="FK31" s="73">
        <v>4</v>
      </c>
      <c r="FL31" s="70">
        <v>0</v>
      </c>
      <c r="FM31" s="71">
        <v>1</v>
      </c>
      <c r="FN31" s="72">
        <v>1</v>
      </c>
      <c r="FO31" s="244"/>
      <c r="FP31" s="71">
        <v>1</v>
      </c>
      <c r="FQ31" s="71">
        <v>0</v>
      </c>
      <c r="FR31" s="71">
        <v>0</v>
      </c>
      <c r="FS31" s="71">
        <v>1</v>
      </c>
      <c r="FT31" s="71">
        <v>0</v>
      </c>
      <c r="FU31" s="72">
        <v>2</v>
      </c>
      <c r="FV31" s="73">
        <v>3</v>
      </c>
      <c r="FW31" s="70">
        <v>0</v>
      </c>
      <c r="FX31" s="71">
        <v>0</v>
      </c>
      <c r="FY31" s="72">
        <v>0</v>
      </c>
      <c r="FZ31" s="244"/>
      <c r="GA31" s="71">
        <v>0</v>
      </c>
      <c r="GB31" s="71">
        <v>0</v>
      </c>
      <c r="GC31" s="71">
        <v>0</v>
      </c>
      <c r="GD31" s="71">
        <v>0</v>
      </c>
      <c r="GE31" s="71">
        <v>0</v>
      </c>
      <c r="GF31" s="72">
        <v>0</v>
      </c>
      <c r="GG31" s="73">
        <v>0</v>
      </c>
      <c r="GH31" s="70">
        <v>0</v>
      </c>
      <c r="GI31" s="71">
        <v>2</v>
      </c>
      <c r="GJ31" s="72">
        <v>2</v>
      </c>
      <c r="GK31" s="244"/>
      <c r="GL31" s="71">
        <v>3</v>
      </c>
      <c r="GM31" s="71">
        <v>1</v>
      </c>
      <c r="GN31" s="71">
        <v>0</v>
      </c>
      <c r="GO31" s="71">
        <v>1</v>
      </c>
      <c r="GP31" s="71">
        <v>2</v>
      </c>
      <c r="GQ31" s="72">
        <v>7</v>
      </c>
      <c r="GR31" s="73">
        <v>9</v>
      </c>
      <c r="GS31" s="123">
        <v>1</v>
      </c>
      <c r="GT31" s="82">
        <v>4</v>
      </c>
      <c r="GU31" s="83">
        <v>5</v>
      </c>
      <c r="GV31" s="241"/>
      <c r="GW31" s="82">
        <v>8</v>
      </c>
      <c r="GX31" s="82">
        <v>7</v>
      </c>
      <c r="GY31" s="82">
        <v>2</v>
      </c>
      <c r="GZ31" s="82">
        <v>6</v>
      </c>
      <c r="HA31" s="82">
        <v>2</v>
      </c>
      <c r="HB31" s="84">
        <v>25</v>
      </c>
      <c r="HC31" s="85">
        <v>30</v>
      </c>
      <c r="HD31" s="70">
        <v>0</v>
      </c>
      <c r="HE31" s="71">
        <v>0</v>
      </c>
      <c r="HF31" s="72">
        <v>0</v>
      </c>
      <c r="HG31" s="244"/>
      <c r="HH31" s="71">
        <v>0</v>
      </c>
      <c r="HI31" s="71">
        <v>0</v>
      </c>
      <c r="HJ31" s="71">
        <v>0</v>
      </c>
      <c r="HK31" s="71">
        <v>0</v>
      </c>
      <c r="HL31" s="71">
        <v>0</v>
      </c>
      <c r="HM31" s="72">
        <v>0</v>
      </c>
      <c r="HN31" s="73">
        <v>0</v>
      </c>
      <c r="HO31" s="70">
        <v>0</v>
      </c>
      <c r="HP31" s="71">
        <v>0</v>
      </c>
      <c r="HQ31" s="72">
        <v>0</v>
      </c>
      <c r="HR31" s="244"/>
      <c r="HS31" s="71">
        <v>0</v>
      </c>
      <c r="HT31" s="71">
        <v>0</v>
      </c>
      <c r="HU31" s="71">
        <v>0</v>
      </c>
      <c r="HV31" s="71">
        <v>1</v>
      </c>
      <c r="HW31" s="71">
        <v>0</v>
      </c>
      <c r="HX31" s="72">
        <v>1</v>
      </c>
      <c r="HY31" s="73">
        <v>1</v>
      </c>
      <c r="HZ31" s="70">
        <v>0</v>
      </c>
      <c r="IA31" s="71">
        <v>1</v>
      </c>
      <c r="IB31" s="72">
        <v>1</v>
      </c>
      <c r="IC31" s="244"/>
      <c r="ID31" s="71">
        <v>0</v>
      </c>
      <c r="IE31" s="71">
        <v>1</v>
      </c>
      <c r="IF31" s="71">
        <v>0</v>
      </c>
      <c r="IG31" s="71">
        <v>1</v>
      </c>
      <c r="IH31" s="71">
        <v>0</v>
      </c>
      <c r="II31" s="72">
        <v>2</v>
      </c>
      <c r="IJ31" s="73">
        <v>3</v>
      </c>
      <c r="IK31" s="70">
        <v>1</v>
      </c>
      <c r="IL31" s="71">
        <v>0</v>
      </c>
      <c r="IM31" s="72">
        <v>1</v>
      </c>
      <c r="IN31" s="244"/>
      <c r="IO31" s="71">
        <v>0</v>
      </c>
      <c r="IP31" s="71">
        <v>2</v>
      </c>
      <c r="IQ31" s="71">
        <v>1</v>
      </c>
      <c r="IR31" s="71">
        <v>1</v>
      </c>
      <c r="IS31" s="71">
        <v>1</v>
      </c>
      <c r="IT31" s="72">
        <v>5</v>
      </c>
      <c r="IU31" s="73">
        <v>6</v>
      </c>
      <c r="IV31" s="70">
        <v>0</v>
      </c>
      <c r="IW31" s="71">
        <v>2</v>
      </c>
      <c r="IX31" s="72">
        <v>2</v>
      </c>
      <c r="IY31" s="244"/>
      <c r="IZ31" s="71">
        <v>4</v>
      </c>
      <c r="JA31" s="71">
        <v>3</v>
      </c>
      <c r="JB31" s="71">
        <v>1</v>
      </c>
      <c r="JC31" s="71">
        <v>1</v>
      </c>
      <c r="JD31" s="71">
        <v>1</v>
      </c>
      <c r="JE31" s="72">
        <v>10</v>
      </c>
      <c r="JF31" s="73">
        <v>12</v>
      </c>
      <c r="JG31" s="70">
        <v>0</v>
      </c>
      <c r="JH31" s="71">
        <v>1</v>
      </c>
      <c r="JI31" s="72">
        <v>1</v>
      </c>
      <c r="JJ31" s="244"/>
      <c r="JK31" s="71">
        <v>4</v>
      </c>
      <c r="JL31" s="71">
        <v>1</v>
      </c>
      <c r="JM31" s="71">
        <v>0</v>
      </c>
      <c r="JN31" s="71">
        <v>2</v>
      </c>
      <c r="JO31" s="71">
        <v>0</v>
      </c>
      <c r="JP31" s="72">
        <v>7</v>
      </c>
      <c r="JQ31" s="73">
        <v>8</v>
      </c>
      <c r="JR31" s="70">
        <v>0</v>
      </c>
      <c r="JS31" s="71">
        <v>0</v>
      </c>
      <c r="JT31" s="72">
        <v>0</v>
      </c>
      <c r="JU31" s="244"/>
      <c r="JV31" s="71">
        <v>0</v>
      </c>
      <c r="JW31" s="71">
        <v>0</v>
      </c>
      <c r="JX31" s="71">
        <v>0</v>
      </c>
      <c r="JY31" s="71">
        <v>0</v>
      </c>
      <c r="JZ31" s="71">
        <v>0</v>
      </c>
      <c r="KA31" s="72">
        <v>0</v>
      </c>
      <c r="KB31" s="73">
        <v>0</v>
      </c>
      <c r="KC31" s="70">
        <v>1</v>
      </c>
      <c r="KD31" s="71">
        <v>4</v>
      </c>
      <c r="KE31" s="72">
        <v>5</v>
      </c>
      <c r="KF31" s="244"/>
      <c r="KG31" s="71">
        <v>8</v>
      </c>
      <c r="KH31" s="71">
        <v>7</v>
      </c>
      <c r="KI31" s="71">
        <v>2</v>
      </c>
      <c r="KJ31" s="71">
        <v>6</v>
      </c>
      <c r="KK31" s="71">
        <v>2</v>
      </c>
      <c r="KL31" s="72">
        <v>25</v>
      </c>
      <c r="KM31" s="73">
        <v>30</v>
      </c>
    </row>
    <row r="32" spans="2:299" ht="21" customHeight="1" x14ac:dyDescent="0.2">
      <c r="B32" s="126" t="s">
        <v>29</v>
      </c>
      <c r="C32" s="315">
        <v>5</v>
      </c>
      <c r="D32" s="82">
        <v>2</v>
      </c>
      <c r="E32" s="83">
        <v>7</v>
      </c>
      <c r="F32" s="241"/>
      <c r="G32" s="82">
        <v>5</v>
      </c>
      <c r="H32" s="82">
        <v>7</v>
      </c>
      <c r="I32" s="82">
        <v>2</v>
      </c>
      <c r="J32" s="82">
        <v>2</v>
      </c>
      <c r="K32" s="82">
        <v>3</v>
      </c>
      <c r="L32" s="84">
        <v>19</v>
      </c>
      <c r="M32" s="85">
        <v>26</v>
      </c>
      <c r="N32" s="70">
        <v>0</v>
      </c>
      <c r="O32" s="71">
        <v>0</v>
      </c>
      <c r="P32" s="72">
        <v>0</v>
      </c>
      <c r="Q32" s="244"/>
      <c r="R32" s="71">
        <v>0</v>
      </c>
      <c r="S32" s="71">
        <v>0</v>
      </c>
      <c r="T32" s="71">
        <v>0</v>
      </c>
      <c r="U32" s="71">
        <v>0</v>
      </c>
      <c r="V32" s="71">
        <v>0</v>
      </c>
      <c r="W32" s="72">
        <v>0</v>
      </c>
      <c r="X32" s="73">
        <v>0</v>
      </c>
      <c r="Y32" s="70">
        <v>0</v>
      </c>
      <c r="Z32" s="71">
        <v>0</v>
      </c>
      <c r="AA32" s="72">
        <v>0</v>
      </c>
      <c r="AB32" s="244"/>
      <c r="AC32" s="71">
        <v>0</v>
      </c>
      <c r="AD32" s="71">
        <v>1</v>
      </c>
      <c r="AE32" s="71">
        <v>0</v>
      </c>
      <c r="AF32" s="71">
        <v>0</v>
      </c>
      <c r="AG32" s="71">
        <v>0</v>
      </c>
      <c r="AH32" s="72">
        <v>1</v>
      </c>
      <c r="AI32" s="73">
        <v>1</v>
      </c>
      <c r="AJ32" s="70">
        <v>1</v>
      </c>
      <c r="AK32" s="71">
        <v>0</v>
      </c>
      <c r="AL32" s="72">
        <v>1</v>
      </c>
      <c r="AM32" s="244"/>
      <c r="AN32" s="71">
        <v>0</v>
      </c>
      <c r="AO32" s="71">
        <v>0</v>
      </c>
      <c r="AP32" s="71">
        <v>0</v>
      </c>
      <c r="AQ32" s="71">
        <v>0</v>
      </c>
      <c r="AR32" s="71">
        <v>1</v>
      </c>
      <c r="AS32" s="72">
        <v>1</v>
      </c>
      <c r="AT32" s="73">
        <v>2</v>
      </c>
      <c r="AU32" s="70">
        <v>1</v>
      </c>
      <c r="AV32" s="71">
        <v>1</v>
      </c>
      <c r="AW32" s="72">
        <v>2</v>
      </c>
      <c r="AX32" s="244"/>
      <c r="AY32" s="71">
        <v>1</v>
      </c>
      <c r="AZ32" s="71">
        <v>1</v>
      </c>
      <c r="BA32" s="71">
        <v>0</v>
      </c>
      <c r="BB32" s="71">
        <v>1</v>
      </c>
      <c r="BC32" s="71">
        <v>0</v>
      </c>
      <c r="BD32" s="72">
        <v>3</v>
      </c>
      <c r="BE32" s="73">
        <v>5</v>
      </c>
      <c r="BF32" s="70">
        <v>0</v>
      </c>
      <c r="BG32" s="71">
        <v>1</v>
      </c>
      <c r="BH32" s="72">
        <v>1</v>
      </c>
      <c r="BI32" s="244"/>
      <c r="BJ32" s="71">
        <v>3</v>
      </c>
      <c r="BK32" s="71">
        <v>2</v>
      </c>
      <c r="BL32" s="71">
        <v>1</v>
      </c>
      <c r="BM32" s="71">
        <v>0</v>
      </c>
      <c r="BN32" s="71">
        <v>2</v>
      </c>
      <c r="BO32" s="72">
        <v>8</v>
      </c>
      <c r="BP32" s="73">
        <v>9</v>
      </c>
      <c r="BQ32" s="70">
        <v>3</v>
      </c>
      <c r="BR32" s="71">
        <v>0</v>
      </c>
      <c r="BS32" s="72">
        <v>3</v>
      </c>
      <c r="BT32" s="244"/>
      <c r="BU32" s="71">
        <v>1</v>
      </c>
      <c r="BV32" s="71">
        <v>3</v>
      </c>
      <c r="BW32" s="71">
        <v>1</v>
      </c>
      <c r="BX32" s="71">
        <v>1</v>
      </c>
      <c r="BY32" s="71">
        <v>0</v>
      </c>
      <c r="BZ32" s="72">
        <v>6</v>
      </c>
      <c r="CA32" s="73">
        <v>9</v>
      </c>
      <c r="CB32" s="70">
        <v>0</v>
      </c>
      <c r="CC32" s="71">
        <v>0</v>
      </c>
      <c r="CD32" s="72">
        <v>0</v>
      </c>
      <c r="CE32" s="244"/>
      <c r="CF32" s="71">
        <v>0</v>
      </c>
      <c r="CG32" s="71">
        <v>0</v>
      </c>
      <c r="CH32" s="71">
        <v>0</v>
      </c>
      <c r="CI32" s="71">
        <v>0</v>
      </c>
      <c r="CJ32" s="71">
        <v>0</v>
      </c>
      <c r="CK32" s="72">
        <v>0</v>
      </c>
      <c r="CL32" s="73">
        <v>0</v>
      </c>
      <c r="CM32" s="70">
        <v>5</v>
      </c>
      <c r="CN32" s="71">
        <v>2</v>
      </c>
      <c r="CO32" s="72">
        <v>7</v>
      </c>
      <c r="CP32" s="244"/>
      <c r="CQ32" s="71">
        <v>5</v>
      </c>
      <c r="CR32" s="71">
        <v>7</v>
      </c>
      <c r="CS32" s="71">
        <v>2</v>
      </c>
      <c r="CT32" s="71">
        <v>2</v>
      </c>
      <c r="CU32" s="71">
        <v>3</v>
      </c>
      <c r="CV32" s="72">
        <v>19</v>
      </c>
      <c r="CW32" s="73">
        <v>26</v>
      </c>
      <c r="CX32" s="123">
        <v>1</v>
      </c>
      <c r="CY32" s="82">
        <v>0</v>
      </c>
      <c r="CZ32" s="83">
        <v>1</v>
      </c>
      <c r="DA32" s="241"/>
      <c r="DB32" s="82">
        <v>1</v>
      </c>
      <c r="DC32" s="82">
        <v>2</v>
      </c>
      <c r="DD32" s="82">
        <v>0</v>
      </c>
      <c r="DE32" s="82">
        <v>0</v>
      </c>
      <c r="DF32" s="82">
        <v>0</v>
      </c>
      <c r="DG32" s="84">
        <v>3</v>
      </c>
      <c r="DH32" s="85">
        <v>4</v>
      </c>
      <c r="DI32" s="70">
        <v>0</v>
      </c>
      <c r="DJ32" s="71">
        <v>0</v>
      </c>
      <c r="DK32" s="72">
        <v>0</v>
      </c>
      <c r="DL32" s="244"/>
      <c r="DM32" s="71">
        <v>0</v>
      </c>
      <c r="DN32" s="71">
        <v>0</v>
      </c>
      <c r="DO32" s="71">
        <v>0</v>
      </c>
      <c r="DP32" s="71">
        <v>0</v>
      </c>
      <c r="DQ32" s="71">
        <v>0</v>
      </c>
      <c r="DR32" s="72">
        <v>0</v>
      </c>
      <c r="DS32" s="73">
        <v>0</v>
      </c>
      <c r="DT32" s="70">
        <v>0</v>
      </c>
      <c r="DU32" s="71">
        <v>0</v>
      </c>
      <c r="DV32" s="72">
        <v>0</v>
      </c>
      <c r="DW32" s="244"/>
      <c r="DX32" s="71">
        <v>0</v>
      </c>
      <c r="DY32" s="71">
        <v>1</v>
      </c>
      <c r="DZ32" s="71">
        <v>0</v>
      </c>
      <c r="EA32" s="71">
        <v>0</v>
      </c>
      <c r="EB32" s="71">
        <v>0</v>
      </c>
      <c r="EC32" s="72">
        <v>1</v>
      </c>
      <c r="ED32" s="73">
        <v>1</v>
      </c>
      <c r="EE32" s="70">
        <v>0</v>
      </c>
      <c r="EF32" s="71">
        <v>0</v>
      </c>
      <c r="EG32" s="72">
        <v>0</v>
      </c>
      <c r="EH32" s="244"/>
      <c r="EI32" s="71">
        <v>0</v>
      </c>
      <c r="EJ32" s="71">
        <v>0</v>
      </c>
      <c r="EK32" s="71">
        <v>0</v>
      </c>
      <c r="EL32" s="71">
        <v>0</v>
      </c>
      <c r="EM32" s="71">
        <v>0</v>
      </c>
      <c r="EN32" s="72">
        <v>0</v>
      </c>
      <c r="EO32" s="73">
        <v>0</v>
      </c>
      <c r="EP32" s="70">
        <v>1</v>
      </c>
      <c r="EQ32" s="71">
        <v>0</v>
      </c>
      <c r="ER32" s="72">
        <v>1</v>
      </c>
      <c r="ES32" s="244"/>
      <c r="ET32" s="71">
        <v>0</v>
      </c>
      <c r="EU32" s="71">
        <v>0</v>
      </c>
      <c r="EV32" s="71">
        <v>0</v>
      </c>
      <c r="EW32" s="71">
        <v>0</v>
      </c>
      <c r="EX32" s="71">
        <v>0</v>
      </c>
      <c r="EY32" s="72">
        <v>0</v>
      </c>
      <c r="EZ32" s="73">
        <v>1</v>
      </c>
      <c r="FA32" s="70">
        <v>0</v>
      </c>
      <c r="FB32" s="71">
        <v>0</v>
      </c>
      <c r="FC32" s="72">
        <v>0</v>
      </c>
      <c r="FD32" s="244"/>
      <c r="FE32" s="71">
        <v>1</v>
      </c>
      <c r="FF32" s="71">
        <v>0</v>
      </c>
      <c r="FG32" s="71">
        <v>0</v>
      </c>
      <c r="FH32" s="71">
        <v>0</v>
      </c>
      <c r="FI32" s="71">
        <v>0</v>
      </c>
      <c r="FJ32" s="72">
        <v>1</v>
      </c>
      <c r="FK32" s="73">
        <v>1</v>
      </c>
      <c r="FL32" s="70">
        <v>0</v>
      </c>
      <c r="FM32" s="71">
        <v>0</v>
      </c>
      <c r="FN32" s="72">
        <v>0</v>
      </c>
      <c r="FO32" s="244"/>
      <c r="FP32" s="71">
        <v>0</v>
      </c>
      <c r="FQ32" s="71">
        <v>1</v>
      </c>
      <c r="FR32" s="71">
        <v>0</v>
      </c>
      <c r="FS32" s="71">
        <v>0</v>
      </c>
      <c r="FT32" s="71">
        <v>0</v>
      </c>
      <c r="FU32" s="72">
        <v>1</v>
      </c>
      <c r="FV32" s="73">
        <v>1</v>
      </c>
      <c r="FW32" s="70">
        <v>0</v>
      </c>
      <c r="FX32" s="71">
        <v>0</v>
      </c>
      <c r="FY32" s="72">
        <v>0</v>
      </c>
      <c r="FZ32" s="244"/>
      <c r="GA32" s="71">
        <v>0</v>
      </c>
      <c r="GB32" s="71">
        <v>0</v>
      </c>
      <c r="GC32" s="71">
        <v>0</v>
      </c>
      <c r="GD32" s="71">
        <v>0</v>
      </c>
      <c r="GE32" s="71">
        <v>0</v>
      </c>
      <c r="GF32" s="72">
        <v>0</v>
      </c>
      <c r="GG32" s="73">
        <v>0</v>
      </c>
      <c r="GH32" s="70">
        <v>1</v>
      </c>
      <c r="GI32" s="71">
        <v>0</v>
      </c>
      <c r="GJ32" s="72">
        <v>1</v>
      </c>
      <c r="GK32" s="244"/>
      <c r="GL32" s="71">
        <v>1</v>
      </c>
      <c r="GM32" s="71">
        <v>2</v>
      </c>
      <c r="GN32" s="71">
        <v>0</v>
      </c>
      <c r="GO32" s="71">
        <v>0</v>
      </c>
      <c r="GP32" s="71">
        <v>0</v>
      </c>
      <c r="GQ32" s="72">
        <v>3</v>
      </c>
      <c r="GR32" s="73">
        <v>4</v>
      </c>
      <c r="GS32" s="123">
        <v>6</v>
      </c>
      <c r="GT32" s="82">
        <v>2</v>
      </c>
      <c r="GU32" s="83">
        <v>8</v>
      </c>
      <c r="GV32" s="241"/>
      <c r="GW32" s="82">
        <v>6</v>
      </c>
      <c r="GX32" s="82">
        <v>9</v>
      </c>
      <c r="GY32" s="82">
        <v>2</v>
      </c>
      <c r="GZ32" s="82">
        <v>2</v>
      </c>
      <c r="HA32" s="82">
        <v>3</v>
      </c>
      <c r="HB32" s="84">
        <v>22</v>
      </c>
      <c r="HC32" s="85">
        <v>30</v>
      </c>
      <c r="HD32" s="70">
        <v>0</v>
      </c>
      <c r="HE32" s="71">
        <v>0</v>
      </c>
      <c r="HF32" s="72">
        <v>0</v>
      </c>
      <c r="HG32" s="244"/>
      <c r="HH32" s="71">
        <v>0</v>
      </c>
      <c r="HI32" s="71">
        <v>0</v>
      </c>
      <c r="HJ32" s="71">
        <v>0</v>
      </c>
      <c r="HK32" s="71">
        <v>0</v>
      </c>
      <c r="HL32" s="71">
        <v>0</v>
      </c>
      <c r="HM32" s="72">
        <v>0</v>
      </c>
      <c r="HN32" s="73">
        <v>0</v>
      </c>
      <c r="HO32" s="70">
        <v>0</v>
      </c>
      <c r="HP32" s="71">
        <v>0</v>
      </c>
      <c r="HQ32" s="72">
        <v>0</v>
      </c>
      <c r="HR32" s="244"/>
      <c r="HS32" s="71">
        <v>0</v>
      </c>
      <c r="HT32" s="71">
        <v>2</v>
      </c>
      <c r="HU32" s="71">
        <v>0</v>
      </c>
      <c r="HV32" s="71">
        <v>0</v>
      </c>
      <c r="HW32" s="71">
        <v>0</v>
      </c>
      <c r="HX32" s="72">
        <v>2</v>
      </c>
      <c r="HY32" s="73">
        <v>2</v>
      </c>
      <c r="HZ32" s="70">
        <v>1</v>
      </c>
      <c r="IA32" s="71">
        <v>0</v>
      </c>
      <c r="IB32" s="72">
        <v>1</v>
      </c>
      <c r="IC32" s="244"/>
      <c r="ID32" s="71">
        <v>0</v>
      </c>
      <c r="IE32" s="71">
        <v>0</v>
      </c>
      <c r="IF32" s="71">
        <v>0</v>
      </c>
      <c r="IG32" s="71">
        <v>0</v>
      </c>
      <c r="IH32" s="71">
        <v>1</v>
      </c>
      <c r="II32" s="72">
        <v>1</v>
      </c>
      <c r="IJ32" s="73">
        <v>2</v>
      </c>
      <c r="IK32" s="70">
        <v>2</v>
      </c>
      <c r="IL32" s="71">
        <v>1</v>
      </c>
      <c r="IM32" s="72">
        <v>3</v>
      </c>
      <c r="IN32" s="244"/>
      <c r="IO32" s="71">
        <v>1</v>
      </c>
      <c r="IP32" s="71">
        <v>1</v>
      </c>
      <c r="IQ32" s="71">
        <v>0</v>
      </c>
      <c r="IR32" s="71">
        <v>1</v>
      </c>
      <c r="IS32" s="71">
        <v>0</v>
      </c>
      <c r="IT32" s="72">
        <v>3</v>
      </c>
      <c r="IU32" s="73">
        <v>6</v>
      </c>
      <c r="IV32" s="70">
        <v>0</v>
      </c>
      <c r="IW32" s="71">
        <v>1</v>
      </c>
      <c r="IX32" s="72">
        <v>1</v>
      </c>
      <c r="IY32" s="244"/>
      <c r="IZ32" s="71">
        <v>4</v>
      </c>
      <c r="JA32" s="71">
        <v>2</v>
      </c>
      <c r="JB32" s="71">
        <v>1</v>
      </c>
      <c r="JC32" s="71">
        <v>0</v>
      </c>
      <c r="JD32" s="71">
        <v>2</v>
      </c>
      <c r="JE32" s="72">
        <v>9</v>
      </c>
      <c r="JF32" s="73">
        <v>10</v>
      </c>
      <c r="JG32" s="70">
        <v>3</v>
      </c>
      <c r="JH32" s="71">
        <v>0</v>
      </c>
      <c r="JI32" s="72">
        <v>3</v>
      </c>
      <c r="JJ32" s="244"/>
      <c r="JK32" s="71">
        <v>1</v>
      </c>
      <c r="JL32" s="71">
        <v>4</v>
      </c>
      <c r="JM32" s="71">
        <v>1</v>
      </c>
      <c r="JN32" s="71">
        <v>1</v>
      </c>
      <c r="JO32" s="71">
        <v>0</v>
      </c>
      <c r="JP32" s="72">
        <v>7</v>
      </c>
      <c r="JQ32" s="73">
        <v>10</v>
      </c>
      <c r="JR32" s="70">
        <v>0</v>
      </c>
      <c r="JS32" s="71">
        <v>0</v>
      </c>
      <c r="JT32" s="72">
        <v>0</v>
      </c>
      <c r="JU32" s="244"/>
      <c r="JV32" s="71">
        <v>0</v>
      </c>
      <c r="JW32" s="71">
        <v>0</v>
      </c>
      <c r="JX32" s="71">
        <v>0</v>
      </c>
      <c r="JY32" s="71">
        <v>0</v>
      </c>
      <c r="JZ32" s="71">
        <v>0</v>
      </c>
      <c r="KA32" s="72">
        <v>0</v>
      </c>
      <c r="KB32" s="73">
        <v>0</v>
      </c>
      <c r="KC32" s="70">
        <v>6</v>
      </c>
      <c r="KD32" s="71">
        <v>2</v>
      </c>
      <c r="KE32" s="72">
        <v>8</v>
      </c>
      <c r="KF32" s="244"/>
      <c r="KG32" s="71">
        <v>6</v>
      </c>
      <c r="KH32" s="71">
        <v>9</v>
      </c>
      <c r="KI32" s="71">
        <v>2</v>
      </c>
      <c r="KJ32" s="71">
        <v>2</v>
      </c>
      <c r="KK32" s="71">
        <v>3</v>
      </c>
      <c r="KL32" s="72">
        <v>22</v>
      </c>
      <c r="KM32" s="73">
        <v>30</v>
      </c>
    </row>
    <row r="33" spans="2:299" ht="21" customHeight="1" x14ac:dyDescent="0.2">
      <c r="B33" s="126" t="s">
        <v>30</v>
      </c>
      <c r="C33" s="315">
        <v>3</v>
      </c>
      <c r="D33" s="82">
        <v>4</v>
      </c>
      <c r="E33" s="83">
        <v>7</v>
      </c>
      <c r="F33" s="241"/>
      <c r="G33" s="82">
        <v>7</v>
      </c>
      <c r="H33" s="82">
        <v>2</v>
      </c>
      <c r="I33" s="82">
        <v>2</v>
      </c>
      <c r="J33" s="82">
        <v>7</v>
      </c>
      <c r="K33" s="82">
        <v>2</v>
      </c>
      <c r="L33" s="84">
        <v>20</v>
      </c>
      <c r="M33" s="85">
        <v>27</v>
      </c>
      <c r="N33" s="70">
        <v>0</v>
      </c>
      <c r="O33" s="71">
        <v>0</v>
      </c>
      <c r="P33" s="72">
        <v>0</v>
      </c>
      <c r="Q33" s="244"/>
      <c r="R33" s="71">
        <v>0</v>
      </c>
      <c r="S33" s="71">
        <v>0</v>
      </c>
      <c r="T33" s="71">
        <v>0</v>
      </c>
      <c r="U33" s="71">
        <v>0</v>
      </c>
      <c r="V33" s="71">
        <v>0</v>
      </c>
      <c r="W33" s="72">
        <v>0</v>
      </c>
      <c r="X33" s="73">
        <v>0</v>
      </c>
      <c r="Y33" s="70">
        <v>1</v>
      </c>
      <c r="Z33" s="71">
        <v>2</v>
      </c>
      <c r="AA33" s="72">
        <v>3</v>
      </c>
      <c r="AB33" s="244"/>
      <c r="AC33" s="71">
        <v>0</v>
      </c>
      <c r="AD33" s="71">
        <v>0</v>
      </c>
      <c r="AE33" s="71">
        <v>0</v>
      </c>
      <c r="AF33" s="71">
        <v>0</v>
      </c>
      <c r="AG33" s="71">
        <v>0</v>
      </c>
      <c r="AH33" s="72">
        <v>0</v>
      </c>
      <c r="AI33" s="73">
        <v>3</v>
      </c>
      <c r="AJ33" s="70">
        <v>0</v>
      </c>
      <c r="AK33" s="71">
        <v>0</v>
      </c>
      <c r="AL33" s="72">
        <v>0</v>
      </c>
      <c r="AM33" s="244"/>
      <c r="AN33" s="71">
        <v>0</v>
      </c>
      <c r="AO33" s="71">
        <v>0</v>
      </c>
      <c r="AP33" s="71">
        <v>0</v>
      </c>
      <c r="AQ33" s="71">
        <v>1</v>
      </c>
      <c r="AR33" s="71">
        <v>0</v>
      </c>
      <c r="AS33" s="72">
        <v>1</v>
      </c>
      <c r="AT33" s="73">
        <v>1</v>
      </c>
      <c r="AU33" s="70">
        <v>0</v>
      </c>
      <c r="AV33" s="71">
        <v>1</v>
      </c>
      <c r="AW33" s="72">
        <v>1</v>
      </c>
      <c r="AX33" s="244"/>
      <c r="AY33" s="71">
        <v>1</v>
      </c>
      <c r="AZ33" s="71">
        <v>0</v>
      </c>
      <c r="BA33" s="71">
        <v>0</v>
      </c>
      <c r="BB33" s="71">
        <v>1</v>
      </c>
      <c r="BC33" s="71">
        <v>0</v>
      </c>
      <c r="BD33" s="72">
        <v>2</v>
      </c>
      <c r="BE33" s="73">
        <v>3</v>
      </c>
      <c r="BF33" s="70">
        <v>1</v>
      </c>
      <c r="BG33" s="71">
        <v>1</v>
      </c>
      <c r="BH33" s="72">
        <v>2</v>
      </c>
      <c r="BI33" s="244"/>
      <c r="BJ33" s="71">
        <v>3</v>
      </c>
      <c r="BK33" s="71">
        <v>0</v>
      </c>
      <c r="BL33" s="71">
        <v>0</v>
      </c>
      <c r="BM33" s="71">
        <v>1</v>
      </c>
      <c r="BN33" s="71">
        <v>0</v>
      </c>
      <c r="BO33" s="72">
        <v>4</v>
      </c>
      <c r="BP33" s="73">
        <v>6</v>
      </c>
      <c r="BQ33" s="70">
        <v>1</v>
      </c>
      <c r="BR33" s="71">
        <v>0</v>
      </c>
      <c r="BS33" s="72">
        <v>1</v>
      </c>
      <c r="BT33" s="244"/>
      <c r="BU33" s="71">
        <v>3</v>
      </c>
      <c r="BV33" s="71">
        <v>2</v>
      </c>
      <c r="BW33" s="71">
        <v>2</v>
      </c>
      <c r="BX33" s="71">
        <v>4</v>
      </c>
      <c r="BY33" s="71">
        <v>2</v>
      </c>
      <c r="BZ33" s="72">
        <v>13</v>
      </c>
      <c r="CA33" s="73">
        <v>14</v>
      </c>
      <c r="CB33" s="70">
        <v>0</v>
      </c>
      <c r="CC33" s="71">
        <v>0</v>
      </c>
      <c r="CD33" s="72">
        <v>0</v>
      </c>
      <c r="CE33" s="244"/>
      <c r="CF33" s="71">
        <v>0</v>
      </c>
      <c r="CG33" s="71">
        <v>0</v>
      </c>
      <c r="CH33" s="71">
        <v>0</v>
      </c>
      <c r="CI33" s="71">
        <v>0</v>
      </c>
      <c r="CJ33" s="71">
        <v>0</v>
      </c>
      <c r="CK33" s="72">
        <v>0</v>
      </c>
      <c r="CL33" s="73">
        <v>0</v>
      </c>
      <c r="CM33" s="70">
        <v>3</v>
      </c>
      <c r="CN33" s="71">
        <v>4</v>
      </c>
      <c r="CO33" s="72">
        <v>7</v>
      </c>
      <c r="CP33" s="244"/>
      <c r="CQ33" s="71">
        <v>7</v>
      </c>
      <c r="CR33" s="71">
        <v>2</v>
      </c>
      <c r="CS33" s="71">
        <v>2</v>
      </c>
      <c r="CT33" s="71">
        <v>7</v>
      </c>
      <c r="CU33" s="71">
        <v>2</v>
      </c>
      <c r="CV33" s="72">
        <v>20</v>
      </c>
      <c r="CW33" s="73">
        <v>27</v>
      </c>
      <c r="CX33" s="123">
        <v>1</v>
      </c>
      <c r="CY33" s="82">
        <v>1</v>
      </c>
      <c r="CZ33" s="83">
        <v>2</v>
      </c>
      <c r="DA33" s="241"/>
      <c r="DB33" s="82">
        <v>2</v>
      </c>
      <c r="DC33" s="82">
        <v>0</v>
      </c>
      <c r="DD33" s="82">
        <v>2</v>
      </c>
      <c r="DE33" s="82">
        <v>2</v>
      </c>
      <c r="DF33" s="82">
        <v>1</v>
      </c>
      <c r="DG33" s="84">
        <v>7</v>
      </c>
      <c r="DH33" s="85">
        <v>9</v>
      </c>
      <c r="DI33" s="70">
        <v>0</v>
      </c>
      <c r="DJ33" s="71">
        <v>0</v>
      </c>
      <c r="DK33" s="72">
        <v>0</v>
      </c>
      <c r="DL33" s="244"/>
      <c r="DM33" s="71">
        <v>0</v>
      </c>
      <c r="DN33" s="71">
        <v>0</v>
      </c>
      <c r="DO33" s="71">
        <v>0</v>
      </c>
      <c r="DP33" s="71">
        <v>0</v>
      </c>
      <c r="DQ33" s="71">
        <v>0</v>
      </c>
      <c r="DR33" s="72">
        <v>0</v>
      </c>
      <c r="DS33" s="73">
        <v>0</v>
      </c>
      <c r="DT33" s="70">
        <v>0</v>
      </c>
      <c r="DU33" s="71">
        <v>0</v>
      </c>
      <c r="DV33" s="72">
        <v>0</v>
      </c>
      <c r="DW33" s="244"/>
      <c r="DX33" s="71">
        <v>1</v>
      </c>
      <c r="DY33" s="71">
        <v>0</v>
      </c>
      <c r="DZ33" s="71">
        <v>0</v>
      </c>
      <c r="EA33" s="71">
        <v>0</v>
      </c>
      <c r="EB33" s="71">
        <v>0</v>
      </c>
      <c r="EC33" s="72">
        <v>1</v>
      </c>
      <c r="ED33" s="73">
        <v>1</v>
      </c>
      <c r="EE33" s="70">
        <v>0</v>
      </c>
      <c r="EF33" s="71">
        <v>0</v>
      </c>
      <c r="EG33" s="72">
        <v>0</v>
      </c>
      <c r="EH33" s="244"/>
      <c r="EI33" s="71">
        <v>0</v>
      </c>
      <c r="EJ33" s="71">
        <v>0</v>
      </c>
      <c r="EK33" s="71">
        <v>0</v>
      </c>
      <c r="EL33" s="71">
        <v>0</v>
      </c>
      <c r="EM33" s="71">
        <v>0</v>
      </c>
      <c r="EN33" s="72">
        <v>0</v>
      </c>
      <c r="EO33" s="73">
        <v>0</v>
      </c>
      <c r="EP33" s="70">
        <v>1</v>
      </c>
      <c r="EQ33" s="71">
        <v>0</v>
      </c>
      <c r="ER33" s="72">
        <v>1</v>
      </c>
      <c r="ES33" s="244"/>
      <c r="ET33" s="71">
        <v>1</v>
      </c>
      <c r="EU33" s="71">
        <v>0</v>
      </c>
      <c r="EV33" s="71">
        <v>0</v>
      </c>
      <c r="EW33" s="71">
        <v>0</v>
      </c>
      <c r="EX33" s="71">
        <v>0</v>
      </c>
      <c r="EY33" s="72">
        <v>1</v>
      </c>
      <c r="EZ33" s="73">
        <v>2</v>
      </c>
      <c r="FA33" s="70">
        <v>0</v>
      </c>
      <c r="FB33" s="71">
        <v>1</v>
      </c>
      <c r="FC33" s="72">
        <v>1</v>
      </c>
      <c r="FD33" s="244"/>
      <c r="FE33" s="71">
        <v>0</v>
      </c>
      <c r="FF33" s="71">
        <v>0</v>
      </c>
      <c r="FG33" s="71">
        <v>1</v>
      </c>
      <c r="FH33" s="71">
        <v>2</v>
      </c>
      <c r="FI33" s="71">
        <v>0</v>
      </c>
      <c r="FJ33" s="72">
        <v>3</v>
      </c>
      <c r="FK33" s="73">
        <v>4</v>
      </c>
      <c r="FL33" s="70">
        <v>0</v>
      </c>
      <c r="FM33" s="71">
        <v>0</v>
      </c>
      <c r="FN33" s="72">
        <v>0</v>
      </c>
      <c r="FO33" s="244"/>
      <c r="FP33" s="71">
        <v>0</v>
      </c>
      <c r="FQ33" s="71">
        <v>0</v>
      </c>
      <c r="FR33" s="71">
        <v>1</v>
      </c>
      <c r="FS33" s="71">
        <v>0</v>
      </c>
      <c r="FT33" s="71">
        <v>1</v>
      </c>
      <c r="FU33" s="72">
        <v>2</v>
      </c>
      <c r="FV33" s="73">
        <v>2</v>
      </c>
      <c r="FW33" s="70">
        <v>0</v>
      </c>
      <c r="FX33" s="71">
        <v>0</v>
      </c>
      <c r="FY33" s="72">
        <v>0</v>
      </c>
      <c r="FZ33" s="244"/>
      <c r="GA33" s="71">
        <v>0</v>
      </c>
      <c r="GB33" s="71">
        <v>0</v>
      </c>
      <c r="GC33" s="71">
        <v>0</v>
      </c>
      <c r="GD33" s="71">
        <v>0</v>
      </c>
      <c r="GE33" s="71">
        <v>0</v>
      </c>
      <c r="GF33" s="72">
        <v>0</v>
      </c>
      <c r="GG33" s="73">
        <v>0</v>
      </c>
      <c r="GH33" s="70">
        <v>1</v>
      </c>
      <c r="GI33" s="71">
        <v>1</v>
      </c>
      <c r="GJ33" s="72">
        <v>2</v>
      </c>
      <c r="GK33" s="244"/>
      <c r="GL33" s="71">
        <v>2</v>
      </c>
      <c r="GM33" s="71">
        <v>0</v>
      </c>
      <c r="GN33" s="71">
        <v>2</v>
      </c>
      <c r="GO33" s="71">
        <v>2</v>
      </c>
      <c r="GP33" s="71">
        <v>1</v>
      </c>
      <c r="GQ33" s="72">
        <v>7</v>
      </c>
      <c r="GR33" s="73">
        <v>9</v>
      </c>
      <c r="GS33" s="123">
        <v>4</v>
      </c>
      <c r="GT33" s="82">
        <v>5</v>
      </c>
      <c r="GU33" s="83">
        <v>9</v>
      </c>
      <c r="GV33" s="241"/>
      <c r="GW33" s="82">
        <v>9</v>
      </c>
      <c r="GX33" s="82">
        <v>2</v>
      </c>
      <c r="GY33" s="82">
        <v>4</v>
      </c>
      <c r="GZ33" s="82">
        <v>9</v>
      </c>
      <c r="HA33" s="82">
        <v>3</v>
      </c>
      <c r="HB33" s="84">
        <v>27</v>
      </c>
      <c r="HC33" s="85">
        <v>36</v>
      </c>
      <c r="HD33" s="70">
        <v>0</v>
      </c>
      <c r="HE33" s="71">
        <v>0</v>
      </c>
      <c r="HF33" s="72">
        <v>0</v>
      </c>
      <c r="HG33" s="244"/>
      <c r="HH33" s="71">
        <v>0</v>
      </c>
      <c r="HI33" s="71">
        <v>0</v>
      </c>
      <c r="HJ33" s="71">
        <v>0</v>
      </c>
      <c r="HK33" s="71">
        <v>0</v>
      </c>
      <c r="HL33" s="71">
        <v>0</v>
      </c>
      <c r="HM33" s="72">
        <v>0</v>
      </c>
      <c r="HN33" s="73">
        <v>0</v>
      </c>
      <c r="HO33" s="70">
        <v>1</v>
      </c>
      <c r="HP33" s="71">
        <v>2</v>
      </c>
      <c r="HQ33" s="72">
        <v>3</v>
      </c>
      <c r="HR33" s="244"/>
      <c r="HS33" s="71">
        <v>1</v>
      </c>
      <c r="HT33" s="71">
        <v>0</v>
      </c>
      <c r="HU33" s="71">
        <v>0</v>
      </c>
      <c r="HV33" s="71">
        <v>0</v>
      </c>
      <c r="HW33" s="71">
        <v>0</v>
      </c>
      <c r="HX33" s="72">
        <v>1</v>
      </c>
      <c r="HY33" s="73">
        <v>4</v>
      </c>
      <c r="HZ33" s="70">
        <v>0</v>
      </c>
      <c r="IA33" s="71">
        <v>0</v>
      </c>
      <c r="IB33" s="72">
        <v>0</v>
      </c>
      <c r="IC33" s="244"/>
      <c r="ID33" s="71">
        <v>0</v>
      </c>
      <c r="IE33" s="71">
        <v>0</v>
      </c>
      <c r="IF33" s="71">
        <v>0</v>
      </c>
      <c r="IG33" s="71">
        <v>1</v>
      </c>
      <c r="IH33" s="71">
        <v>0</v>
      </c>
      <c r="II33" s="72">
        <v>1</v>
      </c>
      <c r="IJ33" s="73">
        <v>1</v>
      </c>
      <c r="IK33" s="70">
        <v>1</v>
      </c>
      <c r="IL33" s="71">
        <v>1</v>
      </c>
      <c r="IM33" s="72">
        <v>2</v>
      </c>
      <c r="IN33" s="244"/>
      <c r="IO33" s="71">
        <v>2</v>
      </c>
      <c r="IP33" s="71">
        <v>0</v>
      </c>
      <c r="IQ33" s="71">
        <v>0</v>
      </c>
      <c r="IR33" s="71">
        <v>1</v>
      </c>
      <c r="IS33" s="71">
        <v>0</v>
      </c>
      <c r="IT33" s="72">
        <v>3</v>
      </c>
      <c r="IU33" s="73">
        <v>5</v>
      </c>
      <c r="IV33" s="70">
        <v>1</v>
      </c>
      <c r="IW33" s="71">
        <v>2</v>
      </c>
      <c r="IX33" s="72">
        <v>3</v>
      </c>
      <c r="IY33" s="244"/>
      <c r="IZ33" s="71">
        <v>3</v>
      </c>
      <c r="JA33" s="71">
        <v>0</v>
      </c>
      <c r="JB33" s="71">
        <v>1</v>
      </c>
      <c r="JC33" s="71">
        <v>3</v>
      </c>
      <c r="JD33" s="71">
        <v>0</v>
      </c>
      <c r="JE33" s="72">
        <v>7</v>
      </c>
      <c r="JF33" s="73">
        <v>10</v>
      </c>
      <c r="JG33" s="70">
        <v>1</v>
      </c>
      <c r="JH33" s="71">
        <v>0</v>
      </c>
      <c r="JI33" s="72">
        <v>1</v>
      </c>
      <c r="JJ33" s="244"/>
      <c r="JK33" s="71">
        <v>3</v>
      </c>
      <c r="JL33" s="71">
        <v>2</v>
      </c>
      <c r="JM33" s="71">
        <v>3</v>
      </c>
      <c r="JN33" s="71">
        <v>4</v>
      </c>
      <c r="JO33" s="71">
        <v>3</v>
      </c>
      <c r="JP33" s="72">
        <v>15</v>
      </c>
      <c r="JQ33" s="73">
        <v>16</v>
      </c>
      <c r="JR33" s="70">
        <v>0</v>
      </c>
      <c r="JS33" s="71">
        <v>0</v>
      </c>
      <c r="JT33" s="72">
        <v>0</v>
      </c>
      <c r="JU33" s="244"/>
      <c r="JV33" s="71">
        <v>0</v>
      </c>
      <c r="JW33" s="71">
        <v>0</v>
      </c>
      <c r="JX33" s="71">
        <v>0</v>
      </c>
      <c r="JY33" s="71">
        <v>0</v>
      </c>
      <c r="JZ33" s="71">
        <v>0</v>
      </c>
      <c r="KA33" s="72">
        <v>0</v>
      </c>
      <c r="KB33" s="73">
        <v>0</v>
      </c>
      <c r="KC33" s="70">
        <v>4</v>
      </c>
      <c r="KD33" s="71">
        <v>5</v>
      </c>
      <c r="KE33" s="72">
        <v>9</v>
      </c>
      <c r="KF33" s="244"/>
      <c r="KG33" s="71">
        <v>9</v>
      </c>
      <c r="KH33" s="71">
        <v>2</v>
      </c>
      <c r="KI33" s="71">
        <v>4</v>
      </c>
      <c r="KJ33" s="71">
        <v>9</v>
      </c>
      <c r="KK33" s="71">
        <v>3</v>
      </c>
      <c r="KL33" s="72">
        <v>27</v>
      </c>
      <c r="KM33" s="73">
        <v>36</v>
      </c>
    </row>
    <row r="34" spans="2:299" ht="21" customHeight="1" x14ac:dyDescent="0.2">
      <c r="B34" s="126" t="s">
        <v>31</v>
      </c>
      <c r="C34" s="315">
        <v>5</v>
      </c>
      <c r="D34" s="82">
        <v>6</v>
      </c>
      <c r="E34" s="83">
        <v>11</v>
      </c>
      <c r="F34" s="241"/>
      <c r="G34" s="82">
        <v>9</v>
      </c>
      <c r="H34" s="82">
        <v>10</v>
      </c>
      <c r="I34" s="82">
        <v>5</v>
      </c>
      <c r="J34" s="82">
        <v>3</v>
      </c>
      <c r="K34" s="82">
        <v>0</v>
      </c>
      <c r="L34" s="84">
        <v>27</v>
      </c>
      <c r="M34" s="85">
        <v>38</v>
      </c>
      <c r="N34" s="70">
        <v>0</v>
      </c>
      <c r="O34" s="71">
        <v>0</v>
      </c>
      <c r="P34" s="72">
        <v>0</v>
      </c>
      <c r="Q34" s="244"/>
      <c r="R34" s="71">
        <v>0</v>
      </c>
      <c r="S34" s="71">
        <v>0</v>
      </c>
      <c r="T34" s="71">
        <v>0</v>
      </c>
      <c r="U34" s="71">
        <v>1</v>
      </c>
      <c r="V34" s="71">
        <v>0</v>
      </c>
      <c r="W34" s="72">
        <v>1</v>
      </c>
      <c r="X34" s="73">
        <v>1</v>
      </c>
      <c r="Y34" s="70">
        <v>0</v>
      </c>
      <c r="Z34" s="71">
        <v>1</v>
      </c>
      <c r="AA34" s="72">
        <v>1</v>
      </c>
      <c r="AB34" s="244"/>
      <c r="AC34" s="71">
        <v>1</v>
      </c>
      <c r="AD34" s="71">
        <v>0</v>
      </c>
      <c r="AE34" s="71">
        <v>0</v>
      </c>
      <c r="AF34" s="71">
        <v>0</v>
      </c>
      <c r="AG34" s="71">
        <v>0</v>
      </c>
      <c r="AH34" s="72">
        <v>1</v>
      </c>
      <c r="AI34" s="73">
        <v>2</v>
      </c>
      <c r="AJ34" s="70">
        <v>0</v>
      </c>
      <c r="AK34" s="71">
        <v>1</v>
      </c>
      <c r="AL34" s="72">
        <v>1</v>
      </c>
      <c r="AM34" s="244"/>
      <c r="AN34" s="71">
        <v>0</v>
      </c>
      <c r="AO34" s="71">
        <v>0</v>
      </c>
      <c r="AP34" s="71">
        <v>1</v>
      </c>
      <c r="AQ34" s="71">
        <v>0</v>
      </c>
      <c r="AR34" s="71">
        <v>0</v>
      </c>
      <c r="AS34" s="72">
        <v>1</v>
      </c>
      <c r="AT34" s="73">
        <v>2</v>
      </c>
      <c r="AU34" s="70">
        <v>0</v>
      </c>
      <c r="AV34" s="71">
        <v>2</v>
      </c>
      <c r="AW34" s="72">
        <v>2</v>
      </c>
      <c r="AX34" s="244"/>
      <c r="AY34" s="71">
        <v>4</v>
      </c>
      <c r="AZ34" s="71">
        <v>2</v>
      </c>
      <c r="BA34" s="71">
        <v>0</v>
      </c>
      <c r="BB34" s="71">
        <v>1</v>
      </c>
      <c r="BC34" s="71">
        <v>0</v>
      </c>
      <c r="BD34" s="72">
        <v>7</v>
      </c>
      <c r="BE34" s="73">
        <v>9</v>
      </c>
      <c r="BF34" s="70">
        <v>1</v>
      </c>
      <c r="BG34" s="71">
        <v>1</v>
      </c>
      <c r="BH34" s="72">
        <v>2</v>
      </c>
      <c r="BI34" s="244"/>
      <c r="BJ34" s="71">
        <v>2</v>
      </c>
      <c r="BK34" s="71">
        <v>3</v>
      </c>
      <c r="BL34" s="71">
        <v>0</v>
      </c>
      <c r="BM34" s="71">
        <v>0</v>
      </c>
      <c r="BN34" s="71">
        <v>0</v>
      </c>
      <c r="BO34" s="72">
        <v>5</v>
      </c>
      <c r="BP34" s="73">
        <v>7</v>
      </c>
      <c r="BQ34" s="70">
        <v>4</v>
      </c>
      <c r="BR34" s="71">
        <v>1</v>
      </c>
      <c r="BS34" s="72">
        <v>5</v>
      </c>
      <c r="BT34" s="244"/>
      <c r="BU34" s="71">
        <v>2</v>
      </c>
      <c r="BV34" s="71">
        <v>5</v>
      </c>
      <c r="BW34" s="71">
        <v>4</v>
      </c>
      <c r="BX34" s="71">
        <v>1</v>
      </c>
      <c r="BY34" s="71">
        <v>0</v>
      </c>
      <c r="BZ34" s="72">
        <v>12</v>
      </c>
      <c r="CA34" s="73">
        <v>17</v>
      </c>
      <c r="CB34" s="70">
        <v>0</v>
      </c>
      <c r="CC34" s="71">
        <v>0</v>
      </c>
      <c r="CD34" s="72">
        <v>0</v>
      </c>
      <c r="CE34" s="244"/>
      <c r="CF34" s="71">
        <v>0</v>
      </c>
      <c r="CG34" s="71">
        <v>0</v>
      </c>
      <c r="CH34" s="71">
        <v>0</v>
      </c>
      <c r="CI34" s="71">
        <v>0</v>
      </c>
      <c r="CJ34" s="71">
        <v>0</v>
      </c>
      <c r="CK34" s="72">
        <v>0</v>
      </c>
      <c r="CL34" s="73">
        <v>0</v>
      </c>
      <c r="CM34" s="70">
        <v>5</v>
      </c>
      <c r="CN34" s="71">
        <v>6</v>
      </c>
      <c r="CO34" s="72">
        <v>11</v>
      </c>
      <c r="CP34" s="244"/>
      <c r="CQ34" s="71">
        <v>9</v>
      </c>
      <c r="CR34" s="71">
        <v>10</v>
      </c>
      <c r="CS34" s="71">
        <v>5</v>
      </c>
      <c r="CT34" s="71">
        <v>3</v>
      </c>
      <c r="CU34" s="71">
        <v>0</v>
      </c>
      <c r="CV34" s="72">
        <v>27</v>
      </c>
      <c r="CW34" s="73">
        <v>38</v>
      </c>
      <c r="CX34" s="123">
        <v>1</v>
      </c>
      <c r="CY34" s="82">
        <v>2</v>
      </c>
      <c r="CZ34" s="83">
        <v>3</v>
      </c>
      <c r="DA34" s="241"/>
      <c r="DB34" s="82">
        <v>1</v>
      </c>
      <c r="DC34" s="82">
        <v>3</v>
      </c>
      <c r="DD34" s="82">
        <v>0</v>
      </c>
      <c r="DE34" s="82">
        <v>1</v>
      </c>
      <c r="DF34" s="82">
        <v>1</v>
      </c>
      <c r="DG34" s="84">
        <v>6</v>
      </c>
      <c r="DH34" s="85">
        <v>9</v>
      </c>
      <c r="DI34" s="70">
        <v>0</v>
      </c>
      <c r="DJ34" s="71">
        <v>0</v>
      </c>
      <c r="DK34" s="72">
        <v>0</v>
      </c>
      <c r="DL34" s="244"/>
      <c r="DM34" s="71">
        <v>0</v>
      </c>
      <c r="DN34" s="71">
        <v>0</v>
      </c>
      <c r="DO34" s="71">
        <v>0</v>
      </c>
      <c r="DP34" s="71">
        <v>0</v>
      </c>
      <c r="DQ34" s="71">
        <v>0</v>
      </c>
      <c r="DR34" s="72">
        <v>0</v>
      </c>
      <c r="DS34" s="73">
        <v>0</v>
      </c>
      <c r="DT34" s="70">
        <v>0</v>
      </c>
      <c r="DU34" s="71">
        <v>0</v>
      </c>
      <c r="DV34" s="72">
        <v>0</v>
      </c>
      <c r="DW34" s="244"/>
      <c r="DX34" s="71">
        <v>0</v>
      </c>
      <c r="DY34" s="71">
        <v>0</v>
      </c>
      <c r="DZ34" s="71">
        <v>0</v>
      </c>
      <c r="EA34" s="71">
        <v>0</v>
      </c>
      <c r="EB34" s="71">
        <v>0</v>
      </c>
      <c r="EC34" s="72">
        <v>0</v>
      </c>
      <c r="ED34" s="73">
        <v>0</v>
      </c>
      <c r="EE34" s="70">
        <v>0</v>
      </c>
      <c r="EF34" s="71">
        <v>0</v>
      </c>
      <c r="EG34" s="72">
        <v>0</v>
      </c>
      <c r="EH34" s="244"/>
      <c r="EI34" s="71">
        <v>1</v>
      </c>
      <c r="EJ34" s="71">
        <v>0</v>
      </c>
      <c r="EK34" s="71">
        <v>0</v>
      </c>
      <c r="EL34" s="71">
        <v>0</v>
      </c>
      <c r="EM34" s="71">
        <v>0</v>
      </c>
      <c r="EN34" s="72">
        <v>1</v>
      </c>
      <c r="EO34" s="73">
        <v>1</v>
      </c>
      <c r="EP34" s="70">
        <v>1</v>
      </c>
      <c r="EQ34" s="71">
        <v>1</v>
      </c>
      <c r="ER34" s="72">
        <v>2</v>
      </c>
      <c r="ES34" s="244"/>
      <c r="ET34" s="71">
        <v>0</v>
      </c>
      <c r="EU34" s="71">
        <v>2</v>
      </c>
      <c r="EV34" s="71">
        <v>0</v>
      </c>
      <c r="EW34" s="71">
        <v>0</v>
      </c>
      <c r="EX34" s="71">
        <v>0</v>
      </c>
      <c r="EY34" s="72">
        <v>2</v>
      </c>
      <c r="EZ34" s="73">
        <v>4</v>
      </c>
      <c r="FA34" s="70">
        <v>0</v>
      </c>
      <c r="FB34" s="71">
        <v>1</v>
      </c>
      <c r="FC34" s="72">
        <v>1</v>
      </c>
      <c r="FD34" s="244"/>
      <c r="FE34" s="71">
        <v>0</v>
      </c>
      <c r="FF34" s="71">
        <v>0</v>
      </c>
      <c r="FG34" s="71">
        <v>0</v>
      </c>
      <c r="FH34" s="71">
        <v>0</v>
      </c>
      <c r="FI34" s="71">
        <v>0</v>
      </c>
      <c r="FJ34" s="72">
        <v>0</v>
      </c>
      <c r="FK34" s="73">
        <v>1</v>
      </c>
      <c r="FL34" s="70">
        <v>0</v>
      </c>
      <c r="FM34" s="71">
        <v>0</v>
      </c>
      <c r="FN34" s="72">
        <v>0</v>
      </c>
      <c r="FO34" s="244"/>
      <c r="FP34" s="71">
        <v>0</v>
      </c>
      <c r="FQ34" s="71">
        <v>1</v>
      </c>
      <c r="FR34" s="71">
        <v>0</v>
      </c>
      <c r="FS34" s="71">
        <v>1</v>
      </c>
      <c r="FT34" s="71">
        <v>1</v>
      </c>
      <c r="FU34" s="72">
        <v>3</v>
      </c>
      <c r="FV34" s="73">
        <v>3</v>
      </c>
      <c r="FW34" s="70">
        <v>0</v>
      </c>
      <c r="FX34" s="71">
        <v>0</v>
      </c>
      <c r="FY34" s="72">
        <v>0</v>
      </c>
      <c r="FZ34" s="244"/>
      <c r="GA34" s="71">
        <v>0</v>
      </c>
      <c r="GB34" s="71">
        <v>0</v>
      </c>
      <c r="GC34" s="71">
        <v>0</v>
      </c>
      <c r="GD34" s="71">
        <v>0</v>
      </c>
      <c r="GE34" s="71">
        <v>0</v>
      </c>
      <c r="GF34" s="72">
        <v>0</v>
      </c>
      <c r="GG34" s="73">
        <v>0</v>
      </c>
      <c r="GH34" s="70">
        <v>1</v>
      </c>
      <c r="GI34" s="71">
        <v>2</v>
      </c>
      <c r="GJ34" s="72">
        <v>3</v>
      </c>
      <c r="GK34" s="244"/>
      <c r="GL34" s="71">
        <v>1</v>
      </c>
      <c r="GM34" s="71">
        <v>3</v>
      </c>
      <c r="GN34" s="71">
        <v>0</v>
      </c>
      <c r="GO34" s="71">
        <v>1</v>
      </c>
      <c r="GP34" s="71">
        <v>1</v>
      </c>
      <c r="GQ34" s="72">
        <v>6</v>
      </c>
      <c r="GR34" s="73">
        <v>9</v>
      </c>
      <c r="GS34" s="123">
        <v>6</v>
      </c>
      <c r="GT34" s="82">
        <v>8</v>
      </c>
      <c r="GU34" s="83">
        <v>14</v>
      </c>
      <c r="GV34" s="241"/>
      <c r="GW34" s="82">
        <v>10</v>
      </c>
      <c r="GX34" s="82">
        <v>13</v>
      </c>
      <c r="GY34" s="82">
        <v>5</v>
      </c>
      <c r="GZ34" s="82">
        <v>4</v>
      </c>
      <c r="HA34" s="82">
        <v>1</v>
      </c>
      <c r="HB34" s="84">
        <v>33</v>
      </c>
      <c r="HC34" s="85">
        <v>47</v>
      </c>
      <c r="HD34" s="70">
        <v>0</v>
      </c>
      <c r="HE34" s="71">
        <v>0</v>
      </c>
      <c r="HF34" s="72">
        <v>0</v>
      </c>
      <c r="HG34" s="244"/>
      <c r="HH34" s="71">
        <v>0</v>
      </c>
      <c r="HI34" s="71">
        <v>0</v>
      </c>
      <c r="HJ34" s="71">
        <v>0</v>
      </c>
      <c r="HK34" s="71">
        <v>1</v>
      </c>
      <c r="HL34" s="71">
        <v>0</v>
      </c>
      <c r="HM34" s="72">
        <v>1</v>
      </c>
      <c r="HN34" s="73">
        <v>1</v>
      </c>
      <c r="HO34" s="70">
        <v>0</v>
      </c>
      <c r="HP34" s="71">
        <v>1</v>
      </c>
      <c r="HQ34" s="72">
        <v>1</v>
      </c>
      <c r="HR34" s="244"/>
      <c r="HS34" s="71">
        <v>1</v>
      </c>
      <c r="HT34" s="71">
        <v>0</v>
      </c>
      <c r="HU34" s="71">
        <v>0</v>
      </c>
      <c r="HV34" s="71">
        <v>0</v>
      </c>
      <c r="HW34" s="71">
        <v>0</v>
      </c>
      <c r="HX34" s="72">
        <v>1</v>
      </c>
      <c r="HY34" s="73">
        <v>2</v>
      </c>
      <c r="HZ34" s="70">
        <v>0</v>
      </c>
      <c r="IA34" s="71">
        <v>1</v>
      </c>
      <c r="IB34" s="72">
        <v>1</v>
      </c>
      <c r="IC34" s="244"/>
      <c r="ID34" s="71">
        <v>1</v>
      </c>
      <c r="IE34" s="71">
        <v>0</v>
      </c>
      <c r="IF34" s="71">
        <v>1</v>
      </c>
      <c r="IG34" s="71">
        <v>0</v>
      </c>
      <c r="IH34" s="71">
        <v>0</v>
      </c>
      <c r="II34" s="72">
        <v>2</v>
      </c>
      <c r="IJ34" s="73">
        <v>3</v>
      </c>
      <c r="IK34" s="70">
        <v>1</v>
      </c>
      <c r="IL34" s="71">
        <v>3</v>
      </c>
      <c r="IM34" s="72">
        <v>4</v>
      </c>
      <c r="IN34" s="244"/>
      <c r="IO34" s="71">
        <v>4</v>
      </c>
      <c r="IP34" s="71">
        <v>4</v>
      </c>
      <c r="IQ34" s="71">
        <v>0</v>
      </c>
      <c r="IR34" s="71">
        <v>1</v>
      </c>
      <c r="IS34" s="71">
        <v>0</v>
      </c>
      <c r="IT34" s="72">
        <v>9</v>
      </c>
      <c r="IU34" s="73">
        <v>13</v>
      </c>
      <c r="IV34" s="70">
        <v>1</v>
      </c>
      <c r="IW34" s="71">
        <v>2</v>
      </c>
      <c r="IX34" s="72">
        <v>3</v>
      </c>
      <c r="IY34" s="244"/>
      <c r="IZ34" s="71">
        <v>2</v>
      </c>
      <c r="JA34" s="71">
        <v>3</v>
      </c>
      <c r="JB34" s="71">
        <v>0</v>
      </c>
      <c r="JC34" s="71">
        <v>0</v>
      </c>
      <c r="JD34" s="71">
        <v>0</v>
      </c>
      <c r="JE34" s="72">
        <v>5</v>
      </c>
      <c r="JF34" s="73">
        <v>8</v>
      </c>
      <c r="JG34" s="70">
        <v>4</v>
      </c>
      <c r="JH34" s="71">
        <v>1</v>
      </c>
      <c r="JI34" s="72">
        <v>5</v>
      </c>
      <c r="JJ34" s="244"/>
      <c r="JK34" s="71">
        <v>2</v>
      </c>
      <c r="JL34" s="71">
        <v>6</v>
      </c>
      <c r="JM34" s="71">
        <v>4</v>
      </c>
      <c r="JN34" s="71">
        <v>2</v>
      </c>
      <c r="JO34" s="71">
        <v>1</v>
      </c>
      <c r="JP34" s="72">
        <v>15</v>
      </c>
      <c r="JQ34" s="73">
        <v>20</v>
      </c>
      <c r="JR34" s="70">
        <v>0</v>
      </c>
      <c r="JS34" s="71">
        <v>0</v>
      </c>
      <c r="JT34" s="72">
        <v>0</v>
      </c>
      <c r="JU34" s="244"/>
      <c r="JV34" s="71">
        <v>0</v>
      </c>
      <c r="JW34" s="71">
        <v>0</v>
      </c>
      <c r="JX34" s="71">
        <v>0</v>
      </c>
      <c r="JY34" s="71">
        <v>0</v>
      </c>
      <c r="JZ34" s="71">
        <v>0</v>
      </c>
      <c r="KA34" s="72">
        <v>0</v>
      </c>
      <c r="KB34" s="73">
        <v>0</v>
      </c>
      <c r="KC34" s="70">
        <v>6</v>
      </c>
      <c r="KD34" s="71">
        <v>8</v>
      </c>
      <c r="KE34" s="72">
        <v>14</v>
      </c>
      <c r="KF34" s="244"/>
      <c r="KG34" s="71">
        <v>10</v>
      </c>
      <c r="KH34" s="71">
        <v>13</v>
      </c>
      <c r="KI34" s="71">
        <v>5</v>
      </c>
      <c r="KJ34" s="71">
        <v>4</v>
      </c>
      <c r="KK34" s="71">
        <v>1</v>
      </c>
      <c r="KL34" s="72">
        <v>33</v>
      </c>
      <c r="KM34" s="73">
        <v>47</v>
      </c>
    </row>
    <row r="35" spans="2:299" ht="21" customHeight="1" x14ac:dyDescent="0.2">
      <c r="B35" s="126" t="s">
        <v>32</v>
      </c>
      <c r="C35" s="315">
        <v>1</v>
      </c>
      <c r="D35" s="82">
        <v>6</v>
      </c>
      <c r="E35" s="83">
        <v>7</v>
      </c>
      <c r="F35" s="241"/>
      <c r="G35" s="82">
        <v>8</v>
      </c>
      <c r="H35" s="82">
        <v>13</v>
      </c>
      <c r="I35" s="82">
        <v>6</v>
      </c>
      <c r="J35" s="82">
        <v>5</v>
      </c>
      <c r="K35" s="82">
        <v>1</v>
      </c>
      <c r="L35" s="84">
        <v>33</v>
      </c>
      <c r="M35" s="85">
        <v>40</v>
      </c>
      <c r="N35" s="70">
        <v>0</v>
      </c>
      <c r="O35" s="71">
        <v>0</v>
      </c>
      <c r="P35" s="72">
        <v>0</v>
      </c>
      <c r="Q35" s="244"/>
      <c r="R35" s="71">
        <v>0</v>
      </c>
      <c r="S35" s="71">
        <v>0</v>
      </c>
      <c r="T35" s="71">
        <v>0</v>
      </c>
      <c r="U35" s="71">
        <v>0</v>
      </c>
      <c r="V35" s="71">
        <v>0</v>
      </c>
      <c r="W35" s="72">
        <v>0</v>
      </c>
      <c r="X35" s="73">
        <v>0</v>
      </c>
      <c r="Y35" s="70">
        <v>1</v>
      </c>
      <c r="Z35" s="71">
        <v>0</v>
      </c>
      <c r="AA35" s="72">
        <v>1</v>
      </c>
      <c r="AB35" s="244"/>
      <c r="AC35" s="71">
        <v>0</v>
      </c>
      <c r="AD35" s="71">
        <v>0</v>
      </c>
      <c r="AE35" s="71">
        <v>0</v>
      </c>
      <c r="AF35" s="71">
        <v>0</v>
      </c>
      <c r="AG35" s="71">
        <v>0</v>
      </c>
      <c r="AH35" s="72">
        <v>0</v>
      </c>
      <c r="AI35" s="73">
        <v>1</v>
      </c>
      <c r="AJ35" s="70">
        <v>0</v>
      </c>
      <c r="AK35" s="71">
        <v>0</v>
      </c>
      <c r="AL35" s="72">
        <v>0</v>
      </c>
      <c r="AM35" s="244"/>
      <c r="AN35" s="71">
        <v>0</v>
      </c>
      <c r="AO35" s="71">
        <v>2</v>
      </c>
      <c r="AP35" s="71">
        <v>1</v>
      </c>
      <c r="AQ35" s="71">
        <v>0</v>
      </c>
      <c r="AR35" s="71">
        <v>0</v>
      </c>
      <c r="AS35" s="72">
        <v>3</v>
      </c>
      <c r="AT35" s="73">
        <v>3</v>
      </c>
      <c r="AU35" s="70">
        <v>0</v>
      </c>
      <c r="AV35" s="71">
        <v>1</v>
      </c>
      <c r="AW35" s="72">
        <v>1</v>
      </c>
      <c r="AX35" s="244"/>
      <c r="AY35" s="71">
        <v>2</v>
      </c>
      <c r="AZ35" s="71">
        <v>1</v>
      </c>
      <c r="BA35" s="71">
        <v>1</v>
      </c>
      <c r="BB35" s="71">
        <v>1</v>
      </c>
      <c r="BC35" s="71">
        <v>0</v>
      </c>
      <c r="BD35" s="72">
        <v>5</v>
      </c>
      <c r="BE35" s="73">
        <v>6</v>
      </c>
      <c r="BF35" s="70">
        <v>0</v>
      </c>
      <c r="BG35" s="71">
        <v>4</v>
      </c>
      <c r="BH35" s="72">
        <v>4</v>
      </c>
      <c r="BI35" s="244"/>
      <c r="BJ35" s="71">
        <v>3</v>
      </c>
      <c r="BK35" s="71">
        <v>5</v>
      </c>
      <c r="BL35" s="71">
        <v>2</v>
      </c>
      <c r="BM35" s="71">
        <v>2</v>
      </c>
      <c r="BN35" s="71">
        <v>1</v>
      </c>
      <c r="BO35" s="72">
        <v>13</v>
      </c>
      <c r="BP35" s="73">
        <v>17</v>
      </c>
      <c r="BQ35" s="70">
        <v>0</v>
      </c>
      <c r="BR35" s="71">
        <v>1</v>
      </c>
      <c r="BS35" s="72">
        <v>1</v>
      </c>
      <c r="BT35" s="244"/>
      <c r="BU35" s="71">
        <v>3</v>
      </c>
      <c r="BV35" s="71">
        <v>5</v>
      </c>
      <c r="BW35" s="71">
        <v>2</v>
      </c>
      <c r="BX35" s="71">
        <v>2</v>
      </c>
      <c r="BY35" s="71">
        <v>0</v>
      </c>
      <c r="BZ35" s="72">
        <v>12</v>
      </c>
      <c r="CA35" s="73">
        <v>13</v>
      </c>
      <c r="CB35" s="70">
        <v>0</v>
      </c>
      <c r="CC35" s="71">
        <v>0</v>
      </c>
      <c r="CD35" s="72">
        <v>0</v>
      </c>
      <c r="CE35" s="244"/>
      <c r="CF35" s="71">
        <v>0</v>
      </c>
      <c r="CG35" s="71">
        <v>0</v>
      </c>
      <c r="CH35" s="71">
        <v>0</v>
      </c>
      <c r="CI35" s="71">
        <v>0</v>
      </c>
      <c r="CJ35" s="71">
        <v>0</v>
      </c>
      <c r="CK35" s="72">
        <v>0</v>
      </c>
      <c r="CL35" s="73">
        <v>0</v>
      </c>
      <c r="CM35" s="70">
        <v>1</v>
      </c>
      <c r="CN35" s="71">
        <v>6</v>
      </c>
      <c r="CO35" s="72">
        <v>7</v>
      </c>
      <c r="CP35" s="244"/>
      <c r="CQ35" s="71">
        <v>8</v>
      </c>
      <c r="CR35" s="71">
        <v>13</v>
      </c>
      <c r="CS35" s="71">
        <v>6</v>
      </c>
      <c r="CT35" s="71">
        <v>5</v>
      </c>
      <c r="CU35" s="71">
        <v>1</v>
      </c>
      <c r="CV35" s="72">
        <v>33</v>
      </c>
      <c r="CW35" s="73">
        <v>40</v>
      </c>
      <c r="CX35" s="123">
        <v>0</v>
      </c>
      <c r="CY35" s="82">
        <v>0</v>
      </c>
      <c r="CZ35" s="83">
        <v>0</v>
      </c>
      <c r="DA35" s="241"/>
      <c r="DB35" s="82">
        <v>1</v>
      </c>
      <c r="DC35" s="82">
        <v>2</v>
      </c>
      <c r="DD35" s="82">
        <v>4</v>
      </c>
      <c r="DE35" s="82">
        <v>3</v>
      </c>
      <c r="DF35" s="82">
        <v>2</v>
      </c>
      <c r="DG35" s="84">
        <v>12</v>
      </c>
      <c r="DH35" s="85">
        <v>12</v>
      </c>
      <c r="DI35" s="70">
        <v>0</v>
      </c>
      <c r="DJ35" s="71">
        <v>0</v>
      </c>
      <c r="DK35" s="72">
        <v>0</v>
      </c>
      <c r="DL35" s="244"/>
      <c r="DM35" s="71">
        <v>0</v>
      </c>
      <c r="DN35" s="71">
        <v>0</v>
      </c>
      <c r="DO35" s="71">
        <v>0</v>
      </c>
      <c r="DP35" s="71">
        <v>0</v>
      </c>
      <c r="DQ35" s="71">
        <v>0</v>
      </c>
      <c r="DR35" s="72">
        <v>0</v>
      </c>
      <c r="DS35" s="73">
        <v>0</v>
      </c>
      <c r="DT35" s="70">
        <v>0</v>
      </c>
      <c r="DU35" s="71">
        <v>0</v>
      </c>
      <c r="DV35" s="72">
        <v>0</v>
      </c>
      <c r="DW35" s="244"/>
      <c r="DX35" s="71">
        <v>0</v>
      </c>
      <c r="DY35" s="71">
        <v>0</v>
      </c>
      <c r="DZ35" s="71">
        <v>0</v>
      </c>
      <c r="EA35" s="71">
        <v>0</v>
      </c>
      <c r="EB35" s="71">
        <v>0</v>
      </c>
      <c r="EC35" s="72">
        <v>0</v>
      </c>
      <c r="ED35" s="73">
        <v>0</v>
      </c>
      <c r="EE35" s="70">
        <v>0</v>
      </c>
      <c r="EF35" s="71">
        <v>0</v>
      </c>
      <c r="EG35" s="72">
        <v>0</v>
      </c>
      <c r="EH35" s="244"/>
      <c r="EI35" s="71">
        <v>0</v>
      </c>
      <c r="EJ35" s="71">
        <v>0</v>
      </c>
      <c r="EK35" s="71">
        <v>0</v>
      </c>
      <c r="EL35" s="71">
        <v>0</v>
      </c>
      <c r="EM35" s="71">
        <v>0</v>
      </c>
      <c r="EN35" s="72">
        <v>0</v>
      </c>
      <c r="EO35" s="73">
        <v>0</v>
      </c>
      <c r="EP35" s="70">
        <v>0</v>
      </c>
      <c r="EQ35" s="71">
        <v>0</v>
      </c>
      <c r="ER35" s="72">
        <v>0</v>
      </c>
      <c r="ES35" s="244"/>
      <c r="ET35" s="71">
        <v>1</v>
      </c>
      <c r="EU35" s="71">
        <v>1</v>
      </c>
      <c r="EV35" s="71">
        <v>1</v>
      </c>
      <c r="EW35" s="71">
        <v>0</v>
      </c>
      <c r="EX35" s="71">
        <v>0</v>
      </c>
      <c r="EY35" s="72">
        <v>3</v>
      </c>
      <c r="EZ35" s="73">
        <v>3</v>
      </c>
      <c r="FA35" s="70">
        <v>0</v>
      </c>
      <c r="FB35" s="71">
        <v>0</v>
      </c>
      <c r="FC35" s="72">
        <v>0</v>
      </c>
      <c r="FD35" s="244"/>
      <c r="FE35" s="71">
        <v>0</v>
      </c>
      <c r="FF35" s="71">
        <v>0</v>
      </c>
      <c r="FG35" s="71">
        <v>2</v>
      </c>
      <c r="FH35" s="71">
        <v>1</v>
      </c>
      <c r="FI35" s="71">
        <v>1</v>
      </c>
      <c r="FJ35" s="72">
        <v>4</v>
      </c>
      <c r="FK35" s="73">
        <v>4</v>
      </c>
      <c r="FL35" s="70">
        <v>0</v>
      </c>
      <c r="FM35" s="71">
        <v>0</v>
      </c>
      <c r="FN35" s="72">
        <v>0</v>
      </c>
      <c r="FO35" s="244"/>
      <c r="FP35" s="71">
        <v>0</v>
      </c>
      <c r="FQ35" s="71">
        <v>1</v>
      </c>
      <c r="FR35" s="71">
        <v>1</v>
      </c>
      <c r="FS35" s="71">
        <v>2</v>
      </c>
      <c r="FT35" s="71">
        <v>1</v>
      </c>
      <c r="FU35" s="72">
        <v>5</v>
      </c>
      <c r="FV35" s="73">
        <v>5</v>
      </c>
      <c r="FW35" s="70">
        <v>0</v>
      </c>
      <c r="FX35" s="71">
        <v>0</v>
      </c>
      <c r="FY35" s="72">
        <v>0</v>
      </c>
      <c r="FZ35" s="244"/>
      <c r="GA35" s="71">
        <v>0</v>
      </c>
      <c r="GB35" s="71">
        <v>0</v>
      </c>
      <c r="GC35" s="71">
        <v>0</v>
      </c>
      <c r="GD35" s="71">
        <v>0</v>
      </c>
      <c r="GE35" s="71">
        <v>0</v>
      </c>
      <c r="GF35" s="72">
        <v>0</v>
      </c>
      <c r="GG35" s="73">
        <v>0</v>
      </c>
      <c r="GH35" s="70">
        <v>0</v>
      </c>
      <c r="GI35" s="71">
        <v>0</v>
      </c>
      <c r="GJ35" s="72">
        <v>0</v>
      </c>
      <c r="GK35" s="244"/>
      <c r="GL35" s="71">
        <v>1</v>
      </c>
      <c r="GM35" s="71">
        <v>2</v>
      </c>
      <c r="GN35" s="71">
        <v>4</v>
      </c>
      <c r="GO35" s="71">
        <v>3</v>
      </c>
      <c r="GP35" s="71">
        <v>2</v>
      </c>
      <c r="GQ35" s="72">
        <v>12</v>
      </c>
      <c r="GR35" s="73">
        <v>12</v>
      </c>
      <c r="GS35" s="123">
        <v>1</v>
      </c>
      <c r="GT35" s="82">
        <v>6</v>
      </c>
      <c r="GU35" s="83">
        <v>7</v>
      </c>
      <c r="GV35" s="241"/>
      <c r="GW35" s="82">
        <v>9</v>
      </c>
      <c r="GX35" s="82">
        <v>15</v>
      </c>
      <c r="GY35" s="82">
        <v>10</v>
      </c>
      <c r="GZ35" s="82">
        <v>8</v>
      </c>
      <c r="HA35" s="82">
        <v>3</v>
      </c>
      <c r="HB35" s="84">
        <v>45</v>
      </c>
      <c r="HC35" s="85">
        <v>52</v>
      </c>
      <c r="HD35" s="70">
        <v>0</v>
      </c>
      <c r="HE35" s="71">
        <v>0</v>
      </c>
      <c r="HF35" s="72">
        <v>0</v>
      </c>
      <c r="HG35" s="244"/>
      <c r="HH35" s="71">
        <v>0</v>
      </c>
      <c r="HI35" s="71">
        <v>0</v>
      </c>
      <c r="HJ35" s="71">
        <v>0</v>
      </c>
      <c r="HK35" s="71">
        <v>0</v>
      </c>
      <c r="HL35" s="71">
        <v>0</v>
      </c>
      <c r="HM35" s="72">
        <v>0</v>
      </c>
      <c r="HN35" s="73">
        <v>0</v>
      </c>
      <c r="HO35" s="70">
        <v>1</v>
      </c>
      <c r="HP35" s="71">
        <v>0</v>
      </c>
      <c r="HQ35" s="72">
        <v>1</v>
      </c>
      <c r="HR35" s="244"/>
      <c r="HS35" s="71">
        <v>0</v>
      </c>
      <c r="HT35" s="71">
        <v>0</v>
      </c>
      <c r="HU35" s="71">
        <v>0</v>
      </c>
      <c r="HV35" s="71">
        <v>0</v>
      </c>
      <c r="HW35" s="71">
        <v>0</v>
      </c>
      <c r="HX35" s="72">
        <v>0</v>
      </c>
      <c r="HY35" s="73">
        <v>1</v>
      </c>
      <c r="HZ35" s="70">
        <v>0</v>
      </c>
      <c r="IA35" s="71">
        <v>0</v>
      </c>
      <c r="IB35" s="72">
        <v>0</v>
      </c>
      <c r="IC35" s="244"/>
      <c r="ID35" s="71">
        <v>0</v>
      </c>
      <c r="IE35" s="71">
        <v>2</v>
      </c>
      <c r="IF35" s="71">
        <v>1</v>
      </c>
      <c r="IG35" s="71">
        <v>0</v>
      </c>
      <c r="IH35" s="71">
        <v>0</v>
      </c>
      <c r="II35" s="72">
        <v>3</v>
      </c>
      <c r="IJ35" s="73">
        <v>3</v>
      </c>
      <c r="IK35" s="70">
        <v>0</v>
      </c>
      <c r="IL35" s="71">
        <v>1</v>
      </c>
      <c r="IM35" s="72">
        <v>1</v>
      </c>
      <c r="IN35" s="244"/>
      <c r="IO35" s="71">
        <v>3</v>
      </c>
      <c r="IP35" s="71">
        <v>2</v>
      </c>
      <c r="IQ35" s="71">
        <v>2</v>
      </c>
      <c r="IR35" s="71">
        <v>1</v>
      </c>
      <c r="IS35" s="71">
        <v>0</v>
      </c>
      <c r="IT35" s="72">
        <v>8</v>
      </c>
      <c r="IU35" s="73">
        <v>9</v>
      </c>
      <c r="IV35" s="70">
        <v>0</v>
      </c>
      <c r="IW35" s="71">
        <v>4</v>
      </c>
      <c r="IX35" s="72">
        <v>4</v>
      </c>
      <c r="IY35" s="244"/>
      <c r="IZ35" s="71">
        <v>3</v>
      </c>
      <c r="JA35" s="71">
        <v>5</v>
      </c>
      <c r="JB35" s="71">
        <v>4</v>
      </c>
      <c r="JC35" s="71">
        <v>3</v>
      </c>
      <c r="JD35" s="71">
        <v>2</v>
      </c>
      <c r="JE35" s="72">
        <v>17</v>
      </c>
      <c r="JF35" s="73">
        <v>21</v>
      </c>
      <c r="JG35" s="70">
        <v>0</v>
      </c>
      <c r="JH35" s="71">
        <v>1</v>
      </c>
      <c r="JI35" s="72">
        <v>1</v>
      </c>
      <c r="JJ35" s="244"/>
      <c r="JK35" s="71">
        <v>3</v>
      </c>
      <c r="JL35" s="71">
        <v>6</v>
      </c>
      <c r="JM35" s="71">
        <v>3</v>
      </c>
      <c r="JN35" s="71">
        <v>4</v>
      </c>
      <c r="JO35" s="71">
        <v>1</v>
      </c>
      <c r="JP35" s="72">
        <v>17</v>
      </c>
      <c r="JQ35" s="73">
        <v>18</v>
      </c>
      <c r="JR35" s="70">
        <v>0</v>
      </c>
      <c r="JS35" s="71">
        <v>0</v>
      </c>
      <c r="JT35" s="72">
        <v>0</v>
      </c>
      <c r="JU35" s="244"/>
      <c r="JV35" s="71">
        <v>0</v>
      </c>
      <c r="JW35" s="71">
        <v>0</v>
      </c>
      <c r="JX35" s="71">
        <v>0</v>
      </c>
      <c r="JY35" s="71">
        <v>0</v>
      </c>
      <c r="JZ35" s="71">
        <v>0</v>
      </c>
      <c r="KA35" s="72">
        <v>0</v>
      </c>
      <c r="KB35" s="73">
        <v>0</v>
      </c>
      <c r="KC35" s="70">
        <v>1</v>
      </c>
      <c r="KD35" s="71">
        <v>6</v>
      </c>
      <c r="KE35" s="72">
        <v>7</v>
      </c>
      <c r="KF35" s="244"/>
      <c r="KG35" s="71">
        <v>9</v>
      </c>
      <c r="KH35" s="71">
        <v>15</v>
      </c>
      <c r="KI35" s="71">
        <v>10</v>
      </c>
      <c r="KJ35" s="71">
        <v>8</v>
      </c>
      <c r="KK35" s="71">
        <v>3</v>
      </c>
      <c r="KL35" s="72">
        <v>45</v>
      </c>
      <c r="KM35" s="73">
        <v>52</v>
      </c>
    </row>
    <row r="36" spans="2:299" ht="21" customHeight="1" x14ac:dyDescent="0.2">
      <c r="B36" s="126" t="s">
        <v>33</v>
      </c>
      <c r="C36" s="315">
        <v>5</v>
      </c>
      <c r="D36" s="82">
        <v>3</v>
      </c>
      <c r="E36" s="83">
        <v>8</v>
      </c>
      <c r="F36" s="241"/>
      <c r="G36" s="82">
        <v>7</v>
      </c>
      <c r="H36" s="82">
        <v>1</v>
      </c>
      <c r="I36" s="82">
        <v>3</v>
      </c>
      <c r="J36" s="82">
        <v>0</v>
      </c>
      <c r="K36" s="82">
        <v>2</v>
      </c>
      <c r="L36" s="84">
        <v>13</v>
      </c>
      <c r="M36" s="85">
        <v>21</v>
      </c>
      <c r="N36" s="70">
        <v>0</v>
      </c>
      <c r="O36" s="71">
        <v>0</v>
      </c>
      <c r="P36" s="72">
        <v>0</v>
      </c>
      <c r="Q36" s="244"/>
      <c r="R36" s="71">
        <v>0</v>
      </c>
      <c r="S36" s="71">
        <v>0</v>
      </c>
      <c r="T36" s="71">
        <v>0</v>
      </c>
      <c r="U36" s="71">
        <v>0</v>
      </c>
      <c r="V36" s="71">
        <v>0</v>
      </c>
      <c r="W36" s="72">
        <v>0</v>
      </c>
      <c r="X36" s="73">
        <v>0</v>
      </c>
      <c r="Y36" s="70">
        <v>0</v>
      </c>
      <c r="Z36" s="71">
        <v>0</v>
      </c>
      <c r="AA36" s="72">
        <v>0</v>
      </c>
      <c r="AB36" s="244"/>
      <c r="AC36" s="71">
        <v>0</v>
      </c>
      <c r="AD36" s="71">
        <v>0</v>
      </c>
      <c r="AE36" s="71">
        <v>0</v>
      </c>
      <c r="AF36" s="71">
        <v>0</v>
      </c>
      <c r="AG36" s="71">
        <v>1</v>
      </c>
      <c r="AH36" s="72">
        <v>1</v>
      </c>
      <c r="AI36" s="73">
        <v>1</v>
      </c>
      <c r="AJ36" s="70">
        <v>2</v>
      </c>
      <c r="AK36" s="71">
        <v>0</v>
      </c>
      <c r="AL36" s="72">
        <v>2</v>
      </c>
      <c r="AM36" s="244"/>
      <c r="AN36" s="71">
        <v>1</v>
      </c>
      <c r="AO36" s="71">
        <v>0</v>
      </c>
      <c r="AP36" s="71">
        <v>0</v>
      </c>
      <c r="AQ36" s="71">
        <v>0</v>
      </c>
      <c r="AR36" s="71">
        <v>0</v>
      </c>
      <c r="AS36" s="72">
        <v>1</v>
      </c>
      <c r="AT36" s="73">
        <v>3</v>
      </c>
      <c r="AU36" s="70">
        <v>1</v>
      </c>
      <c r="AV36" s="71">
        <v>1</v>
      </c>
      <c r="AW36" s="72">
        <v>2</v>
      </c>
      <c r="AX36" s="244"/>
      <c r="AY36" s="71">
        <v>1</v>
      </c>
      <c r="AZ36" s="71">
        <v>1</v>
      </c>
      <c r="BA36" s="71">
        <v>1</v>
      </c>
      <c r="BB36" s="71">
        <v>0</v>
      </c>
      <c r="BC36" s="71">
        <v>0</v>
      </c>
      <c r="BD36" s="72">
        <v>3</v>
      </c>
      <c r="BE36" s="73">
        <v>5</v>
      </c>
      <c r="BF36" s="70">
        <v>0</v>
      </c>
      <c r="BG36" s="71">
        <v>2</v>
      </c>
      <c r="BH36" s="72">
        <v>2</v>
      </c>
      <c r="BI36" s="244"/>
      <c r="BJ36" s="71">
        <v>0</v>
      </c>
      <c r="BK36" s="71">
        <v>0</v>
      </c>
      <c r="BL36" s="71">
        <v>2</v>
      </c>
      <c r="BM36" s="71">
        <v>0</v>
      </c>
      <c r="BN36" s="71">
        <v>1</v>
      </c>
      <c r="BO36" s="72">
        <v>3</v>
      </c>
      <c r="BP36" s="73">
        <v>5</v>
      </c>
      <c r="BQ36" s="70">
        <v>2</v>
      </c>
      <c r="BR36" s="71">
        <v>0</v>
      </c>
      <c r="BS36" s="72">
        <v>2</v>
      </c>
      <c r="BT36" s="244"/>
      <c r="BU36" s="71">
        <v>5</v>
      </c>
      <c r="BV36" s="71">
        <v>0</v>
      </c>
      <c r="BW36" s="71">
        <v>0</v>
      </c>
      <c r="BX36" s="71">
        <v>0</v>
      </c>
      <c r="BY36" s="71">
        <v>0</v>
      </c>
      <c r="BZ36" s="72">
        <v>5</v>
      </c>
      <c r="CA36" s="73">
        <v>7</v>
      </c>
      <c r="CB36" s="70">
        <v>0</v>
      </c>
      <c r="CC36" s="71">
        <v>0</v>
      </c>
      <c r="CD36" s="72">
        <v>0</v>
      </c>
      <c r="CE36" s="244"/>
      <c r="CF36" s="71">
        <v>0</v>
      </c>
      <c r="CG36" s="71">
        <v>0</v>
      </c>
      <c r="CH36" s="71">
        <v>0</v>
      </c>
      <c r="CI36" s="71">
        <v>0</v>
      </c>
      <c r="CJ36" s="71">
        <v>0</v>
      </c>
      <c r="CK36" s="72">
        <v>0</v>
      </c>
      <c r="CL36" s="73">
        <v>0</v>
      </c>
      <c r="CM36" s="70">
        <v>5</v>
      </c>
      <c r="CN36" s="71">
        <v>3</v>
      </c>
      <c r="CO36" s="72">
        <v>8</v>
      </c>
      <c r="CP36" s="244"/>
      <c r="CQ36" s="71">
        <v>7</v>
      </c>
      <c r="CR36" s="71">
        <v>1</v>
      </c>
      <c r="CS36" s="71">
        <v>3</v>
      </c>
      <c r="CT36" s="71">
        <v>0</v>
      </c>
      <c r="CU36" s="71">
        <v>2</v>
      </c>
      <c r="CV36" s="72">
        <v>13</v>
      </c>
      <c r="CW36" s="73">
        <v>21</v>
      </c>
      <c r="CX36" s="123">
        <v>1</v>
      </c>
      <c r="CY36" s="82">
        <v>2</v>
      </c>
      <c r="CZ36" s="83">
        <v>3</v>
      </c>
      <c r="DA36" s="241"/>
      <c r="DB36" s="82">
        <v>0</v>
      </c>
      <c r="DC36" s="82">
        <v>3</v>
      </c>
      <c r="DD36" s="82">
        <v>0</v>
      </c>
      <c r="DE36" s="82">
        <v>1</v>
      </c>
      <c r="DF36" s="82">
        <v>0</v>
      </c>
      <c r="DG36" s="84">
        <v>4</v>
      </c>
      <c r="DH36" s="85">
        <v>7</v>
      </c>
      <c r="DI36" s="70">
        <v>0</v>
      </c>
      <c r="DJ36" s="71">
        <v>0</v>
      </c>
      <c r="DK36" s="72">
        <v>0</v>
      </c>
      <c r="DL36" s="244"/>
      <c r="DM36" s="71">
        <v>0</v>
      </c>
      <c r="DN36" s="71">
        <v>1</v>
      </c>
      <c r="DO36" s="71">
        <v>0</v>
      </c>
      <c r="DP36" s="71">
        <v>0</v>
      </c>
      <c r="DQ36" s="71">
        <v>0</v>
      </c>
      <c r="DR36" s="72">
        <v>1</v>
      </c>
      <c r="DS36" s="73">
        <v>1</v>
      </c>
      <c r="DT36" s="70">
        <v>0</v>
      </c>
      <c r="DU36" s="71">
        <v>1</v>
      </c>
      <c r="DV36" s="72">
        <v>1</v>
      </c>
      <c r="DW36" s="244"/>
      <c r="DX36" s="71">
        <v>0</v>
      </c>
      <c r="DY36" s="71">
        <v>0</v>
      </c>
      <c r="DZ36" s="71">
        <v>0</v>
      </c>
      <c r="EA36" s="71">
        <v>0</v>
      </c>
      <c r="EB36" s="71">
        <v>0</v>
      </c>
      <c r="EC36" s="72">
        <v>0</v>
      </c>
      <c r="ED36" s="73">
        <v>1</v>
      </c>
      <c r="EE36" s="70">
        <v>0</v>
      </c>
      <c r="EF36" s="71">
        <v>0</v>
      </c>
      <c r="EG36" s="72">
        <v>0</v>
      </c>
      <c r="EH36" s="244"/>
      <c r="EI36" s="71">
        <v>0</v>
      </c>
      <c r="EJ36" s="71">
        <v>0</v>
      </c>
      <c r="EK36" s="71">
        <v>0</v>
      </c>
      <c r="EL36" s="71">
        <v>0</v>
      </c>
      <c r="EM36" s="71">
        <v>0</v>
      </c>
      <c r="EN36" s="72">
        <v>0</v>
      </c>
      <c r="EO36" s="73">
        <v>0</v>
      </c>
      <c r="EP36" s="70">
        <v>0</v>
      </c>
      <c r="EQ36" s="71">
        <v>0</v>
      </c>
      <c r="ER36" s="72">
        <v>0</v>
      </c>
      <c r="ES36" s="244"/>
      <c r="ET36" s="71">
        <v>0</v>
      </c>
      <c r="EU36" s="71">
        <v>0</v>
      </c>
      <c r="EV36" s="71">
        <v>0</v>
      </c>
      <c r="EW36" s="71">
        <v>0</v>
      </c>
      <c r="EX36" s="71">
        <v>0</v>
      </c>
      <c r="EY36" s="72">
        <v>0</v>
      </c>
      <c r="EZ36" s="73">
        <v>0</v>
      </c>
      <c r="FA36" s="70">
        <v>0</v>
      </c>
      <c r="FB36" s="71">
        <v>0</v>
      </c>
      <c r="FC36" s="72">
        <v>0</v>
      </c>
      <c r="FD36" s="244"/>
      <c r="FE36" s="71">
        <v>0</v>
      </c>
      <c r="FF36" s="71">
        <v>0</v>
      </c>
      <c r="FG36" s="71">
        <v>0</v>
      </c>
      <c r="FH36" s="71">
        <v>0</v>
      </c>
      <c r="FI36" s="71">
        <v>0</v>
      </c>
      <c r="FJ36" s="72">
        <v>0</v>
      </c>
      <c r="FK36" s="73">
        <v>0</v>
      </c>
      <c r="FL36" s="70">
        <v>1</v>
      </c>
      <c r="FM36" s="71">
        <v>1</v>
      </c>
      <c r="FN36" s="72">
        <v>2</v>
      </c>
      <c r="FO36" s="244"/>
      <c r="FP36" s="71">
        <v>0</v>
      </c>
      <c r="FQ36" s="71">
        <v>2</v>
      </c>
      <c r="FR36" s="71">
        <v>0</v>
      </c>
      <c r="FS36" s="71">
        <v>1</v>
      </c>
      <c r="FT36" s="71">
        <v>0</v>
      </c>
      <c r="FU36" s="72">
        <v>3</v>
      </c>
      <c r="FV36" s="73">
        <v>5</v>
      </c>
      <c r="FW36" s="70">
        <v>0</v>
      </c>
      <c r="FX36" s="71">
        <v>0</v>
      </c>
      <c r="FY36" s="72">
        <v>0</v>
      </c>
      <c r="FZ36" s="244"/>
      <c r="GA36" s="71">
        <v>0</v>
      </c>
      <c r="GB36" s="71">
        <v>0</v>
      </c>
      <c r="GC36" s="71">
        <v>0</v>
      </c>
      <c r="GD36" s="71">
        <v>0</v>
      </c>
      <c r="GE36" s="71">
        <v>0</v>
      </c>
      <c r="GF36" s="72">
        <v>0</v>
      </c>
      <c r="GG36" s="73">
        <v>0</v>
      </c>
      <c r="GH36" s="70">
        <v>1</v>
      </c>
      <c r="GI36" s="71">
        <v>2</v>
      </c>
      <c r="GJ36" s="72">
        <v>3</v>
      </c>
      <c r="GK36" s="244"/>
      <c r="GL36" s="71">
        <v>0</v>
      </c>
      <c r="GM36" s="71">
        <v>3</v>
      </c>
      <c r="GN36" s="71">
        <v>0</v>
      </c>
      <c r="GO36" s="71">
        <v>1</v>
      </c>
      <c r="GP36" s="71">
        <v>0</v>
      </c>
      <c r="GQ36" s="72">
        <v>4</v>
      </c>
      <c r="GR36" s="73">
        <v>7</v>
      </c>
      <c r="GS36" s="123">
        <v>6</v>
      </c>
      <c r="GT36" s="82">
        <v>5</v>
      </c>
      <c r="GU36" s="83">
        <v>11</v>
      </c>
      <c r="GV36" s="241"/>
      <c r="GW36" s="82">
        <v>7</v>
      </c>
      <c r="GX36" s="82">
        <v>4</v>
      </c>
      <c r="GY36" s="82">
        <v>3</v>
      </c>
      <c r="GZ36" s="82">
        <v>1</v>
      </c>
      <c r="HA36" s="82">
        <v>2</v>
      </c>
      <c r="HB36" s="84">
        <v>17</v>
      </c>
      <c r="HC36" s="85">
        <v>28</v>
      </c>
      <c r="HD36" s="70">
        <v>0</v>
      </c>
      <c r="HE36" s="71">
        <v>0</v>
      </c>
      <c r="HF36" s="72">
        <v>0</v>
      </c>
      <c r="HG36" s="244"/>
      <c r="HH36" s="71">
        <v>0</v>
      </c>
      <c r="HI36" s="71">
        <v>1</v>
      </c>
      <c r="HJ36" s="71">
        <v>0</v>
      </c>
      <c r="HK36" s="71">
        <v>0</v>
      </c>
      <c r="HL36" s="71">
        <v>0</v>
      </c>
      <c r="HM36" s="72">
        <v>1</v>
      </c>
      <c r="HN36" s="73">
        <v>1</v>
      </c>
      <c r="HO36" s="70">
        <v>0</v>
      </c>
      <c r="HP36" s="71">
        <v>1</v>
      </c>
      <c r="HQ36" s="72">
        <v>1</v>
      </c>
      <c r="HR36" s="244"/>
      <c r="HS36" s="71">
        <v>0</v>
      </c>
      <c r="HT36" s="71">
        <v>0</v>
      </c>
      <c r="HU36" s="71">
        <v>0</v>
      </c>
      <c r="HV36" s="71">
        <v>0</v>
      </c>
      <c r="HW36" s="71">
        <v>1</v>
      </c>
      <c r="HX36" s="72">
        <v>1</v>
      </c>
      <c r="HY36" s="73">
        <v>2</v>
      </c>
      <c r="HZ36" s="70">
        <v>2</v>
      </c>
      <c r="IA36" s="71">
        <v>0</v>
      </c>
      <c r="IB36" s="72">
        <v>2</v>
      </c>
      <c r="IC36" s="244"/>
      <c r="ID36" s="71">
        <v>1</v>
      </c>
      <c r="IE36" s="71">
        <v>0</v>
      </c>
      <c r="IF36" s="71">
        <v>0</v>
      </c>
      <c r="IG36" s="71">
        <v>0</v>
      </c>
      <c r="IH36" s="71">
        <v>0</v>
      </c>
      <c r="II36" s="72">
        <v>1</v>
      </c>
      <c r="IJ36" s="73">
        <v>3</v>
      </c>
      <c r="IK36" s="70">
        <v>1</v>
      </c>
      <c r="IL36" s="71">
        <v>1</v>
      </c>
      <c r="IM36" s="72">
        <v>2</v>
      </c>
      <c r="IN36" s="244"/>
      <c r="IO36" s="71">
        <v>1</v>
      </c>
      <c r="IP36" s="71">
        <v>1</v>
      </c>
      <c r="IQ36" s="71">
        <v>1</v>
      </c>
      <c r="IR36" s="71">
        <v>0</v>
      </c>
      <c r="IS36" s="71">
        <v>0</v>
      </c>
      <c r="IT36" s="72">
        <v>3</v>
      </c>
      <c r="IU36" s="73">
        <v>5</v>
      </c>
      <c r="IV36" s="70">
        <v>0</v>
      </c>
      <c r="IW36" s="71">
        <v>2</v>
      </c>
      <c r="IX36" s="72">
        <v>2</v>
      </c>
      <c r="IY36" s="244"/>
      <c r="IZ36" s="71">
        <v>0</v>
      </c>
      <c r="JA36" s="71">
        <v>0</v>
      </c>
      <c r="JB36" s="71">
        <v>2</v>
      </c>
      <c r="JC36" s="71">
        <v>0</v>
      </c>
      <c r="JD36" s="71">
        <v>1</v>
      </c>
      <c r="JE36" s="72">
        <v>3</v>
      </c>
      <c r="JF36" s="73">
        <v>5</v>
      </c>
      <c r="JG36" s="70">
        <v>3</v>
      </c>
      <c r="JH36" s="71">
        <v>1</v>
      </c>
      <c r="JI36" s="72">
        <v>4</v>
      </c>
      <c r="JJ36" s="244"/>
      <c r="JK36" s="71">
        <v>5</v>
      </c>
      <c r="JL36" s="71">
        <v>2</v>
      </c>
      <c r="JM36" s="71">
        <v>0</v>
      </c>
      <c r="JN36" s="71">
        <v>1</v>
      </c>
      <c r="JO36" s="71">
        <v>0</v>
      </c>
      <c r="JP36" s="72">
        <v>8</v>
      </c>
      <c r="JQ36" s="73">
        <v>12</v>
      </c>
      <c r="JR36" s="70">
        <v>0</v>
      </c>
      <c r="JS36" s="71">
        <v>0</v>
      </c>
      <c r="JT36" s="72">
        <v>0</v>
      </c>
      <c r="JU36" s="244"/>
      <c r="JV36" s="71">
        <v>0</v>
      </c>
      <c r="JW36" s="71">
        <v>0</v>
      </c>
      <c r="JX36" s="71">
        <v>0</v>
      </c>
      <c r="JY36" s="71">
        <v>0</v>
      </c>
      <c r="JZ36" s="71">
        <v>0</v>
      </c>
      <c r="KA36" s="72">
        <v>0</v>
      </c>
      <c r="KB36" s="73">
        <v>0</v>
      </c>
      <c r="KC36" s="70">
        <v>6</v>
      </c>
      <c r="KD36" s="71">
        <v>5</v>
      </c>
      <c r="KE36" s="72">
        <v>11</v>
      </c>
      <c r="KF36" s="244"/>
      <c r="KG36" s="71">
        <v>7</v>
      </c>
      <c r="KH36" s="71">
        <v>4</v>
      </c>
      <c r="KI36" s="71">
        <v>3</v>
      </c>
      <c r="KJ36" s="71">
        <v>1</v>
      </c>
      <c r="KK36" s="71">
        <v>2</v>
      </c>
      <c r="KL36" s="72">
        <v>17</v>
      </c>
      <c r="KM36" s="73">
        <v>28</v>
      </c>
    </row>
    <row r="37" spans="2:299" ht="21" customHeight="1" x14ac:dyDescent="0.2">
      <c r="B37" s="126" t="s">
        <v>34</v>
      </c>
      <c r="C37" s="315">
        <v>4</v>
      </c>
      <c r="D37" s="82">
        <v>2</v>
      </c>
      <c r="E37" s="83">
        <v>6</v>
      </c>
      <c r="F37" s="241"/>
      <c r="G37" s="82">
        <v>5</v>
      </c>
      <c r="H37" s="82">
        <v>3</v>
      </c>
      <c r="I37" s="82">
        <v>5</v>
      </c>
      <c r="J37" s="82">
        <v>1</v>
      </c>
      <c r="K37" s="82">
        <v>0</v>
      </c>
      <c r="L37" s="84">
        <v>14</v>
      </c>
      <c r="M37" s="85">
        <v>20</v>
      </c>
      <c r="N37" s="70">
        <v>0</v>
      </c>
      <c r="O37" s="71">
        <v>0</v>
      </c>
      <c r="P37" s="72">
        <v>0</v>
      </c>
      <c r="Q37" s="244"/>
      <c r="R37" s="71">
        <v>0</v>
      </c>
      <c r="S37" s="71">
        <v>1</v>
      </c>
      <c r="T37" s="71">
        <v>0</v>
      </c>
      <c r="U37" s="71">
        <v>0</v>
      </c>
      <c r="V37" s="71">
        <v>0</v>
      </c>
      <c r="W37" s="72">
        <v>1</v>
      </c>
      <c r="X37" s="73">
        <v>1</v>
      </c>
      <c r="Y37" s="70">
        <v>0</v>
      </c>
      <c r="Z37" s="71">
        <v>0</v>
      </c>
      <c r="AA37" s="72">
        <v>0</v>
      </c>
      <c r="AB37" s="244"/>
      <c r="AC37" s="71">
        <v>0</v>
      </c>
      <c r="AD37" s="71">
        <v>0</v>
      </c>
      <c r="AE37" s="71">
        <v>0</v>
      </c>
      <c r="AF37" s="71">
        <v>0</v>
      </c>
      <c r="AG37" s="71">
        <v>0</v>
      </c>
      <c r="AH37" s="72">
        <v>0</v>
      </c>
      <c r="AI37" s="73">
        <v>0</v>
      </c>
      <c r="AJ37" s="70">
        <v>0</v>
      </c>
      <c r="AK37" s="71">
        <v>0</v>
      </c>
      <c r="AL37" s="72">
        <v>0</v>
      </c>
      <c r="AM37" s="244"/>
      <c r="AN37" s="71">
        <v>0</v>
      </c>
      <c r="AO37" s="71">
        <v>0</v>
      </c>
      <c r="AP37" s="71">
        <v>0</v>
      </c>
      <c r="AQ37" s="71">
        <v>0</v>
      </c>
      <c r="AR37" s="71">
        <v>0</v>
      </c>
      <c r="AS37" s="72">
        <v>0</v>
      </c>
      <c r="AT37" s="73">
        <v>0</v>
      </c>
      <c r="AU37" s="70">
        <v>2</v>
      </c>
      <c r="AV37" s="71">
        <v>0</v>
      </c>
      <c r="AW37" s="72">
        <v>2</v>
      </c>
      <c r="AX37" s="244"/>
      <c r="AY37" s="71">
        <v>3</v>
      </c>
      <c r="AZ37" s="71">
        <v>0</v>
      </c>
      <c r="BA37" s="71">
        <v>1</v>
      </c>
      <c r="BB37" s="71">
        <v>1</v>
      </c>
      <c r="BC37" s="71">
        <v>0</v>
      </c>
      <c r="BD37" s="72">
        <v>5</v>
      </c>
      <c r="BE37" s="73">
        <v>7</v>
      </c>
      <c r="BF37" s="70">
        <v>2</v>
      </c>
      <c r="BG37" s="71">
        <v>1</v>
      </c>
      <c r="BH37" s="72">
        <v>3</v>
      </c>
      <c r="BI37" s="244"/>
      <c r="BJ37" s="71">
        <v>1</v>
      </c>
      <c r="BK37" s="71">
        <v>0</v>
      </c>
      <c r="BL37" s="71">
        <v>3</v>
      </c>
      <c r="BM37" s="71">
        <v>0</v>
      </c>
      <c r="BN37" s="71">
        <v>0</v>
      </c>
      <c r="BO37" s="72">
        <v>4</v>
      </c>
      <c r="BP37" s="73">
        <v>7</v>
      </c>
      <c r="BQ37" s="70">
        <v>0</v>
      </c>
      <c r="BR37" s="71">
        <v>1</v>
      </c>
      <c r="BS37" s="72">
        <v>1</v>
      </c>
      <c r="BT37" s="244"/>
      <c r="BU37" s="71">
        <v>1</v>
      </c>
      <c r="BV37" s="71">
        <v>2</v>
      </c>
      <c r="BW37" s="71">
        <v>1</v>
      </c>
      <c r="BX37" s="71">
        <v>0</v>
      </c>
      <c r="BY37" s="71">
        <v>0</v>
      </c>
      <c r="BZ37" s="72">
        <v>4</v>
      </c>
      <c r="CA37" s="73">
        <v>5</v>
      </c>
      <c r="CB37" s="70">
        <v>0</v>
      </c>
      <c r="CC37" s="71">
        <v>0</v>
      </c>
      <c r="CD37" s="72">
        <v>0</v>
      </c>
      <c r="CE37" s="244"/>
      <c r="CF37" s="71">
        <v>0</v>
      </c>
      <c r="CG37" s="71">
        <v>0</v>
      </c>
      <c r="CH37" s="71">
        <v>0</v>
      </c>
      <c r="CI37" s="71">
        <v>0</v>
      </c>
      <c r="CJ37" s="71">
        <v>0</v>
      </c>
      <c r="CK37" s="72">
        <v>0</v>
      </c>
      <c r="CL37" s="73">
        <v>0</v>
      </c>
      <c r="CM37" s="70">
        <v>4</v>
      </c>
      <c r="CN37" s="71">
        <v>2</v>
      </c>
      <c r="CO37" s="72">
        <v>6</v>
      </c>
      <c r="CP37" s="244"/>
      <c r="CQ37" s="71">
        <v>5</v>
      </c>
      <c r="CR37" s="71">
        <v>3</v>
      </c>
      <c r="CS37" s="71">
        <v>5</v>
      </c>
      <c r="CT37" s="71">
        <v>1</v>
      </c>
      <c r="CU37" s="71">
        <v>0</v>
      </c>
      <c r="CV37" s="72">
        <v>14</v>
      </c>
      <c r="CW37" s="73">
        <v>20</v>
      </c>
      <c r="CX37" s="123">
        <v>0</v>
      </c>
      <c r="CY37" s="82">
        <v>0</v>
      </c>
      <c r="CZ37" s="83">
        <v>0</v>
      </c>
      <c r="DA37" s="241"/>
      <c r="DB37" s="82">
        <v>0</v>
      </c>
      <c r="DC37" s="82">
        <v>0</v>
      </c>
      <c r="DD37" s="82">
        <v>0</v>
      </c>
      <c r="DE37" s="82">
        <v>0</v>
      </c>
      <c r="DF37" s="82">
        <v>2</v>
      </c>
      <c r="DG37" s="84">
        <v>2</v>
      </c>
      <c r="DH37" s="85">
        <v>2</v>
      </c>
      <c r="DI37" s="70">
        <v>0</v>
      </c>
      <c r="DJ37" s="71">
        <v>0</v>
      </c>
      <c r="DK37" s="72">
        <v>0</v>
      </c>
      <c r="DL37" s="244"/>
      <c r="DM37" s="71">
        <v>0</v>
      </c>
      <c r="DN37" s="71">
        <v>0</v>
      </c>
      <c r="DO37" s="71">
        <v>0</v>
      </c>
      <c r="DP37" s="71">
        <v>0</v>
      </c>
      <c r="DQ37" s="71">
        <v>0</v>
      </c>
      <c r="DR37" s="72">
        <v>0</v>
      </c>
      <c r="DS37" s="73">
        <v>0</v>
      </c>
      <c r="DT37" s="70">
        <v>0</v>
      </c>
      <c r="DU37" s="71">
        <v>0</v>
      </c>
      <c r="DV37" s="72">
        <v>0</v>
      </c>
      <c r="DW37" s="244"/>
      <c r="DX37" s="71">
        <v>0</v>
      </c>
      <c r="DY37" s="71">
        <v>0</v>
      </c>
      <c r="DZ37" s="71">
        <v>0</v>
      </c>
      <c r="EA37" s="71">
        <v>0</v>
      </c>
      <c r="EB37" s="71">
        <v>0</v>
      </c>
      <c r="EC37" s="72">
        <v>0</v>
      </c>
      <c r="ED37" s="73">
        <v>0</v>
      </c>
      <c r="EE37" s="70">
        <v>0</v>
      </c>
      <c r="EF37" s="71">
        <v>0</v>
      </c>
      <c r="EG37" s="72">
        <v>0</v>
      </c>
      <c r="EH37" s="244"/>
      <c r="EI37" s="71">
        <v>0</v>
      </c>
      <c r="EJ37" s="71">
        <v>0</v>
      </c>
      <c r="EK37" s="71">
        <v>0</v>
      </c>
      <c r="EL37" s="71">
        <v>0</v>
      </c>
      <c r="EM37" s="71">
        <v>0</v>
      </c>
      <c r="EN37" s="72">
        <v>0</v>
      </c>
      <c r="EO37" s="73">
        <v>0</v>
      </c>
      <c r="EP37" s="70">
        <v>0</v>
      </c>
      <c r="EQ37" s="71">
        <v>0</v>
      </c>
      <c r="ER37" s="72">
        <v>0</v>
      </c>
      <c r="ES37" s="244"/>
      <c r="ET37" s="71">
        <v>0</v>
      </c>
      <c r="EU37" s="71">
        <v>0</v>
      </c>
      <c r="EV37" s="71">
        <v>0</v>
      </c>
      <c r="EW37" s="71">
        <v>0</v>
      </c>
      <c r="EX37" s="71">
        <v>0</v>
      </c>
      <c r="EY37" s="72">
        <v>0</v>
      </c>
      <c r="EZ37" s="73">
        <v>0</v>
      </c>
      <c r="FA37" s="70">
        <v>0</v>
      </c>
      <c r="FB37" s="71">
        <v>0</v>
      </c>
      <c r="FC37" s="72">
        <v>0</v>
      </c>
      <c r="FD37" s="244"/>
      <c r="FE37" s="71">
        <v>0</v>
      </c>
      <c r="FF37" s="71">
        <v>0</v>
      </c>
      <c r="FG37" s="71">
        <v>0</v>
      </c>
      <c r="FH37" s="71">
        <v>0</v>
      </c>
      <c r="FI37" s="71">
        <v>0</v>
      </c>
      <c r="FJ37" s="72">
        <v>0</v>
      </c>
      <c r="FK37" s="73">
        <v>0</v>
      </c>
      <c r="FL37" s="70">
        <v>0</v>
      </c>
      <c r="FM37" s="71">
        <v>0</v>
      </c>
      <c r="FN37" s="72">
        <v>0</v>
      </c>
      <c r="FO37" s="244"/>
      <c r="FP37" s="71">
        <v>0</v>
      </c>
      <c r="FQ37" s="71">
        <v>0</v>
      </c>
      <c r="FR37" s="71">
        <v>0</v>
      </c>
      <c r="FS37" s="71">
        <v>0</v>
      </c>
      <c r="FT37" s="71">
        <v>2</v>
      </c>
      <c r="FU37" s="72">
        <v>2</v>
      </c>
      <c r="FV37" s="73">
        <v>2</v>
      </c>
      <c r="FW37" s="70">
        <v>0</v>
      </c>
      <c r="FX37" s="71">
        <v>0</v>
      </c>
      <c r="FY37" s="72">
        <v>0</v>
      </c>
      <c r="FZ37" s="244"/>
      <c r="GA37" s="71">
        <v>0</v>
      </c>
      <c r="GB37" s="71">
        <v>0</v>
      </c>
      <c r="GC37" s="71">
        <v>0</v>
      </c>
      <c r="GD37" s="71">
        <v>0</v>
      </c>
      <c r="GE37" s="71">
        <v>0</v>
      </c>
      <c r="GF37" s="72">
        <v>0</v>
      </c>
      <c r="GG37" s="73">
        <v>0</v>
      </c>
      <c r="GH37" s="70">
        <v>0</v>
      </c>
      <c r="GI37" s="71">
        <v>0</v>
      </c>
      <c r="GJ37" s="72">
        <v>0</v>
      </c>
      <c r="GK37" s="244"/>
      <c r="GL37" s="71">
        <v>0</v>
      </c>
      <c r="GM37" s="71">
        <v>0</v>
      </c>
      <c r="GN37" s="71">
        <v>0</v>
      </c>
      <c r="GO37" s="71">
        <v>0</v>
      </c>
      <c r="GP37" s="71">
        <v>2</v>
      </c>
      <c r="GQ37" s="72">
        <v>2</v>
      </c>
      <c r="GR37" s="73">
        <v>2</v>
      </c>
      <c r="GS37" s="123">
        <v>4</v>
      </c>
      <c r="GT37" s="82">
        <v>2</v>
      </c>
      <c r="GU37" s="83">
        <v>6</v>
      </c>
      <c r="GV37" s="241"/>
      <c r="GW37" s="82">
        <v>5</v>
      </c>
      <c r="GX37" s="82">
        <v>3</v>
      </c>
      <c r="GY37" s="82">
        <v>5</v>
      </c>
      <c r="GZ37" s="82">
        <v>1</v>
      </c>
      <c r="HA37" s="82">
        <v>2</v>
      </c>
      <c r="HB37" s="84">
        <v>16</v>
      </c>
      <c r="HC37" s="85">
        <v>22</v>
      </c>
      <c r="HD37" s="70">
        <v>0</v>
      </c>
      <c r="HE37" s="71">
        <v>0</v>
      </c>
      <c r="HF37" s="72">
        <v>0</v>
      </c>
      <c r="HG37" s="244"/>
      <c r="HH37" s="71">
        <v>0</v>
      </c>
      <c r="HI37" s="71">
        <v>1</v>
      </c>
      <c r="HJ37" s="71">
        <v>0</v>
      </c>
      <c r="HK37" s="71">
        <v>0</v>
      </c>
      <c r="HL37" s="71">
        <v>0</v>
      </c>
      <c r="HM37" s="72">
        <v>1</v>
      </c>
      <c r="HN37" s="73">
        <v>1</v>
      </c>
      <c r="HO37" s="70">
        <v>0</v>
      </c>
      <c r="HP37" s="71">
        <v>0</v>
      </c>
      <c r="HQ37" s="72">
        <v>0</v>
      </c>
      <c r="HR37" s="244"/>
      <c r="HS37" s="71">
        <v>0</v>
      </c>
      <c r="HT37" s="71">
        <v>0</v>
      </c>
      <c r="HU37" s="71">
        <v>0</v>
      </c>
      <c r="HV37" s="71">
        <v>0</v>
      </c>
      <c r="HW37" s="71">
        <v>0</v>
      </c>
      <c r="HX37" s="72">
        <v>0</v>
      </c>
      <c r="HY37" s="73">
        <v>0</v>
      </c>
      <c r="HZ37" s="70">
        <v>0</v>
      </c>
      <c r="IA37" s="71">
        <v>0</v>
      </c>
      <c r="IB37" s="72">
        <v>0</v>
      </c>
      <c r="IC37" s="244"/>
      <c r="ID37" s="71">
        <v>0</v>
      </c>
      <c r="IE37" s="71">
        <v>0</v>
      </c>
      <c r="IF37" s="71">
        <v>0</v>
      </c>
      <c r="IG37" s="71">
        <v>0</v>
      </c>
      <c r="IH37" s="71">
        <v>0</v>
      </c>
      <c r="II37" s="72">
        <v>0</v>
      </c>
      <c r="IJ37" s="73">
        <v>0</v>
      </c>
      <c r="IK37" s="70">
        <v>2</v>
      </c>
      <c r="IL37" s="71">
        <v>0</v>
      </c>
      <c r="IM37" s="72">
        <v>2</v>
      </c>
      <c r="IN37" s="244"/>
      <c r="IO37" s="71">
        <v>3</v>
      </c>
      <c r="IP37" s="71">
        <v>0</v>
      </c>
      <c r="IQ37" s="71">
        <v>1</v>
      </c>
      <c r="IR37" s="71">
        <v>1</v>
      </c>
      <c r="IS37" s="71">
        <v>0</v>
      </c>
      <c r="IT37" s="72">
        <v>5</v>
      </c>
      <c r="IU37" s="73">
        <v>7</v>
      </c>
      <c r="IV37" s="70">
        <v>2</v>
      </c>
      <c r="IW37" s="71">
        <v>1</v>
      </c>
      <c r="IX37" s="72">
        <v>3</v>
      </c>
      <c r="IY37" s="244"/>
      <c r="IZ37" s="71">
        <v>1</v>
      </c>
      <c r="JA37" s="71">
        <v>0</v>
      </c>
      <c r="JB37" s="71">
        <v>3</v>
      </c>
      <c r="JC37" s="71">
        <v>0</v>
      </c>
      <c r="JD37" s="71">
        <v>0</v>
      </c>
      <c r="JE37" s="72">
        <v>4</v>
      </c>
      <c r="JF37" s="73">
        <v>7</v>
      </c>
      <c r="JG37" s="70">
        <v>0</v>
      </c>
      <c r="JH37" s="71">
        <v>1</v>
      </c>
      <c r="JI37" s="72">
        <v>1</v>
      </c>
      <c r="JJ37" s="244"/>
      <c r="JK37" s="71">
        <v>1</v>
      </c>
      <c r="JL37" s="71">
        <v>2</v>
      </c>
      <c r="JM37" s="71">
        <v>1</v>
      </c>
      <c r="JN37" s="71">
        <v>0</v>
      </c>
      <c r="JO37" s="71">
        <v>2</v>
      </c>
      <c r="JP37" s="72">
        <v>6</v>
      </c>
      <c r="JQ37" s="73">
        <v>7</v>
      </c>
      <c r="JR37" s="70">
        <v>0</v>
      </c>
      <c r="JS37" s="71">
        <v>0</v>
      </c>
      <c r="JT37" s="72">
        <v>0</v>
      </c>
      <c r="JU37" s="244"/>
      <c r="JV37" s="71">
        <v>0</v>
      </c>
      <c r="JW37" s="71">
        <v>0</v>
      </c>
      <c r="JX37" s="71">
        <v>0</v>
      </c>
      <c r="JY37" s="71">
        <v>0</v>
      </c>
      <c r="JZ37" s="71">
        <v>0</v>
      </c>
      <c r="KA37" s="72">
        <v>0</v>
      </c>
      <c r="KB37" s="73">
        <v>0</v>
      </c>
      <c r="KC37" s="70">
        <v>4</v>
      </c>
      <c r="KD37" s="71">
        <v>2</v>
      </c>
      <c r="KE37" s="72">
        <v>6</v>
      </c>
      <c r="KF37" s="244"/>
      <c r="KG37" s="71">
        <v>5</v>
      </c>
      <c r="KH37" s="71">
        <v>3</v>
      </c>
      <c r="KI37" s="71">
        <v>5</v>
      </c>
      <c r="KJ37" s="71">
        <v>1</v>
      </c>
      <c r="KK37" s="71">
        <v>2</v>
      </c>
      <c r="KL37" s="72">
        <v>16</v>
      </c>
      <c r="KM37" s="73">
        <v>22</v>
      </c>
    </row>
    <row r="38" spans="2:299" ht="21" customHeight="1" x14ac:dyDescent="0.2">
      <c r="B38" s="126" t="s">
        <v>35</v>
      </c>
      <c r="C38" s="315">
        <v>15</v>
      </c>
      <c r="D38" s="82">
        <v>4</v>
      </c>
      <c r="E38" s="83">
        <v>19</v>
      </c>
      <c r="F38" s="241"/>
      <c r="G38" s="82">
        <v>23</v>
      </c>
      <c r="H38" s="82">
        <v>9</v>
      </c>
      <c r="I38" s="82">
        <v>4</v>
      </c>
      <c r="J38" s="82">
        <v>1</v>
      </c>
      <c r="K38" s="82">
        <v>3</v>
      </c>
      <c r="L38" s="84">
        <v>40</v>
      </c>
      <c r="M38" s="85">
        <v>59</v>
      </c>
      <c r="N38" s="70">
        <v>0</v>
      </c>
      <c r="O38" s="71">
        <v>0</v>
      </c>
      <c r="P38" s="72">
        <v>0</v>
      </c>
      <c r="Q38" s="244"/>
      <c r="R38" s="71">
        <v>0</v>
      </c>
      <c r="S38" s="71">
        <v>0</v>
      </c>
      <c r="T38" s="71">
        <v>0</v>
      </c>
      <c r="U38" s="71">
        <v>0</v>
      </c>
      <c r="V38" s="71">
        <v>0</v>
      </c>
      <c r="W38" s="72">
        <v>0</v>
      </c>
      <c r="X38" s="73">
        <v>0</v>
      </c>
      <c r="Y38" s="70">
        <v>1</v>
      </c>
      <c r="Z38" s="71">
        <v>1</v>
      </c>
      <c r="AA38" s="72">
        <v>2</v>
      </c>
      <c r="AB38" s="244"/>
      <c r="AC38" s="71">
        <v>0</v>
      </c>
      <c r="AD38" s="71">
        <v>0</v>
      </c>
      <c r="AE38" s="71">
        <v>0</v>
      </c>
      <c r="AF38" s="71">
        <v>0</v>
      </c>
      <c r="AG38" s="71">
        <v>0</v>
      </c>
      <c r="AH38" s="72">
        <v>0</v>
      </c>
      <c r="AI38" s="73">
        <v>2</v>
      </c>
      <c r="AJ38" s="70">
        <v>1</v>
      </c>
      <c r="AK38" s="71">
        <v>0</v>
      </c>
      <c r="AL38" s="72">
        <v>1</v>
      </c>
      <c r="AM38" s="244"/>
      <c r="AN38" s="71">
        <v>4</v>
      </c>
      <c r="AO38" s="71">
        <v>1</v>
      </c>
      <c r="AP38" s="71">
        <v>0</v>
      </c>
      <c r="AQ38" s="71">
        <v>0</v>
      </c>
      <c r="AR38" s="71">
        <v>0</v>
      </c>
      <c r="AS38" s="72">
        <v>5</v>
      </c>
      <c r="AT38" s="73">
        <v>6</v>
      </c>
      <c r="AU38" s="70">
        <v>5</v>
      </c>
      <c r="AV38" s="71">
        <v>2</v>
      </c>
      <c r="AW38" s="72">
        <v>7</v>
      </c>
      <c r="AX38" s="244"/>
      <c r="AY38" s="71">
        <v>6</v>
      </c>
      <c r="AZ38" s="71">
        <v>3</v>
      </c>
      <c r="BA38" s="71">
        <v>2</v>
      </c>
      <c r="BB38" s="71">
        <v>0</v>
      </c>
      <c r="BC38" s="71">
        <v>0</v>
      </c>
      <c r="BD38" s="72">
        <v>11</v>
      </c>
      <c r="BE38" s="73">
        <v>18</v>
      </c>
      <c r="BF38" s="70">
        <v>4</v>
      </c>
      <c r="BG38" s="71">
        <v>0</v>
      </c>
      <c r="BH38" s="72">
        <v>4</v>
      </c>
      <c r="BI38" s="244"/>
      <c r="BJ38" s="71">
        <v>5</v>
      </c>
      <c r="BK38" s="71">
        <v>3</v>
      </c>
      <c r="BL38" s="71">
        <v>0</v>
      </c>
      <c r="BM38" s="71">
        <v>1</v>
      </c>
      <c r="BN38" s="71">
        <v>1</v>
      </c>
      <c r="BO38" s="72">
        <v>10</v>
      </c>
      <c r="BP38" s="73">
        <v>14</v>
      </c>
      <c r="BQ38" s="70">
        <v>4</v>
      </c>
      <c r="BR38" s="71">
        <v>1</v>
      </c>
      <c r="BS38" s="72">
        <v>5</v>
      </c>
      <c r="BT38" s="244"/>
      <c r="BU38" s="71">
        <v>8</v>
      </c>
      <c r="BV38" s="71">
        <v>2</v>
      </c>
      <c r="BW38" s="71">
        <v>2</v>
      </c>
      <c r="BX38" s="71">
        <v>0</v>
      </c>
      <c r="BY38" s="71">
        <v>2</v>
      </c>
      <c r="BZ38" s="72">
        <v>14</v>
      </c>
      <c r="CA38" s="73">
        <v>19</v>
      </c>
      <c r="CB38" s="70">
        <v>0</v>
      </c>
      <c r="CC38" s="71">
        <v>0</v>
      </c>
      <c r="CD38" s="72">
        <v>0</v>
      </c>
      <c r="CE38" s="244"/>
      <c r="CF38" s="71">
        <v>0</v>
      </c>
      <c r="CG38" s="71">
        <v>0</v>
      </c>
      <c r="CH38" s="71">
        <v>0</v>
      </c>
      <c r="CI38" s="71">
        <v>0</v>
      </c>
      <c r="CJ38" s="71">
        <v>0</v>
      </c>
      <c r="CK38" s="72">
        <v>0</v>
      </c>
      <c r="CL38" s="73">
        <v>0</v>
      </c>
      <c r="CM38" s="70">
        <v>15</v>
      </c>
      <c r="CN38" s="71">
        <v>4</v>
      </c>
      <c r="CO38" s="72">
        <v>19</v>
      </c>
      <c r="CP38" s="244"/>
      <c r="CQ38" s="71">
        <v>23</v>
      </c>
      <c r="CR38" s="71">
        <v>9</v>
      </c>
      <c r="CS38" s="71">
        <v>4</v>
      </c>
      <c r="CT38" s="71">
        <v>1</v>
      </c>
      <c r="CU38" s="71">
        <v>3</v>
      </c>
      <c r="CV38" s="72">
        <v>40</v>
      </c>
      <c r="CW38" s="73">
        <v>59</v>
      </c>
      <c r="CX38" s="123">
        <v>2</v>
      </c>
      <c r="CY38" s="82">
        <v>2</v>
      </c>
      <c r="CZ38" s="83">
        <v>4</v>
      </c>
      <c r="DA38" s="241"/>
      <c r="DB38" s="82">
        <v>5</v>
      </c>
      <c r="DC38" s="82">
        <v>2</v>
      </c>
      <c r="DD38" s="82">
        <v>4</v>
      </c>
      <c r="DE38" s="82">
        <v>6</v>
      </c>
      <c r="DF38" s="82">
        <v>1</v>
      </c>
      <c r="DG38" s="84">
        <v>18</v>
      </c>
      <c r="DH38" s="85">
        <v>22</v>
      </c>
      <c r="DI38" s="70">
        <v>0</v>
      </c>
      <c r="DJ38" s="71">
        <v>0</v>
      </c>
      <c r="DK38" s="72">
        <v>0</v>
      </c>
      <c r="DL38" s="244"/>
      <c r="DM38" s="71">
        <v>0</v>
      </c>
      <c r="DN38" s="71">
        <v>0</v>
      </c>
      <c r="DO38" s="71">
        <v>0</v>
      </c>
      <c r="DP38" s="71">
        <v>0</v>
      </c>
      <c r="DQ38" s="71">
        <v>0</v>
      </c>
      <c r="DR38" s="72">
        <v>0</v>
      </c>
      <c r="DS38" s="73">
        <v>0</v>
      </c>
      <c r="DT38" s="70">
        <v>0</v>
      </c>
      <c r="DU38" s="71">
        <v>0</v>
      </c>
      <c r="DV38" s="72">
        <v>0</v>
      </c>
      <c r="DW38" s="244"/>
      <c r="DX38" s="71">
        <v>0</v>
      </c>
      <c r="DY38" s="71">
        <v>0</v>
      </c>
      <c r="DZ38" s="71">
        <v>1</v>
      </c>
      <c r="EA38" s="71">
        <v>0</v>
      </c>
      <c r="EB38" s="71">
        <v>0</v>
      </c>
      <c r="EC38" s="72">
        <v>1</v>
      </c>
      <c r="ED38" s="73">
        <v>1</v>
      </c>
      <c r="EE38" s="70">
        <v>0</v>
      </c>
      <c r="EF38" s="71">
        <v>0</v>
      </c>
      <c r="EG38" s="72">
        <v>0</v>
      </c>
      <c r="EH38" s="244"/>
      <c r="EI38" s="71">
        <v>2</v>
      </c>
      <c r="EJ38" s="71">
        <v>0</v>
      </c>
      <c r="EK38" s="71">
        <v>0</v>
      </c>
      <c r="EL38" s="71">
        <v>0</v>
      </c>
      <c r="EM38" s="71">
        <v>0</v>
      </c>
      <c r="EN38" s="72">
        <v>2</v>
      </c>
      <c r="EO38" s="73">
        <v>2</v>
      </c>
      <c r="EP38" s="70">
        <v>0</v>
      </c>
      <c r="EQ38" s="71">
        <v>0</v>
      </c>
      <c r="ER38" s="72">
        <v>0</v>
      </c>
      <c r="ES38" s="244"/>
      <c r="ET38" s="71">
        <v>1</v>
      </c>
      <c r="EU38" s="71">
        <v>0</v>
      </c>
      <c r="EV38" s="71">
        <v>0</v>
      </c>
      <c r="EW38" s="71">
        <v>0</v>
      </c>
      <c r="EX38" s="71">
        <v>0</v>
      </c>
      <c r="EY38" s="72">
        <v>1</v>
      </c>
      <c r="EZ38" s="73">
        <v>1</v>
      </c>
      <c r="FA38" s="70">
        <v>0</v>
      </c>
      <c r="FB38" s="71">
        <v>1</v>
      </c>
      <c r="FC38" s="72">
        <v>1</v>
      </c>
      <c r="FD38" s="244"/>
      <c r="FE38" s="71">
        <v>0</v>
      </c>
      <c r="FF38" s="71">
        <v>0</v>
      </c>
      <c r="FG38" s="71">
        <v>2</v>
      </c>
      <c r="FH38" s="71">
        <v>0</v>
      </c>
      <c r="FI38" s="71">
        <v>1</v>
      </c>
      <c r="FJ38" s="72">
        <v>3</v>
      </c>
      <c r="FK38" s="73">
        <v>4</v>
      </c>
      <c r="FL38" s="70">
        <v>2</v>
      </c>
      <c r="FM38" s="71">
        <v>1</v>
      </c>
      <c r="FN38" s="72">
        <v>3</v>
      </c>
      <c r="FO38" s="244"/>
      <c r="FP38" s="71">
        <v>2</v>
      </c>
      <c r="FQ38" s="71">
        <v>2</v>
      </c>
      <c r="FR38" s="71">
        <v>1</v>
      </c>
      <c r="FS38" s="71">
        <v>6</v>
      </c>
      <c r="FT38" s="71">
        <v>0</v>
      </c>
      <c r="FU38" s="72">
        <v>11</v>
      </c>
      <c r="FV38" s="73">
        <v>14</v>
      </c>
      <c r="FW38" s="70">
        <v>0</v>
      </c>
      <c r="FX38" s="71">
        <v>0</v>
      </c>
      <c r="FY38" s="72">
        <v>0</v>
      </c>
      <c r="FZ38" s="244"/>
      <c r="GA38" s="71">
        <v>0</v>
      </c>
      <c r="GB38" s="71">
        <v>0</v>
      </c>
      <c r="GC38" s="71">
        <v>0</v>
      </c>
      <c r="GD38" s="71">
        <v>0</v>
      </c>
      <c r="GE38" s="71">
        <v>0</v>
      </c>
      <c r="GF38" s="72">
        <v>0</v>
      </c>
      <c r="GG38" s="73">
        <v>0</v>
      </c>
      <c r="GH38" s="70">
        <v>2</v>
      </c>
      <c r="GI38" s="71">
        <v>2</v>
      </c>
      <c r="GJ38" s="72">
        <v>4</v>
      </c>
      <c r="GK38" s="244"/>
      <c r="GL38" s="71">
        <v>5</v>
      </c>
      <c r="GM38" s="71">
        <v>2</v>
      </c>
      <c r="GN38" s="71">
        <v>4</v>
      </c>
      <c r="GO38" s="71">
        <v>6</v>
      </c>
      <c r="GP38" s="71">
        <v>1</v>
      </c>
      <c r="GQ38" s="72">
        <v>18</v>
      </c>
      <c r="GR38" s="73">
        <v>22</v>
      </c>
      <c r="GS38" s="123">
        <v>17</v>
      </c>
      <c r="GT38" s="82">
        <v>6</v>
      </c>
      <c r="GU38" s="83">
        <v>23</v>
      </c>
      <c r="GV38" s="241"/>
      <c r="GW38" s="82">
        <v>28</v>
      </c>
      <c r="GX38" s="82">
        <v>11</v>
      </c>
      <c r="GY38" s="82">
        <v>8</v>
      </c>
      <c r="GZ38" s="82">
        <v>7</v>
      </c>
      <c r="HA38" s="82">
        <v>4</v>
      </c>
      <c r="HB38" s="84">
        <v>58</v>
      </c>
      <c r="HC38" s="85">
        <v>81</v>
      </c>
      <c r="HD38" s="70">
        <v>0</v>
      </c>
      <c r="HE38" s="71">
        <v>0</v>
      </c>
      <c r="HF38" s="72">
        <v>0</v>
      </c>
      <c r="HG38" s="244"/>
      <c r="HH38" s="71">
        <v>0</v>
      </c>
      <c r="HI38" s="71">
        <v>0</v>
      </c>
      <c r="HJ38" s="71">
        <v>0</v>
      </c>
      <c r="HK38" s="71">
        <v>0</v>
      </c>
      <c r="HL38" s="71">
        <v>0</v>
      </c>
      <c r="HM38" s="72">
        <v>0</v>
      </c>
      <c r="HN38" s="73">
        <v>0</v>
      </c>
      <c r="HO38" s="70">
        <v>1</v>
      </c>
      <c r="HP38" s="71">
        <v>1</v>
      </c>
      <c r="HQ38" s="72">
        <v>2</v>
      </c>
      <c r="HR38" s="244"/>
      <c r="HS38" s="71">
        <v>0</v>
      </c>
      <c r="HT38" s="71">
        <v>0</v>
      </c>
      <c r="HU38" s="71">
        <v>1</v>
      </c>
      <c r="HV38" s="71">
        <v>0</v>
      </c>
      <c r="HW38" s="71">
        <v>0</v>
      </c>
      <c r="HX38" s="72">
        <v>1</v>
      </c>
      <c r="HY38" s="73">
        <v>3</v>
      </c>
      <c r="HZ38" s="70">
        <v>1</v>
      </c>
      <c r="IA38" s="71">
        <v>0</v>
      </c>
      <c r="IB38" s="72">
        <v>1</v>
      </c>
      <c r="IC38" s="244"/>
      <c r="ID38" s="71">
        <v>6</v>
      </c>
      <c r="IE38" s="71">
        <v>1</v>
      </c>
      <c r="IF38" s="71">
        <v>0</v>
      </c>
      <c r="IG38" s="71">
        <v>0</v>
      </c>
      <c r="IH38" s="71">
        <v>0</v>
      </c>
      <c r="II38" s="72">
        <v>7</v>
      </c>
      <c r="IJ38" s="73">
        <v>8</v>
      </c>
      <c r="IK38" s="70">
        <v>5</v>
      </c>
      <c r="IL38" s="71">
        <v>2</v>
      </c>
      <c r="IM38" s="72">
        <v>7</v>
      </c>
      <c r="IN38" s="244"/>
      <c r="IO38" s="71">
        <v>7</v>
      </c>
      <c r="IP38" s="71">
        <v>3</v>
      </c>
      <c r="IQ38" s="71">
        <v>2</v>
      </c>
      <c r="IR38" s="71">
        <v>0</v>
      </c>
      <c r="IS38" s="71">
        <v>0</v>
      </c>
      <c r="IT38" s="72">
        <v>12</v>
      </c>
      <c r="IU38" s="73">
        <v>19</v>
      </c>
      <c r="IV38" s="70">
        <v>4</v>
      </c>
      <c r="IW38" s="71">
        <v>1</v>
      </c>
      <c r="IX38" s="72">
        <v>5</v>
      </c>
      <c r="IY38" s="244"/>
      <c r="IZ38" s="71">
        <v>5</v>
      </c>
      <c r="JA38" s="71">
        <v>3</v>
      </c>
      <c r="JB38" s="71">
        <v>2</v>
      </c>
      <c r="JC38" s="71">
        <v>1</v>
      </c>
      <c r="JD38" s="71">
        <v>2</v>
      </c>
      <c r="JE38" s="72">
        <v>13</v>
      </c>
      <c r="JF38" s="73">
        <v>18</v>
      </c>
      <c r="JG38" s="70">
        <v>6</v>
      </c>
      <c r="JH38" s="71">
        <v>2</v>
      </c>
      <c r="JI38" s="72">
        <v>8</v>
      </c>
      <c r="JJ38" s="244"/>
      <c r="JK38" s="71">
        <v>10</v>
      </c>
      <c r="JL38" s="71">
        <v>4</v>
      </c>
      <c r="JM38" s="71">
        <v>3</v>
      </c>
      <c r="JN38" s="71">
        <v>6</v>
      </c>
      <c r="JO38" s="71">
        <v>2</v>
      </c>
      <c r="JP38" s="72">
        <v>25</v>
      </c>
      <c r="JQ38" s="73">
        <v>33</v>
      </c>
      <c r="JR38" s="70">
        <v>0</v>
      </c>
      <c r="JS38" s="71">
        <v>0</v>
      </c>
      <c r="JT38" s="72">
        <v>0</v>
      </c>
      <c r="JU38" s="244"/>
      <c r="JV38" s="71">
        <v>0</v>
      </c>
      <c r="JW38" s="71">
        <v>0</v>
      </c>
      <c r="JX38" s="71">
        <v>0</v>
      </c>
      <c r="JY38" s="71">
        <v>0</v>
      </c>
      <c r="JZ38" s="71">
        <v>0</v>
      </c>
      <c r="KA38" s="72">
        <v>0</v>
      </c>
      <c r="KB38" s="73">
        <v>0</v>
      </c>
      <c r="KC38" s="70">
        <v>17</v>
      </c>
      <c r="KD38" s="71">
        <v>6</v>
      </c>
      <c r="KE38" s="72">
        <v>23</v>
      </c>
      <c r="KF38" s="244"/>
      <c r="KG38" s="71">
        <v>28</v>
      </c>
      <c r="KH38" s="71">
        <v>11</v>
      </c>
      <c r="KI38" s="71">
        <v>8</v>
      </c>
      <c r="KJ38" s="71">
        <v>7</v>
      </c>
      <c r="KK38" s="71">
        <v>4</v>
      </c>
      <c r="KL38" s="72">
        <v>58</v>
      </c>
      <c r="KM38" s="73">
        <v>81</v>
      </c>
    </row>
    <row r="39" spans="2:299" ht="21" customHeight="1" x14ac:dyDescent="0.2">
      <c r="B39" s="126" t="s">
        <v>36</v>
      </c>
      <c r="C39" s="315">
        <v>2</v>
      </c>
      <c r="D39" s="82">
        <v>10</v>
      </c>
      <c r="E39" s="83">
        <v>12</v>
      </c>
      <c r="F39" s="241"/>
      <c r="G39" s="82">
        <v>14</v>
      </c>
      <c r="H39" s="82">
        <v>10</v>
      </c>
      <c r="I39" s="82">
        <v>5</v>
      </c>
      <c r="J39" s="82">
        <v>6</v>
      </c>
      <c r="K39" s="82">
        <v>5</v>
      </c>
      <c r="L39" s="84">
        <v>40</v>
      </c>
      <c r="M39" s="85">
        <v>52</v>
      </c>
      <c r="N39" s="70">
        <v>0</v>
      </c>
      <c r="O39" s="71">
        <v>0</v>
      </c>
      <c r="P39" s="72">
        <v>0</v>
      </c>
      <c r="Q39" s="244"/>
      <c r="R39" s="71">
        <v>1</v>
      </c>
      <c r="S39" s="71">
        <v>1</v>
      </c>
      <c r="T39" s="71">
        <v>0</v>
      </c>
      <c r="U39" s="71">
        <v>0</v>
      </c>
      <c r="V39" s="71">
        <v>0</v>
      </c>
      <c r="W39" s="72">
        <v>2</v>
      </c>
      <c r="X39" s="73">
        <v>2</v>
      </c>
      <c r="Y39" s="70">
        <v>0</v>
      </c>
      <c r="Z39" s="71">
        <v>0</v>
      </c>
      <c r="AA39" s="72">
        <v>0</v>
      </c>
      <c r="AB39" s="244"/>
      <c r="AC39" s="71">
        <v>2</v>
      </c>
      <c r="AD39" s="71">
        <v>1</v>
      </c>
      <c r="AE39" s="71">
        <v>1</v>
      </c>
      <c r="AF39" s="71">
        <v>0</v>
      </c>
      <c r="AG39" s="71">
        <v>0</v>
      </c>
      <c r="AH39" s="72">
        <v>4</v>
      </c>
      <c r="AI39" s="73">
        <v>4</v>
      </c>
      <c r="AJ39" s="70">
        <v>0</v>
      </c>
      <c r="AK39" s="71">
        <v>1</v>
      </c>
      <c r="AL39" s="72">
        <v>1</v>
      </c>
      <c r="AM39" s="244"/>
      <c r="AN39" s="71">
        <v>0</v>
      </c>
      <c r="AO39" s="71">
        <v>2</v>
      </c>
      <c r="AP39" s="71">
        <v>0</v>
      </c>
      <c r="AQ39" s="71">
        <v>1</v>
      </c>
      <c r="AR39" s="71">
        <v>0</v>
      </c>
      <c r="AS39" s="72">
        <v>3</v>
      </c>
      <c r="AT39" s="73">
        <v>4</v>
      </c>
      <c r="AU39" s="70">
        <v>0</v>
      </c>
      <c r="AV39" s="71">
        <v>3</v>
      </c>
      <c r="AW39" s="72">
        <v>3</v>
      </c>
      <c r="AX39" s="244"/>
      <c r="AY39" s="71">
        <v>2</v>
      </c>
      <c r="AZ39" s="71">
        <v>0</v>
      </c>
      <c r="BA39" s="71">
        <v>0</v>
      </c>
      <c r="BB39" s="71">
        <v>1</v>
      </c>
      <c r="BC39" s="71">
        <v>1</v>
      </c>
      <c r="BD39" s="72">
        <v>4</v>
      </c>
      <c r="BE39" s="73">
        <v>7</v>
      </c>
      <c r="BF39" s="70">
        <v>2</v>
      </c>
      <c r="BG39" s="71">
        <v>4</v>
      </c>
      <c r="BH39" s="72">
        <v>6</v>
      </c>
      <c r="BI39" s="244"/>
      <c r="BJ39" s="71">
        <v>4</v>
      </c>
      <c r="BK39" s="71">
        <v>4</v>
      </c>
      <c r="BL39" s="71">
        <v>3</v>
      </c>
      <c r="BM39" s="71">
        <v>2</v>
      </c>
      <c r="BN39" s="71">
        <v>2</v>
      </c>
      <c r="BO39" s="72">
        <v>15</v>
      </c>
      <c r="BP39" s="73">
        <v>21</v>
      </c>
      <c r="BQ39" s="70">
        <v>0</v>
      </c>
      <c r="BR39" s="71">
        <v>2</v>
      </c>
      <c r="BS39" s="72">
        <v>2</v>
      </c>
      <c r="BT39" s="244"/>
      <c r="BU39" s="71">
        <v>5</v>
      </c>
      <c r="BV39" s="71">
        <v>2</v>
      </c>
      <c r="BW39" s="71">
        <v>1</v>
      </c>
      <c r="BX39" s="71">
        <v>2</v>
      </c>
      <c r="BY39" s="71">
        <v>2</v>
      </c>
      <c r="BZ39" s="72">
        <v>12</v>
      </c>
      <c r="CA39" s="73">
        <v>14</v>
      </c>
      <c r="CB39" s="70">
        <v>0</v>
      </c>
      <c r="CC39" s="71">
        <v>0</v>
      </c>
      <c r="CD39" s="72">
        <v>0</v>
      </c>
      <c r="CE39" s="244"/>
      <c r="CF39" s="71">
        <v>0</v>
      </c>
      <c r="CG39" s="71">
        <v>0</v>
      </c>
      <c r="CH39" s="71">
        <v>0</v>
      </c>
      <c r="CI39" s="71">
        <v>0</v>
      </c>
      <c r="CJ39" s="71">
        <v>0</v>
      </c>
      <c r="CK39" s="72">
        <v>0</v>
      </c>
      <c r="CL39" s="73">
        <v>0</v>
      </c>
      <c r="CM39" s="70">
        <v>2</v>
      </c>
      <c r="CN39" s="71">
        <v>10</v>
      </c>
      <c r="CO39" s="72">
        <v>12</v>
      </c>
      <c r="CP39" s="244"/>
      <c r="CQ39" s="71">
        <v>14</v>
      </c>
      <c r="CR39" s="71">
        <v>10</v>
      </c>
      <c r="CS39" s="71">
        <v>5</v>
      </c>
      <c r="CT39" s="71">
        <v>6</v>
      </c>
      <c r="CU39" s="71">
        <v>5</v>
      </c>
      <c r="CV39" s="72">
        <v>40</v>
      </c>
      <c r="CW39" s="73">
        <v>52</v>
      </c>
      <c r="CX39" s="123">
        <v>2</v>
      </c>
      <c r="CY39" s="82">
        <v>3</v>
      </c>
      <c r="CZ39" s="83">
        <v>5</v>
      </c>
      <c r="DA39" s="241"/>
      <c r="DB39" s="82">
        <v>1</v>
      </c>
      <c r="DC39" s="82">
        <v>1</v>
      </c>
      <c r="DD39" s="82">
        <v>1</v>
      </c>
      <c r="DE39" s="82">
        <v>0</v>
      </c>
      <c r="DF39" s="82">
        <v>1</v>
      </c>
      <c r="DG39" s="84">
        <v>4</v>
      </c>
      <c r="DH39" s="85">
        <v>9</v>
      </c>
      <c r="DI39" s="70">
        <v>0</v>
      </c>
      <c r="DJ39" s="71">
        <v>0</v>
      </c>
      <c r="DK39" s="72">
        <v>0</v>
      </c>
      <c r="DL39" s="244"/>
      <c r="DM39" s="71">
        <v>0</v>
      </c>
      <c r="DN39" s="71">
        <v>0</v>
      </c>
      <c r="DO39" s="71">
        <v>0</v>
      </c>
      <c r="DP39" s="71">
        <v>0</v>
      </c>
      <c r="DQ39" s="71">
        <v>0</v>
      </c>
      <c r="DR39" s="72">
        <v>0</v>
      </c>
      <c r="DS39" s="73">
        <v>0</v>
      </c>
      <c r="DT39" s="70">
        <v>0</v>
      </c>
      <c r="DU39" s="71">
        <v>0</v>
      </c>
      <c r="DV39" s="72">
        <v>0</v>
      </c>
      <c r="DW39" s="244"/>
      <c r="DX39" s="71">
        <v>0</v>
      </c>
      <c r="DY39" s="71">
        <v>0</v>
      </c>
      <c r="DZ39" s="71">
        <v>0</v>
      </c>
      <c r="EA39" s="71">
        <v>0</v>
      </c>
      <c r="EB39" s="71">
        <v>0</v>
      </c>
      <c r="EC39" s="72">
        <v>0</v>
      </c>
      <c r="ED39" s="73">
        <v>0</v>
      </c>
      <c r="EE39" s="70">
        <v>0</v>
      </c>
      <c r="EF39" s="71">
        <v>0</v>
      </c>
      <c r="EG39" s="72">
        <v>0</v>
      </c>
      <c r="EH39" s="244"/>
      <c r="EI39" s="71">
        <v>0</v>
      </c>
      <c r="EJ39" s="71">
        <v>0</v>
      </c>
      <c r="EK39" s="71">
        <v>0</v>
      </c>
      <c r="EL39" s="71">
        <v>0</v>
      </c>
      <c r="EM39" s="71">
        <v>0</v>
      </c>
      <c r="EN39" s="72">
        <v>0</v>
      </c>
      <c r="EO39" s="73">
        <v>0</v>
      </c>
      <c r="EP39" s="70">
        <v>0</v>
      </c>
      <c r="EQ39" s="71">
        <v>1</v>
      </c>
      <c r="ER39" s="72">
        <v>1</v>
      </c>
      <c r="ES39" s="244"/>
      <c r="ET39" s="71">
        <v>0</v>
      </c>
      <c r="EU39" s="71">
        <v>1</v>
      </c>
      <c r="EV39" s="71">
        <v>0</v>
      </c>
      <c r="EW39" s="71">
        <v>0</v>
      </c>
      <c r="EX39" s="71">
        <v>0</v>
      </c>
      <c r="EY39" s="72">
        <v>1</v>
      </c>
      <c r="EZ39" s="73">
        <v>2</v>
      </c>
      <c r="FA39" s="70">
        <v>1</v>
      </c>
      <c r="FB39" s="71">
        <v>2</v>
      </c>
      <c r="FC39" s="72">
        <v>3</v>
      </c>
      <c r="FD39" s="244"/>
      <c r="FE39" s="71">
        <v>1</v>
      </c>
      <c r="FF39" s="71">
        <v>0</v>
      </c>
      <c r="FG39" s="71">
        <v>1</v>
      </c>
      <c r="FH39" s="71">
        <v>0</v>
      </c>
      <c r="FI39" s="71">
        <v>0</v>
      </c>
      <c r="FJ39" s="72">
        <v>2</v>
      </c>
      <c r="FK39" s="73">
        <v>5</v>
      </c>
      <c r="FL39" s="70">
        <v>1</v>
      </c>
      <c r="FM39" s="71">
        <v>0</v>
      </c>
      <c r="FN39" s="72">
        <v>1</v>
      </c>
      <c r="FO39" s="244"/>
      <c r="FP39" s="71">
        <v>0</v>
      </c>
      <c r="FQ39" s="71">
        <v>0</v>
      </c>
      <c r="FR39" s="71">
        <v>0</v>
      </c>
      <c r="FS39" s="71">
        <v>0</v>
      </c>
      <c r="FT39" s="71">
        <v>1</v>
      </c>
      <c r="FU39" s="72">
        <v>1</v>
      </c>
      <c r="FV39" s="73">
        <v>2</v>
      </c>
      <c r="FW39" s="70">
        <v>0</v>
      </c>
      <c r="FX39" s="71">
        <v>0</v>
      </c>
      <c r="FY39" s="72">
        <v>0</v>
      </c>
      <c r="FZ39" s="244"/>
      <c r="GA39" s="71">
        <v>0</v>
      </c>
      <c r="GB39" s="71">
        <v>0</v>
      </c>
      <c r="GC39" s="71">
        <v>0</v>
      </c>
      <c r="GD39" s="71">
        <v>0</v>
      </c>
      <c r="GE39" s="71">
        <v>0</v>
      </c>
      <c r="GF39" s="72">
        <v>0</v>
      </c>
      <c r="GG39" s="73">
        <v>0</v>
      </c>
      <c r="GH39" s="70">
        <v>2</v>
      </c>
      <c r="GI39" s="71">
        <v>3</v>
      </c>
      <c r="GJ39" s="72">
        <v>5</v>
      </c>
      <c r="GK39" s="244"/>
      <c r="GL39" s="71">
        <v>1</v>
      </c>
      <c r="GM39" s="71">
        <v>1</v>
      </c>
      <c r="GN39" s="71">
        <v>1</v>
      </c>
      <c r="GO39" s="71">
        <v>0</v>
      </c>
      <c r="GP39" s="71">
        <v>1</v>
      </c>
      <c r="GQ39" s="72">
        <v>4</v>
      </c>
      <c r="GR39" s="73">
        <v>9</v>
      </c>
      <c r="GS39" s="123">
        <v>4</v>
      </c>
      <c r="GT39" s="82">
        <v>13</v>
      </c>
      <c r="GU39" s="83">
        <v>17</v>
      </c>
      <c r="GV39" s="241"/>
      <c r="GW39" s="82">
        <v>15</v>
      </c>
      <c r="GX39" s="82">
        <v>11</v>
      </c>
      <c r="GY39" s="82">
        <v>6</v>
      </c>
      <c r="GZ39" s="82">
        <v>6</v>
      </c>
      <c r="HA39" s="82">
        <v>6</v>
      </c>
      <c r="HB39" s="84">
        <v>44</v>
      </c>
      <c r="HC39" s="85">
        <v>61</v>
      </c>
      <c r="HD39" s="70">
        <v>0</v>
      </c>
      <c r="HE39" s="71">
        <v>0</v>
      </c>
      <c r="HF39" s="72">
        <v>0</v>
      </c>
      <c r="HG39" s="244"/>
      <c r="HH39" s="71">
        <v>1</v>
      </c>
      <c r="HI39" s="71">
        <v>1</v>
      </c>
      <c r="HJ39" s="71">
        <v>0</v>
      </c>
      <c r="HK39" s="71">
        <v>0</v>
      </c>
      <c r="HL39" s="71">
        <v>0</v>
      </c>
      <c r="HM39" s="72">
        <v>2</v>
      </c>
      <c r="HN39" s="73">
        <v>2</v>
      </c>
      <c r="HO39" s="70">
        <v>0</v>
      </c>
      <c r="HP39" s="71">
        <v>0</v>
      </c>
      <c r="HQ39" s="72">
        <v>0</v>
      </c>
      <c r="HR39" s="244"/>
      <c r="HS39" s="71">
        <v>2</v>
      </c>
      <c r="HT39" s="71">
        <v>1</v>
      </c>
      <c r="HU39" s="71">
        <v>1</v>
      </c>
      <c r="HV39" s="71">
        <v>0</v>
      </c>
      <c r="HW39" s="71">
        <v>0</v>
      </c>
      <c r="HX39" s="72">
        <v>4</v>
      </c>
      <c r="HY39" s="73">
        <v>4</v>
      </c>
      <c r="HZ39" s="70">
        <v>0</v>
      </c>
      <c r="IA39" s="71">
        <v>1</v>
      </c>
      <c r="IB39" s="72">
        <v>1</v>
      </c>
      <c r="IC39" s="244"/>
      <c r="ID39" s="71">
        <v>0</v>
      </c>
      <c r="IE39" s="71">
        <v>2</v>
      </c>
      <c r="IF39" s="71">
        <v>0</v>
      </c>
      <c r="IG39" s="71">
        <v>1</v>
      </c>
      <c r="IH39" s="71">
        <v>0</v>
      </c>
      <c r="II39" s="72">
        <v>3</v>
      </c>
      <c r="IJ39" s="73">
        <v>4</v>
      </c>
      <c r="IK39" s="70">
        <v>0</v>
      </c>
      <c r="IL39" s="71">
        <v>4</v>
      </c>
      <c r="IM39" s="72">
        <v>4</v>
      </c>
      <c r="IN39" s="244"/>
      <c r="IO39" s="71">
        <v>2</v>
      </c>
      <c r="IP39" s="71">
        <v>1</v>
      </c>
      <c r="IQ39" s="71">
        <v>0</v>
      </c>
      <c r="IR39" s="71">
        <v>1</v>
      </c>
      <c r="IS39" s="71">
        <v>1</v>
      </c>
      <c r="IT39" s="72">
        <v>5</v>
      </c>
      <c r="IU39" s="73">
        <v>9</v>
      </c>
      <c r="IV39" s="70">
        <v>3</v>
      </c>
      <c r="IW39" s="71">
        <v>6</v>
      </c>
      <c r="IX39" s="72">
        <v>9</v>
      </c>
      <c r="IY39" s="244"/>
      <c r="IZ39" s="71">
        <v>5</v>
      </c>
      <c r="JA39" s="71">
        <v>4</v>
      </c>
      <c r="JB39" s="71">
        <v>4</v>
      </c>
      <c r="JC39" s="71">
        <v>2</v>
      </c>
      <c r="JD39" s="71">
        <v>2</v>
      </c>
      <c r="JE39" s="72">
        <v>17</v>
      </c>
      <c r="JF39" s="73">
        <v>26</v>
      </c>
      <c r="JG39" s="70">
        <v>1</v>
      </c>
      <c r="JH39" s="71">
        <v>2</v>
      </c>
      <c r="JI39" s="72">
        <v>3</v>
      </c>
      <c r="JJ39" s="244"/>
      <c r="JK39" s="71">
        <v>5</v>
      </c>
      <c r="JL39" s="71">
        <v>2</v>
      </c>
      <c r="JM39" s="71">
        <v>1</v>
      </c>
      <c r="JN39" s="71">
        <v>2</v>
      </c>
      <c r="JO39" s="71">
        <v>3</v>
      </c>
      <c r="JP39" s="72">
        <v>13</v>
      </c>
      <c r="JQ39" s="73">
        <v>16</v>
      </c>
      <c r="JR39" s="70">
        <v>0</v>
      </c>
      <c r="JS39" s="71">
        <v>0</v>
      </c>
      <c r="JT39" s="72">
        <v>0</v>
      </c>
      <c r="JU39" s="244"/>
      <c r="JV39" s="71">
        <v>0</v>
      </c>
      <c r="JW39" s="71">
        <v>0</v>
      </c>
      <c r="JX39" s="71">
        <v>0</v>
      </c>
      <c r="JY39" s="71">
        <v>0</v>
      </c>
      <c r="JZ39" s="71">
        <v>0</v>
      </c>
      <c r="KA39" s="72">
        <v>0</v>
      </c>
      <c r="KB39" s="73">
        <v>0</v>
      </c>
      <c r="KC39" s="70">
        <v>4</v>
      </c>
      <c r="KD39" s="71">
        <v>13</v>
      </c>
      <c r="KE39" s="72">
        <v>17</v>
      </c>
      <c r="KF39" s="244"/>
      <c r="KG39" s="71">
        <v>15</v>
      </c>
      <c r="KH39" s="71">
        <v>11</v>
      </c>
      <c r="KI39" s="71">
        <v>6</v>
      </c>
      <c r="KJ39" s="71">
        <v>6</v>
      </c>
      <c r="KK39" s="71">
        <v>6</v>
      </c>
      <c r="KL39" s="72">
        <v>44</v>
      </c>
      <c r="KM39" s="73">
        <v>61</v>
      </c>
    </row>
    <row r="40" spans="2:299" ht="21" customHeight="1" thickBot="1" x14ac:dyDescent="0.25">
      <c r="B40" s="127" t="s">
        <v>37</v>
      </c>
      <c r="C40" s="316">
        <v>0</v>
      </c>
      <c r="D40" s="87">
        <v>1</v>
      </c>
      <c r="E40" s="88">
        <v>1</v>
      </c>
      <c r="F40" s="242"/>
      <c r="G40" s="87">
        <v>0</v>
      </c>
      <c r="H40" s="87">
        <v>1</v>
      </c>
      <c r="I40" s="87">
        <v>1</v>
      </c>
      <c r="J40" s="87">
        <v>1</v>
      </c>
      <c r="K40" s="87">
        <v>0</v>
      </c>
      <c r="L40" s="89">
        <v>3</v>
      </c>
      <c r="M40" s="90">
        <v>4</v>
      </c>
      <c r="N40" s="74">
        <v>0</v>
      </c>
      <c r="O40" s="75">
        <v>0</v>
      </c>
      <c r="P40" s="76">
        <v>0</v>
      </c>
      <c r="Q40" s="245"/>
      <c r="R40" s="75">
        <v>0</v>
      </c>
      <c r="S40" s="75">
        <v>0</v>
      </c>
      <c r="T40" s="75">
        <v>0</v>
      </c>
      <c r="U40" s="75">
        <v>0</v>
      </c>
      <c r="V40" s="75">
        <v>0</v>
      </c>
      <c r="W40" s="76">
        <v>0</v>
      </c>
      <c r="X40" s="77">
        <v>0</v>
      </c>
      <c r="Y40" s="74">
        <v>0</v>
      </c>
      <c r="Z40" s="75">
        <v>0</v>
      </c>
      <c r="AA40" s="76">
        <v>0</v>
      </c>
      <c r="AB40" s="245"/>
      <c r="AC40" s="75">
        <v>0</v>
      </c>
      <c r="AD40" s="75">
        <v>0</v>
      </c>
      <c r="AE40" s="75">
        <v>1</v>
      </c>
      <c r="AF40" s="75">
        <v>0</v>
      </c>
      <c r="AG40" s="75">
        <v>0</v>
      </c>
      <c r="AH40" s="76">
        <v>1</v>
      </c>
      <c r="AI40" s="77">
        <v>1</v>
      </c>
      <c r="AJ40" s="74">
        <v>0</v>
      </c>
      <c r="AK40" s="75">
        <v>1</v>
      </c>
      <c r="AL40" s="76">
        <v>1</v>
      </c>
      <c r="AM40" s="245"/>
      <c r="AN40" s="75">
        <v>0</v>
      </c>
      <c r="AO40" s="75">
        <v>0</v>
      </c>
      <c r="AP40" s="75">
        <v>0</v>
      </c>
      <c r="AQ40" s="75">
        <v>0</v>
      </c>
      <c r="AR40" s="75">
        <v>0</v>
      </c>
      <c r="AS40" s="76">
        <v>0</v>
      </c>
      <c r="AT40" s="77">
        <v>1</v>
      </c>
      <c r="AU40" s="74">
        <v>0</v>
      </c>
      <c r="AV40" s="75">
        <v>0</v>
      </c>
      <c r="AW40" s="76">
        <v>0</v>
      </c>
      <c r="AX40" s="245"/>
      <c r="AY40" s="75">
        <v>0</v>
      </c>
      <c r="AZ40" s="75">
        <v>0</v>
      </c>
      <c r="BA40" s="75">
        <v>0</v>
      </c>
      <c r="BB40" s="75">
        <v>0</v>
      </c>
      <c r="BC40" s="75">
        <v>0</v>
      </c>
      <c r="BD40" s="76">
        <v>0</v>
      </c>
      <c r="BE40" s="77">
        <v>0</v>
      </c>
      <c r="BF40" s="74">
        <v>0</v>
      </c>
      <c r="BG40" s="75">
        <v>0</v>
      </c>
      <c r="BH40" s="76">
        <v>0</v>
      </c>
      <c r="BI40" s="245"/>
      <c r="BJ40" s="75">
        <v>0</v>
      </c>
      <c r="BK40" s="75">
        <v>1</v>
      </c>
      <c r="BL40" s="75">
        <v>0</v>
      </c>
      <c r="BM40" s="75">
        <v>1</v>
      </c>
      <c r="BN40" s="75">
        <v>0</v>
      </c>
      <c r="BO40" s="76">
        <v>2</v>
      </c>
      <c r="BP40" s="77">
        <v>2</v>
      </c>
      <c r="BQ40" s="74">
        <v>0</v>
      </c>
      <c r="BR40" s="75">
        <v>0</v>
      </c>
      <c r="BS40" s="76">
        <v>0</v>
      </c>
      <c r="BT40" s="245"/>
      <c r="BU40" s="75">
        <v>0</v>
      </c>
      <c r="BV40" s="75">
        <v>0</v>
      </c>
      <c r="BW40" s="75">
        <v>0</v>
      </c>
      <c r="BX40" s="75">
        <v>0</v>
      </c>
      <c r="BY40" s="75">
        <v>0</v>
      </c>
      <c r="BZ40" s="76">
        <v>0</v>
      </c>
      <c r="CA40" s="77">
        <v>0</v>
      </c>
      <c r="CB40" s="74">
        <v>0</v>
      </c>
      <c r="CC40" s="75">
        <v>0</v>
      </c>
      <c r="CD40" s="76">
        <v>0</v>
      </c>
      <c r="CE40" s="245"/>
      <c r="CF40" s="75">
        <v>0</v>
      </c>
      <c r="CG40" s="75">
        <v>0</v>
      </c>
      <c r="CH40" s="75">
        <v>0</v>
      </c>
      <c r="CI40" s="75">
        <v>0</v>
      </c>
      <c r="CJ40" s="75">
        <v>0</v>
      </c>
      <c r="CK40" s="76">
        <v>0</v>
      </c>
      <c r="CL40" s="77">
        <v>0</v>
      </c>
      <c r="CM40" s="74">
        <v>0</v>
      </c>
      <c r="CN40" s="75">
        <v>1</v>
      </c>
      <c r="CO40" s="76">
        <v>1</v>
      </c>
      <c r="CP40" s="245"/>
      <c r="CQ40" s="75">
        <v>0</v>
      </c>
      <c r="CR40" s="75">
        <v>1</v>
      </c>
      <c r="CS40" s="75">
        <v>1</v>
      </c>
      <c r="CT40" s="75">
        <v>1</v>
      </c>
      <c r="CU40" s="75">
        <v>0</v>
      </c>
      <c r="CV40" s="76">
        <v>3</v>
      </c>
      <c r="CW40" s="77">
        <v>4</v>
      </c>
      <c r="CX40" s="124">
        <v>0</v>
      </c>
      <c r="CY40" s="87">
        <v>0</v>
      </c>
      <c r="CZ40" s="88">
        <v>0</v>
      </c>
      <c r="DA40" s="242"/>
      <c r="DB40" s="87">
        <v>0</v>
      </c>
      <c r="DC40" s="87">
        <v>0</v>
      </c>
      <c r="DD40" s="87">
        <v>0</v>
      </c>
      <c r="DE40" s="87">
        <v>0</v>
      </c>
      <c r="DF40" s="87">
        <v>0</v>
      </c>
      <c r="DG40" s="89">
        <v>0</v>
      </c>
      <c r="DH40" s="90">
        <v>0</v>
      </c>
      <c r="DI40" s="74">
        <v>0</v>
      </c>
      <c r="DJ40" s="75">
        <v>0</v>
      </c>
      <c r="DK40" s="76">
        <v>0</v>
      </c>
      <c r="DL40" s="245"/>
      <c r="DM40" s="75">
        <v>0</v>
      </c>
      <c r="DN40" s="75">
        <v>0</v>
      </c>
      <c r="DO40" s="75">
        <v>0</v>
      </c>
      <c r="DP40" s="75">
        <v>0</v>
      </c>
      <c r="DQ40" s="75">
        <v>0</v>
      </c>
      <c r="DR40" s="76">
        <v>0</v>
      </c>
      <c r="DS40" s="77">
        <v>0</v>
      </c>
      <c r="DT40" s="74">
        <v>0</v>
      </c>
      <c r="DU40" s="75">
        <v>0</v>
      </c>
      <c r="DV40" s="76">
        <v>0</v>
      </c>
      <c r="DW40" s="245"/>
      <c r="DX40" s="75">
        <v>0</v>
      </c>
      <c r="DY40" s="75">
        <v>0</v>
      </c>
      <c r="DZ40" s="75">
        <v>0</v>
      </c>
      <c r="EA40" s="75">
        <v>0</v>
      </c>
      <c r="EB40" s="75">
        <v>0</v>
      </c>
      <c r="EC40" s="76">
        <v>0</v>
      </c>
      <c r="ED40" s="77">
        <v>0</v>
      </c>
      <c r="EE40" s="74">
        <v>0</v>
      </c>
      <c r="EF40" s="75">
        <v>0</v>
      </c>
      <c r="EG40" s="76">
        <v>0</v>
      </c>
      <c r="EH40" s="245"/>
      <c r="EI40" s="75">
        <v>0</v>
      </c>
      <c r="EJ40" s="75">
        <v>0</v>
      </c>
      <c r="EK40" s="75">
        <v>0</v>
      </c>
      <c r="EL40" s="75">
        <v>0</v>
      </c>
      <c r="EM40" s="75">
        <v>0</v>
      </c>
      <c r="EN40" s="76">
        <v>0</v>
      </c>
      <c r="EO40" s="77">
        <v>0</v>
      </c>
      <c r="EP40" s="74">
        <v>0</v>
      </c>
      <c r="EQ40" s="75">
        <v>0</v>
      </c>
      <c r="ER40" s="76">
        <v>0</v>
      </c>
      <c r="ES40" s="245"/>
      <c r="ET40" s="75">
        <v>0</v>
      </c>
      <c r="EU40" s="75">
        <v>0</v>
      </c>
      <c r="EV40" s="75">
        <v>0</v>
      </c>
      <c r="EW40" s="75">
        <v>0</v>
      </c>
      <c r="EX40" s="75">
        <v>0</v>
      </c>
      <c r="EY40" s="76">
        <v>0</v>
      </c>
      <c r="EZ40" s="77">
        <v>0</v>
      </c>
      <c r="FA40" s="74">
        <v>0</v>
      </c>
      <c r="FB40" s="75">
        <v>0</v>
      </c>
      <c r="FC40" s="76">
        <v>0</v>
      </c>
      <c r="FD40" s="245"/>
      <c r="FE40" s="75">
        <v>0</v>
      </c>
      <c r="FF40" s="75">
        <v>0</v>
      </c>
      <c r="FG40" s="75">
        <v>0</v>
      </c>
      <c r="FH40" s="75">
        <v>0</v>
      </c>
      <c r="FI40" s="75">
        <v>0</v>
      </c>
      <c r="FJ40" s="76">
        <v>0</v>
      </c>
      <c r="FK40" s="77">
        <v>0</v>
      </c>
      <c r="FL40" s="74">
        <v>0</v>
      </c>
      <c r="FM40" s="75">
        <v>0</v>
      </c>
      <c r="FN40" s="76">
        <v>0</v>
      </c>
      <c r="FO40" s="245"/>
      <c r="FP40" s="75">
        <v>0</v>
      </c>
      <c r="FQ40" s="75">
        <v>0</v>
      </c>
      <c r="FR40" s="75">
        <v>0</v>
      </c>
      <c r="FS40" s="75">
        <v>0</v>
      </c>
      <c r="FT40" s="75">
        <v>0</v>
      </c>
      <c r="FU40" s="76">
        <v>0</v>
      </c>
      <c r="FV40" s="77">
        <v>0</v>
      </c>
      <c r="FW40" s="74">
        <v>0</v>
      </c>
      <c r="FX40" s="75">
        <v>0</v>
      </c>
      <c r="FY40" s="76">
        <v>0</v>
      </c>
      <c r="FZ40" s="245"/>
      <c r="GA40" s="75">
        <v>0</v>
      </c>
      <c r="GB40" s="75">
        <v>0</v>
      </c>
      <c r="GC40" s="75">
        <v>0</v>
      </c>
      <c r="GD40" s="75">
        <v>0</v>
      </c>
      <c r="GE40" s="75">
        <v>0</v>
      </c>
      <c r="GF40" s="76">
        <v>0</v>
      </c>
      <c r="GG40" s="77">
        <v>0</v>
      </c>
      <c r="GH40" s="74">
        <v>0</v>
      </c>
      <c r="GI40" s="75">
        <v>0</v>
      </c>
      <c r="GJ40" s="76">
        <v>0</v>
      </c>
      <c r="GK40" s="245"/>
      <c r="GL40" s="75">
        <v>0</v>
      </c>
      <c r="GM40" s="75">
        <v>0</v>
      </c>
      <c r="GN40" s="75">
        <v>0</v>
      </c>
      <c r="GO40" s="75">
        <v>0</v>
      </c>
      <c r="GP40" s="75">
        <v>0</v>
      </c>
      <c r="GQ40" s="76">
        <v>0</v>
      </c>
      <c r="GR40" s="77">
        <v>0</v>
      </c>
      <c r="GS40" s="124">
        <v>0</v>
      </c>
      <c r="GT40" s="87">
        <v>1</v>
      </c>
      <c r="GU40" s="88">
        <v>1</v>
      </c>
      <c r="GV40" s="242"/>
      <c r="GW40" s="87">
        <v>0</v>
      </c>
      <c r="GX40" s="87">
        <v>1</v>
      </c>
      <c r="GY40" s="87">
        <v>1</v>
      </c>
      <c r="GZ40" s="87">
        <v>1</v>
      </c>
      <c r="HA40" s="87">
        <v>0</v>
      </c>
      <c r="HB40" s="89">
        <v>3</v>
      </c>
      <c r="HC40" s="90">
        <v>4</v>
      </c>
      <c r="HD40" s="74">
        <v>0</v>
      </c>
      <c r="HE40" s="75">
        <v>0</v>
      </c>
      <c r="HF40" s="76">
        <v>0</v>
      </c>
      <c r="HG40" s="245"/>
      <c r="HH40" s="75">
        <v>0</v>
      </c>
      <c r="HI40" s="75">
        <v>0</v>
      </c>
      <c r="HJ40" s="75">
        <v>0</v>
      </c>
      <c r="HK40" s="75">
        <v>0</v>
      </c>
      <c r="HL40" s="75">
        <v>0</v>
      </c>
      <c r="HM40" s="76">
        <v>0</v>
      </c>
      <c r="HN40" s="77">
        <v>0</v>
      </c>
      <c r="HO40" s="74">
        <v>0</v>
      </c>
      <c r="HP40" s="75">
        <v>0</v>
      </c>
      <c r="HQ40" s="76">
        <v>0</v>
      </c>
      <c r="HR40" s="245"/>
      <c r="HS40" s="75">
        <v>0</v>
      </c>
      <c r="HT40" s="75">
        <v>0</v>
      </c>
      <c r="HU40" s="75">
        <v>1</v>
      </c>
      <c r="HV40" s="75">
        <v>0</v>
      </c>
      <c r="HW40" s="75">
        <v>0</v>
      </c>
      <c r="HX40" s="76">
        <v>1</v>
      </c>
      <c r="HY40" s="77">
        <v>1</v>
      </c>
      <c r="HZ40" s="74">
        <v>0</v>
      </c>
      <c r="IA40" s="75">
        <v>1</v>
      </c>
      <c r="IB40" s="76">
        <v>1</v>
      </c>
      <c r="IC40" s="245"/>
      <c r="ID40" s="75">
        <v>0</v>
      </c>
      <c r="IE40" s="75">
        <v>0</v>
      </c>
      <c r="IF40" s="75">
        <v>0</v>
      </c>
      <c r="IG40" s="75">
        <v>0</v>
      </c>
      <c r="IH40" s="75">
        <v>0</v>
      </c>
      <c r="II40" s="76">
        <v>0</v>
      </c>
      <c r="IJ40" s="77">
        <v>1</v>
      </c>
      <c r="IK40" s="74">
        <v>0</v>
      </c>
      <c r="IL40" s="75">
        <v>0</v>
      </c>
      <c r="IM40" s="76">
        <v>0</v>
      </c>
      <c r="IN40" s="245"/>
      <c r="IO40" s="75">
        <v>0</v>
      </c>
      <c r="IP40" s="75">
        <v>0</v>
      </c>
      <c r="IQ40" s="75">
        <v>0</v>
      </c>
      <c r="IR40" s="75">
        <v>0</v>
      </c>
      <c r="IS40" s="75">
        <v>0</v>
      </c>
      <c r="IT40" s="76">
        <v>0</v>
      </c>
      <c r="IU40" s="77">
        <v>0</v>
      </c>
      <c r="IV40" s="74">
        <v>0</v>
      </c>
      <c r="IW40" s="75">
        <v>0</v>
      </c>
      <c r="IX40" s="76">
        <v>0</v>
      </c>
      <c r="IY40" s="245"/>
      <c r="IZ40" s="75">
        <v>0</v>
      </c>
      <c r="JA40" s="75">
        <v>1</v>
      </c>
      <c r="JB40" s="75">
        <v>0</v>
      </c>
      <c r="JC40" s="75">
        <v>1</v>
      </c>
      <c r="JD40" s="75">
        <v>0</v>
      </c>
      <c r="JE40" s="76">
        <v>2</v>
      </c>
      <c r="JF40" s="77">
        <v>2</v>
      </c>
      <c r="JG40" s="74">
        <v>0</v>
      </c>
      <c r="JH40" s="75">
        <v>0</v>
      </c>
      <c r="JI40" s="76">
        <v>0</v>
      </c>
      <c r="JJ40" s="245"/>
      <c r="JK40" s="75">
        <v>0</v>
      </c>
      <c r="JL40" s="75">
        <v>0</v>
      </c>
      <c r="JM40" s="75">
        <v>0</v>
      </c>
      <c r="JN40" s="75">
        <v>0</v>
      </c>
      <c r="JO40" s="75">
        <v>0</v>
      </c>
      <c r="JP40" s="76">
        <v>0</v>
      </c>
      <c r="JQ40" s="77">
        <v>0</v>
      </c>
      <c r="JR40" s="74">
        <v>0</v>
      </c>
      <c r="JS40" s="75">
        <v>0</v>
      </c>
      <c r="JT40" s="76">
        <v>0</v>
      </c>
      <c r="JU40" s="245"/>
      <c r="JV40" s="75">
        <v>0</v>
      </c>
      <c r="JW40" s="75">
        <v>0</v>
      </c>
      <c r="JX40" s="75">
        <v>0</v>
      </c>
      <c r="JY40" s="75">
        <v>0</v>
      </c>
      <c r="JZ40" s="75">
        <v>0</v>
      </c>
      <c r="KA40" s="76">
        <v>0</v>
      </c>
      <c r="KB40" s="77">
        <v>0</v>
      </c>
      <c r="KC40" s="74">
        <v>0</v>
      </c>
      <c r="KD40" s="75">
        <v>1</v>
      </c>
      <c r="KE40" s="76">
        <v>1</v>
      </c>
      <c r="KF40" s="245"/>
      <c r="KG40" s="75">
        <v>0</v>
      </c>
      <c r="KH40" s="75">
        <v>1</v>
      </c>
      <c r="KI40" s="75">
        <v>1</v>
      </c>
      <c r="KJ40" s="75">
        <v>1</v>
      </c>
      <c r="KK40" s="75">
        <v>0</v>
      </c>
      <c r="KL40" s="76">
        <v>3</v>
      </c>
      <c r="KM40" s="77">
        <v>4</v>
      </c>
    </row>
    <row r="41" spans="2:299" ht="32.25" customHeight="1" x14ac:dyDescent="0.2">
      <c r="C41" s="310" t="s">
        <v>126</v>
      </c>
    </row>
  </sheetData>
  <mergeCells count="36">
    <mergeCell ref="GS5:HC5"/>
    <mergeCell ref="DI5:DS5"/>
    <mergeCell ref="DT5:ED5"/>
    <mergeCell ref="EE5:EO5"/>
    <mergeCell ref="GS3:KM3"/>
    <mergeCell ref="GS4:JQ4"/>
    <mergeCell ref="JR4:KB5"/>
    <mergeCell ref="KC4:KM5"/>
    <mergeCell ref="IK5:IU5"/>
    <mergeCell ref="IV5:JF5"/>
    <mergeCell ref="JG5:JQ5"/>
    <mergeCell ref="HD5:HN5"/>
    <mergeCell ref="HO5:HY5"/>
    <mergeCell ref="HZ5:IJ5"/>
    <mergeCell ref="CX4:FV4"/>
    <mergeCell ref="FW4:GG5"/>
    <mergeCell ref="I1:J1"/>
    <mergeCell ref="F1:G1"/>
    <mergeCell ref="CB4:CL5"/>
    <mergeCell ref="B3:B5"/>
    <mergeCell ref="C3:CW3"/>
    <mergeCell ref="CX3:GR3"/>
    <mergeCell ref="C5:M5"/>
    <mergeCell ref="N5:X5"/>
    <mergeCell ref="Y5:AI5"/>
    <mergeCell ref="AJ5:AT5"/>
    <mergeCell ref="AU5:BE5"/>
    <mergeCell ref="EP5:EZ5"/>
    <mergeCell ref="GH4:GR5"/>
    <mergeCell ref="BQ5:CA5"/>
    <mergeCell ref="CX5:DH5"/>
    <mergeCell ref="FA5:FK5"/>
    <mergeCell ref="FL5:FV5"/>
    <mergeCell ref="C4:CA4"/>
    <mergeCell ref="CM4:CW5"/>
    <mergeCell ref="BF5:BP5"/>
  </mergeCells>
  <phoneticPr fontId="4"/>
  <printOptions horizontalCentered="1"/>
  <pageMargins left="0.59055118110236227" right="0.39370078740157483" top="0.59055118110236227" bottom="0.55118110236220474" header="0.23622047244094491" footer="0.27559055118110237"/>
  <pageSetup paperSize="9" scale="45" orientation="landscape" r:id="rId1"/>
  <headerFooter alignWithMargins="0">
    <oddFooter>&amp;L&amp;20&amp;X&amp;A&amp;C&amp;P/&amp;N</oddFooter>
  </headerFooter>
  <colBreaks count="4" manualBreakCount="4">
    <brk id="35" max="40" man="1"/>
    <brk id="68" max="1048575" man="1"/>
    <brk id="101" max="1048575" man="1"/>
    <brk id="134" max="40" man="1"/>
  </colBreaks>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6"/>
  </sheetPr>
  <dimension ref="B1:KM41"/>
  <sheetViews>
    <sheetView zoomScaleNormal="100" workbookViewId="0">
      <pane xSplit="2" ySplit="7" topLeftCell="C8" activePane="bottomRight" state="frozen"/>
      <selection activeCell="F37" sqref="F37"/>
      <selection pane="topRight" activeCell="F37" sqref="F37"/>
      <selection pane="bottomLeft" activeCell="F37" sqref="F37"/>
      <selection pane="bottomRight" activeCell="B1" sqref="B1"/>
    </sheetView>
  </sheetViews>
  <sheetFormatPr defaultColWidth="9" defaultRowHeight="13.2" x14ac:dyDescent="0.2"/>
  <cols>
    <col min="1" max="1" width="2.77734375" style="44" customWidth="1"/>
    <col min="2" max="2" width="9.44140625" style="44" customWidth="1"/>
    <col min="3" max="11" width="7.88671875" style="43" customWidth="1"/>
    <col min="12" max="13" width="8.77734375" style="43" customWidth="1"/>
    <col min="14" max="33" width="7.88671875" style="43" customWidth="1"/>
    <col min="34" max="34" width="9.109375" style="43" customWidth="1"/>
    <col min="35" max="35" width="8.44140625" style="43" customWidth="1"/>
    <col min="36" max="55" width="7.88671875" style="43" customWidth="1"/>
    <col min="56" max="56" width="9.109375" style="43" customWidth="1"/>
    <col min="57" max="57" width="8.44140625" style="43" customWidth="1"/>
    <col min="58" max="77" width="7.88671875" style="43" customWidth="1"/>
    <col min="78" max="78" width="9.109375" style="43" customWidth="1"/>
    <col min="79" max="79" width="8.44140625" style="43" customWidth="1"/>
    <col min="80" max="86" width="7.88671875" style="43" customWidth="1"/>
    <col min="87" max="93" width="9" style="43"/>
    <col min="94" max="94" width="8.44140625" style="43" customWidth="1"/>
    <col min="95" max="102" width="9" style="43"/>
    <col min="103" max="104" width="9" style="44"/>
    <col min="105" max="105" width="7.77734375" style="44" customWidth="1"/>
    <col min="106" max="115" width="9" style="44"/>
    <col min="116" max="116" width="7.77734375" style="44" customWidth="1"/>
    <col min="117" max="126" width="9" style="44"/>
    <col min="127" max="127" width="7.77734375" style="44" customWidth="1"/>
    <col min="128" max="137" width="9" style="44"/>
    <col min="138" max="138" width="8" style="44" customWidth="1"/>
    <col min="139" max="148" width="9" style="44"/>
    <col min="149" max="149" width="7.77734375" style="44" customWidth="1"/>
    <col min="150" max="159" width="9" style="44"/>
    <col min="160" max="160" width="7.44140625" style="44" customWidth="1"/>
    <col min="161" max="170" width="9" style="44"/>
    <col min="171" max="171" width="7.88671875" style="44" customWidth="1"/>
    <col min="172" max="181" width="9" style="44"/>
    <col min="182" max="182" width="7.21875" style="44" customWidth="1"/>
    <col min="183" max="192" width="9" style="44"/>
    <col min="193" max="193" width="8" style="44" customWidth="1"/>
    <col min="194" max="203" width="9" style="44"/>
    <col min="204" max="204" width="7.88671875" style="44" customWidth="1"/>
    <col min="205" max="214" width="9" style="44"/>
    <col min="215" max="215" width="7.88671875" style="44" customWidth="1"/>
    <col min="216" max="225" width="9" style="44"/>
    <col min="226" max="226" width="7.33203125" style="44" customWidth="1"/>
    <col min="227" max="236" width="9" style="44"/>
    <col min="237" max="237" width="7.6640625" style="44" customWidth="1"/>
    <col min="238" max="247" width="9" style="44"/>
    <col min="248" max="248" width="8" style="44" customWidth="1"/>
    <col min="249" max="258" width="9" style="44"/>
    <col min="259" max="259" width="8" style="44" customWidth="1"/>
    <col min="260" max="269" width="9" style="44"/>
    <col min="270" max="270" width="8" style="44" customWidth="1"/>
    <col min="271" max="280" width="9" style="44"/>
    <col min="281" max="281" width="8" style="44" customWidth="1"/>
    <col min="282" max="291" width="9" style="44"/>
    <col min="292" max="292" width="8.109375" style="44" customWidth="1"/>
    <col min="293" max="16384" width="9" style="44"/>
  </cols>
  <sheetData>
    <row r="1" spans="2:299" ht="24" customHeight="1" x14ac:dyDescent="0.2">
      <c r="B1" s="12" t="s">
        <v>121</v>
      </c>
      <c r="F1" s="524">
        <f>第１表!F2</f>
        <v>5</v>
      </c>
      <c r="G1" s="524"/>
      <c r="H1" s="248">
        <f>第１表!G2</f>
        <v>2</v>
      </c>
      <c r="I1" s="506">
        <f>H1</f>
        <v>2</v>
      </c>
      <c r="J1" s="506"/>
    </row>
    <row r="2" spans="2:299" ht="24" customHeight="1" thickBot="1" x14ac:dyDescent="0.25">
      <c r="B2" s="20" t="s">
        <v>153</v>
      </c>
    </row>
    <row r="3" spans="2:299" ht="21" customHeight="1" thickBot="1" x14ac:dyDescent="0.25">
      <c r="B3" s="507" t="s">
        <v>38</v>
      </c>
      <c r="C3" s="519" t="s">
        <v>96</v>
      </c>
      <c r="D3" s="519"/>
      <c r="E3" s="519"/>
      <c r="F3" s="519"/>
      <c r="G3" s="519"/>
      <c r="H3" s="519"/>
      <c r="I3" s="519"/>
      <c r="J3" s="519"/>
      <c r="K3" s="519"/>
      <c r="L3" s="519"/>
      <c r="M3" s="519"/>
      <c r="N3" s="519"/>
      <c r="O3" s="519"/>
      <c r="P3" s="519"/>
      <c r="Q3" s="519"/>
      <c r="R3" s="519"/>
      <c r="S3" s="519"/>
      <c r="T3" s="519"/>
      <c r="U3" s="519"/>
      <c r="V3" s="519"/>
      <c r="W3" s="519"/>
      <c r="X3" s="519"/>
      <c r="Y3" s="519"/>
      <c r="Z3" s="519"/>
      <c r="AA3" s="519"/>
      <c r="AB3" s="519"/>
      <c r="AC3" s="519"/>
      <c r="AD3" s="519"/>
      <c r="AE3" s="519"/>
      <c r="AF3" s="519"/>
      <c r="AG3" s="519"/>
      <c r="AH3" s="519"/>
      <c r="AI3" s="519"/>
      <c r="AJ3" s="519"/>
      <c r="AK3" s="519"/>
      <c r="AL3" s="519"/>
      <c r="AM3" s="519"/>
      <c r="AN3" s="519"/>
      <c r="AO3" s="519"/>
      <c r="AP3" s="519"/>
      <c r="AQ3" s="519"/>
      <c r="AR3" s="519"/>
      <c r="AS3" s="519"/>
      <c r="AT3" s="519"/>
      <c r="AU3" s="519"/>
      <c r="AV3" s="519"/>
      <c r="AW3" s="519"/>
      <c r="AX3" s="519"/>
      <c r="AY3" s="519"/>
      <c r="AZ3" s="519"/>
      <c r="BA3" s="519"/>
      <c r="BB3" s="519"/>
      <c r="BC3" s="519"/>
      <c r="BD3" s="519"/>
      <c r="BE3" s="519"/>
      <c r="BF3" s="519"/>
      <c r="BG3" s="519"/>
      <c r="BH3" s="519"/>
      <c r="BI3" s="519"/>
      <c r="BJ3" s="519"/>
      <c r="BK3" s="519"/>
      <c r="BL3" s="519"/>
      <c r="BM3" s="519"/>
      <c r="BN3" s="519"/>
      <c r="BO3" s="519"/>
      <c r="BP3" s="519"/>
      <c r="BQ3" s="519"/>
      <c r="BR3" s="519"/>
      <c r="BS3" s="519"/>
      <c r="BT3" s="519"/>
      <c r="BU3" s="519"/>
      <c r="BV3" s="519"/>
      <c r="BW3" s="519"/>
      <c r="BX3" s="519"/>
      <c r="BY3" s="519"/>
      <c r="BZ3" s="519"/>
      <c r="CA3" s="519"/>
      <c r="CB3" s="519"/>
      <c r="CC3" s="519"/>
      <c r="CD3" s="519"/>
      <c r="CE3" s="519"/>
      <c r="CF3" s="519"/>
      <c r="CG3" s="519"/>
      <c r="CH3" s="519"/>
      <c r="CI3" s="519"/>
      <c r="CJ3" s="519"/>
      <c r="CK3" s="519"/>
      <c r="CL3" s="519"/>
      <c r="CM3" s="519"/>
      <c r="CN3" s="519"/>
      <c r="CO3" s="519"/>
      <c r="CP3" s="519"/>
      <c r="CQ3" s="519"/>
      <c r="CR3" s="519"/>
      <c r="CS3" s="519"/>
      <c r="CT3" s="519"/>
      <c r="CU3" s="519"/>
      <c r="CV3" s="519"/>
      <c r="CW3" s="520"/>
      <c r="CX3" s="519" t="s">
        <v>103</v>
      </c>
      <c r="CY3" s="519"/>
      <c r="CZ3" s="519"/>
      <c r="DA3" s="519"/>
      <c r="DB3" s="519"/>
      <c r="DC3" s="519"/>
      <c r="DD3" s="519"/>
      <c r="DE3" s="519"/>
      <c r="DF3" s="519"/>
      <c r="DG3" s="519"/>
      <c r="DH3" s="519"/>
      <c r="DI3" s="519"/>
      <c r="DJ3" s="519"/>
      <c r="DK3" s="519"/>
      <c r="DL3" s="519"/>
      <c r="DM3" s="519"/>
      <c r="DN3" s="519"/>
      <c r="DO3" s="519"/>
      <c r="DP3" s="519"/>
      <c r="DQ3" s="519"/>
      <c r="DR3" s="519"/>
      <c r="DS3" s="519"/>
      <c r="DT3" s="519"/>
      <c r="DU3" s="519"/>
      <c r="DV3" s="519"/>
      <c r="DW3" s="519"/>
      <c r="DX3" s="519"/>
      <c r="DY3" s="519"/>
      <c r="DZ3" s="519"/>
      <c r="EA3" s="519"/>
      <c r="EB3" s="519"/>
      <c r="EC3" s="519"/>
      <c r="ED3" s="519"/>
      <c r="EE3" s="519"/>
      <c r="EF3" s="519"/>
      <c r="EG3" s="519"/>
      <c r="EH3" s="519"/>
      <c r="EI3" s="519"/>
      <c r="EJ3" s="519"/>
      <c r="EK3" s="519"/>
      <c r="EL3" s="519"/>
      <c r="EM3" s="519"/>
      <c r="EN3" s="519"/>
      <c r="EO3" s="519"/>
      <c r="EP3" s="519"/>
      <c r="EQ3" s="519"/>
      <c r="ER3" s="519"/>
      <c r="ES3" s="519"/>
      <c r="ET3" s="519"/>
      <c r="EU3" s="519"/>
      <c r="EV3" s="519"/>
      <c r="EW3" s="519"/>
      <c r="EX3" s="519"/>
      <c r="EY3" s="519"/>
      <c r="EZ3" s="519"/>
      <c r="FA3" s="519"/>
      <c r="FB3" s="519"/>
      <c r="FC3" s="519"/>
      <c r="FD3" s="519"/>
      <c r="FE3" s="519"/>
      <c r="FF3" s="519"/>
      <c r="FG3" s="519"/>
      <c r="FH3" s="519"/>
      <c r="FI3" s="519"/>
      <c r="FJ3" s="519"/>
      <c r="FK3" s="519"/>
      <c r="FL3" s="519"/>
      <c r="FM3" s="519"/>
      <c r="FN3" s="519"/>
      <c r="FO3" s="519"/>
      <c r="FP3" s="519"/>
      <c r="FQ3" s="519"/>
      <c r="FR3" s="519"/>
      <c r="FS3" s="519"/>
      <c r="FT3" s="519"/>
      <c r="FU3" s="519"/>
      <c r="FV3" s="519"/>
      <c r="FW3" s="519"/>
      <c r="FX3" s="519"/>
      <c r="FY3" s="519"/>
      <c r="FZ3" s="519"/>
      <c r="GA3" s="519"/>
      <c r="GB3" s="519"/>
      <c r="GC3" s="519"/>
      <c r="GD3" s="519"/>
      <c r="GE3" s="519"/>
      <c r="GF3" s="519"/>
      <c r="GG3" s="519"/>
      <c r="GH3" s="519"/>
      <c r="GI3" s="519"/>
      <c r="GJ3" s="519"/>
      <c r="GK3" s="519"/>
      <c r="GL3" s="519"/>
      <c r="GM3" s="519"/>
      <c r="GN3" s="519"/>
      <c r="GO3" s="519"/>
      <c r="GP3" s="519"/>
      <c r="GQ3" s="519"/>
      <c r="GR3" s="520"/>
      <c r="GS3" s="519" t="s">
        <v>104</v>
      </c>
      <c r="GT3" s="519"/>
      <c r="GU3" s="519"/>
      <c r="GV3" s="519"/>
      <c r="GW3" s="519"/>
      <c r="GX3" s="519"/>
      <c r="GY3" s="519"/>
      <c r="GZ3" s="519"/>
      <c r="HA3" s="519"/>
      <c r="HB3" s="519"/>
      <c r="HC3" s="519"/>
      <c r="HD3" s="519"/>
      <c r="HE3" s="519"/>
      <c r="HF3" s="519"/>
      <c r="HG3" s="519"/>
      <c r="HH3" s="519"/>
      <c r="HI3" s="519"/>
      <c r="HJ3" s="519"/>
      <c r="HK3" s="519"/>
      <c r="HL3" s="519"/>
      <c r="HM3" s="519"/>
      <c r="HN3" s="519"/>
      <c r="HO3" s="519"/>
      <c r="HP3" s="519"/>
      <c r="HQ3" s="519"/>
      <c r="HR3" s="519"/>
      <c r="HS3" s="519"/>
      <c r="HT3" s="519"/>
      <c r="HU3" s="519"/>
      <c r="HV3" s="519"/>
      <c r="HW3" s="519"/>
      <c r="HX3" s="519"/>
      <c r="HY3" s="519"/>
      <c r="HZ3" s="519"/>
      <c r="IA3" s="519"/>
      <c r="IB3" s="519"/>
      <c r="IC3" s="519"/>
      <c r="ID3" s="519"/>
      <c r="IE3" s="519"/>
      <c r="IF3" s="519"/>
      <c r="IG3" s="519"/>
      <c r="IH3" s="519"/>
      <c r="II3" s="519"/>
      <c r="IJ3" s="519"/>
      <c r="IK3" s="519"/>
      <c r="IL3" s="519"/>
      <c r="IM3" s="519"/>
      <c r="IN3" s="519"/>
      <c r="IO3" s="519"/>
      <c r="IP3" s="519"/>
      <c r="IQ3" s="519"/>
      <c r="IR3" s="519"/>
      <c r="IS3" s="519"/>
      <c r="IT3" s="519"/>
      <c r="IU3" s="519"/>
      <c r="IV3" s="519"/>
      <c r="IW3" s="519"/>
      <c r="IX3" s="519"/>
      <c r="IY3" s="519"/>
      <c r="IZ3" s="519"/>
      <c r="JA3" s="519"/>
      <c r="JB3" s="519"/>
      <c r="JC3" s="519"/>
      <c r="JD3" s="519"/>
      <c r="JE3" s="519"/>
      <c r="JF3" s="519"/>
      <c r="JG3" s="519"/>
      <c r="JH3" s="519"/>
      <c r="JI3" s="519"/>
      <c r="JJ3" s="519"/>
      <c r="JK3" s="519"/>
      <c r="JL3" s="519"/>
      <c r="JM3" s="519"/>
      <c r="JN3" s="519"/>
      <c r="JO3" s="519"/>
      <c r="JP3" s="519"/>
      <c r="JQ3" s="519"/>
      <c r="JR3" s="519"/>
      <c r="JS3" s="519"/>
      <c r="JT3" s="519"/>
      <c r="JU3" s="519"/>
      <c r="JV3" s="519"/>
      <c r="JW3" s="519"/>
      <c r="JX3" s="519"/>
      <c r="JY3" s="519"/>
      <c r="JZ3" s="519"/>
      <c r="KA3" s="519"/>
      <c r="KB3" s="519"/>
      <c r="KC3" s="519"/>
      <c r="KD3" s="519"/>
      <c r="KE3" s="519"/>
      <c r="KF3" s="519"/>
      <c r="KG3" s="519"/>
      <c r="KH3" s="519"/>
      <c r="KI3" s="519"/>
      <c r="KJ3" s="519"/>
      <c r="KK3" s="519"/>
      <c r="KL3" s="519"/>
      <c r="KM3" s="520"/>
    </row>
    <row r="4" spans="2:299" ht="21" customHeight="1" thickBot="1" x14ac:dyDescent="0.25">
      <c r="B4" s="525"/>
      <c r="C4" s="521" t="s">
        <v>39</v>
      </c>
      <c r="D4" s="522"/>
      <c r="E4" s="522"/>
      <c r="F4" s="522"/>
      <c r="G4" s="522"/>
      <c r="H4" s="522"/>
      <c r="I4" s="522"/>
      <c r="J4" s="522"/>
      <c r="K4" s="522"/>
      <c r="L4" s="522"/>
      <c r="M4" s="522"/>
      <c r="N4" s="522"/>
      <c r="O4" s="522"/>
      <c r="P4" s="522"/>
      <c r="Q4" s="522"/>
      <c r="R4" s="522"/>
      <c r="S4" s="522"/>
      <c r="T4" s="522"/>
      <c r="U4" s="522"/>
      <c r="V4" s="522"/>
      <c r="W4" s="522"/>
      <c r="X4" s="522"/>
      <c r="Y4" s="522"/>
      <c r="Z4" s="522"/>
      <c r="AA4" s="522"/>
      <c r="AB4" s="522"/>
      <c r="AC4" s="522"/>
      <c r="AD4" s="522"/>
      <c r="AE4" s="522"/>
      <c r="AF4" s="522"/>
      <c r="AG4" s="522"/>
      <c r="AH4" s="522"/>
      <c r="AI4" s="522"/>
      <c r="AJ4" s="522"/>
      <c r="AK4" s="522"/>
      <c r="AL4" s="522"/>
      <c r="AM4" s="522"/>
      <c r="AN4" s="522"/>
      <c r="AO4" s="522"/>
      <c r="AP4" s="522"/>
      <c r="AQ4" s="522"/>
      <c r="AR4" s="522"/>
      <c r="AS4" s="522"/>
      <c r="AT4" s="522"/>
      <c r="AU4" s="522"/>
      <c r="AV4" s="522"/>
      <c r="AW4" s="522"/>
      <c r="AX4" s="522"/>
      <c r="AY4" s="522"/>
      <c r="AZ4" s="522"/>
      <c r="BA4" s="522"/>
      <c r="BB4" s="522"/>
      <c r="BC4" s="522"/>
      <c r="BD4" s="522"/>
      <c r="BE4" s="522"/>
      <c r="BF4" s="522"/>
      <c r="BG4" s="522"/>
      <c r="BH4" s="522"/>
      <c r="BI4" s="522"/>
      <c r="BJ4" s="522"/>
      <c r="BK4" s="522"/>
      <c r="BL4" s="522"/>
      <c r="BM4" s="522"/>
      <c r="BN4" s="522"/>
      <c r="BO4" s="522"/>
      <c r="BP4" s="522"/>
      <c r="BQ4" s="522"/>
      <c r="BR4" s="522"/>
      <c r="BS4" s="522"/>
      <c r="BT4" s="522"/>
      <c r="BU4" s="522"/>
      <c r="BV4" s="522"/>
      <c r="BW4" s="522"/>
      <c r="BX4" s="522"/>
      <c r="BY4" s="522"/>
      <c r="BZ4" s="522"/>
      <c r="CA4" s="523"/>
      <c r="CB4" s="507" t="s">
        <v>40</v>
      </c>
      <c r="CC4" s="508"/>
      <c r="CD4" s="508"/>
      <c r="CE4" s="508"/>
      <c r="CF4" s="508"/>
      <c r="CG4" s="508"/>
      <c r="CH4" s="508"/>
      <c r="CI4" s="508"/>
      <c r="CJ4" s="508"/>
      <c r="CK4" s="508"/>
      <c r="CL4" s="509"/>
      <c r="CM4" s="507" t="s">
        <v>41</v>
      </c>
      <c r="CN4" s="508"/>
      <c r="CO4" s="508"/>
      <c r="CP4" s="508"/>
      <c r="CQ4" s="508"/>
      <c r="CR4" s="508"/>
      <c r="CS4" s="508"/>
      <c r="CT4" s="508"/>
      <c r="CU4" s="508"/>
      <c r="CV4" s="508"/>
      <c r="CW4" s="509"/>
      <c r="CX4" s="521" t="s">
        <v>39</v>
      </c>
      <c r="CY4" s="522"/>
      <c r="CZ4" s="522"/>
      <c r="DA4" s="522"/>
      <c r="DB4" s="522"/>
      <c r="DC4" s="522"/>
      <c r="DD4" s="522"/>
      <c r="DE4" s="522"/>
      <c r="DF4" s="522"/>
      <c r="DG4" s="522"/>
      <c r="DH4" s="522"/>
      <c r="DI4" s="522"/>
      <c r="DJ4" s="522"/>
      <c r="DK4" s="522"/>
      <c r="DL4" s="522"/>
      <c r="DM4" s="522"/>
      <c r="DN4" s="522"/>
      <c r="DO4" s="522"/>
      <c r="DP4" s="522"/>
      <c r="DQ4" s="522"/>
      <c r="DR4" s="522"/>
      <c r="DS4" s="522"/>
      <c r="DT4" s="522"/>
      <c r="DU4" s="522"/>
      <c r="DV4" s="522"/>
      <c r="DW4" s="522"/>
      <c r="DX4" s="522"/>
      <c r="DY4" s="522"/>
      <c r="DZ4" s="522"/>
      <c r="EA4" s="522"/>
      <c r="EB4" s="522"/>
      <c r="EC4" s="522"/>
      <c r="ED4" s="522"/>
      <c r="EE4" s="522"/>
      <c r="EF4" s="522"/>
      <c r="EG4" s="522"/>
      <c r="EH4" s="522"/>
      <c r="EI4" s="522"/>
      <c r="EJ4" s="522"/>
      <c r="EK4" s="522"/>
      <c r="EL4" s="522"/>
      <c r="EM4" s="522"/>
      <c r="EN4" s="522"/>
      <c r="EO4" s="522"/>
      <c r="EP4" s="522"/>
      <c r="EQ4" s="522"/>
      <c r="ER4" s="522"/>
      <c r="ES4" s="522"/>
      <c r="ET4" s="522"/>
      <c r="EU4" s="522"/>
      <c r="EV4" s="522"/>
      <c r="EW4" s="522"/>
      <c r="EX4" s="522"/>
      <c r="EY4" s="522"/>
      <c r="EZ4" s="522"/>
      <c r="FA4" s="522"/>
      <c r="FB4" s="522"/>
      <c r="FC4" s="522"/>
      <c r="FD4" s="522"/>
      <c r="FE4" s="522"/>
      <c r="FF4" s="522"/>
      <c r="FG4" s="522"/>
      <c r="FH4" s="522"/>
      <c r="FI4" s="522"/>
      <c r="FJ4" s="522"/>
      <c r="FK4" s="522"/>
      <c r="FL4" s="522"/>
      <c r="FM4" s="522"/>
      <c r="FN4" s="522"/>
      <c r="FO4" s="522"/>
      <c r="FP4" s="522"/>
      <c r="FQ4" s="522"/>
      <c r="FR4" s="522"/>
      <c r="FS4" s="522"/>
      <c r="FT4" s="522"/>
      <c r="FU4" s="522"/>
      <c r="FV4" s="523"/>
      <c r="FW4" s="507" t="s">
        <v>40</v>
      </c>
      <c r="FX4" s="508"/>
      <c r="FY4" s="508"/>
      <c r="FZ4" s="508"/>
      <c r="GA4" s="508"/>
      <c r="GB4" s="508"/>
      <c r="GC4" s="508"/>
      <c r="GD4" s="508"/>
      <c r="GE4" s="508"/>
      <c r="GF4" s="508"/>
      <c r="GG4" s="509"/>
      <c r="GH4" s="507" t="s">
        <v>41</v>
      </c>
      <c r="GI4" s="508"/>
      <c r="GJ4" s="508"/>
      <c r="GK4" s="508"/>
      <c r="GL4" s="508"/>
      <c r="GM4" s="508"/>
      <c r="GN4" s="508"/>
      <c r="GO4" s="508"/>
      <c r="GP4" s="508"/>
      <c r="GQ4" s="508"/>
      <c r="GR4" s="509"/>
      <c r="GS4" s="521" t="s">
        <v>39</v>
      </c>
      <c r="GT4" s="522"/>
      <c r="GU4" s="522"/>
      <c r="GV4" s="522"/>
      <c r="GW4" s="522"/>
      <c r="GX4" s="522"/>
      <c r="GY4" s="522"/>
      <c r="GZ4" s="522"/>
      <c r="HA4" s="522"/>
      <c r="HB4" s="522"/>
      <c r="HC4" s="522"/>
      <c r="HD4" s="522"/>
      <c r="HE4" s="522"/>
      <c r="HF4" s="522"/>
      <c r="HG4" s="522"/>
      <c r="HH4" s="522"/>
      <c r="HI4" s="522"/>
      <c r="HJ4" s="522"/>
      <c r="HK4" s="522"/>
      <c r="HL4" s="522"/>
      <c r="HM4" s="522"/>
      <c r="HN4" s="522"/>
      <c r="HO4" s="522"/>
      <c r="HP4" s="522"/>
      <c r="HQ4" s="522"/>
      <c r="HR4" s="522"/>
      <c r="HS4" s="522"/>
      <c r="HT4" s="522"/>
      <c r="HU4" s="522"/>
      <c r="HV4" s="522"/>
      <c r="HW4" s="522"/>
      <c r="HX4" s="522"/>
      <c r="HY4" s="522"/>
      <c r="HZ4" s="522"/>
      <c r="IA4" s="522"/>
      <c r="IB4" s="522"/>
      <c r="IC4" s="522"/>
      <c r="ID4" s="522"/>
      <c r="IE4" s="522"/>
      <c r="IF4" s="522"/>
      <c r="IG4" s="522"/>
      <c r="IH4" s="522"/>
      <c r="II4" s="522"/>
      <c r="IJ4" s="522"/>
      <c r="IK4" s="522"/>
      <c r="IL4" s="522"/>
      <c r="IM4" s="522"/>
      <c r="IN4" s="522"/>
      <c r="IO4" s="522"/>
      <c r="IP4" s="522"/>
      <c r="IQ4" s="522"/>
      <c r="IR4" s="522"/>
      <c r="IS4" s="522"/>
      <c r="IT4" s="522"/>
      <c r="IU4" s="522"/>
      <c r="IV4" s="522"/>
      <c r="IW4" s="522"/>
      <c r="IX4" s="522"/>
      <c r="IY4" s="522"/>
      <c r="IZ4" s="522"/>
      <c r="JA4" s="522"/>
      <c r="JB4" s="522"/>
      <c r="JC4" s="522"/>
      <c r="JD4" s="522"/>
      <c r="JE4" s="522"/>
      <c r="JF4" s="522"/>
      <c r="JG4" s="522"/>
      <c r="JH4" s="522"/>
      <c r="JI4" s="522"/>
      <c r="JJ4" s="522"/>
      <c r="JK4" s="522"/>
      <c r="JL4" s="522"/>
      <c r="JM4" s="522"/>
      <c r="JN4" s="522"/>
      <c r="JO4" s="522"/>
      <c r="JP4" s="522"/>
      <c r="JQ4" s="523"/>
      <c r="JR4" s="507" t="s">
        <v>40</v>
      </c>
      <c r="JS4" s="508"/>
      <c r="JT4" s="508"/>
      <c r="JU4" s="508"/>
      <c r="JV4" s="508"/>
      <c r="JW4" s="508"/>
      <c r="JX4" s="508"/>
      <c r="JY4" s="508"/>
      <c r="JZ4" s="508"/>
      <c r="KA4" s="508"/>
      <c r="KB4" s="509"/>
      <c r="KC4" s="507" t="s">
        <v>41</v>
      </c>
      <c r="KD4" s="508"/>
      <c r="KE4" s="508"/>
      <c r="KF4" s="508"/>
      <c r="KG4" s="508"/>
      <c r="KH4" s="508"/>
      <c r="KI4" s="508"/>
      <c r="KJ4" s="508"/>
      <c r="KK4" s="508"/>
      <c r="KL4" s="508"/>
      <c r="KM4" s="509"/>
    </row>
    <row r="5" spans="2:299" ht="21" customHeight="1" thickBot="1" x14ac:dyDescent="0.25">
      <c r="B5" s="513"/>
      <c r="C5" s="513"/>
      <c r="D5" s="514"/>
      <c r="E5" s="514"/>
      <c r="F5" s="514"/>
      <c r="G5" s="514"/>
      <c r="H5" s="514"/>
      <c r="I5" s="514"/>
      <c r="J5" s="514"/>
      <c r="K5" s="514"/>
      <c r="L5" s="514"/>
      <c r="M5" s="515"/>
      <c r="N5" s="516" t="s">
        <v>97</v>
      </c>
      <c r="O5" s="517"/>
      <c r="P5" s="517"/>
      <c r="Q5" s="517"/>
      <c r="R5" s="517"/>
      <c r="S5" s="517"/>
      <c r="T5" s="517"/>
      <c r="U5" s="517"/>
      <c r="V5" s="517"/>
      <c r="W5" s="517"/>
      <c r="X5" s="518"/>
      <c r="Y5" s="516" t="s">
        <v>98</v>
      </c>
      <c r="Z5" s="517"/>
      <c r="AA5" s="517"/>
      <c r="AB5" s="517"/>
      <c r="AC5" s="517"/>
      <c r="AD5" s="517"/>
      <c r="AE5" s="517"/>
      <c r="AF5" s="517"/>
      <c r="AG5" s="517"/>
      <c r="AH5" s="517"/>
      <c r="AI5" s="518"/>
      <c r="AJ5" s="516" t="s">
        <v>99</v>
      </c>
      <c r="AK5" s="517"/>
      <c r="AL5" s="517"/>
      <c r="AM5" s="517"/>
      <c r="AN5" s="517"/>
      <c r="AO5" s="517"/>
      <c r="AP5" s="517"/>
      <c r="AQ5" s="517"/>
      <c r="AR5" s="517"/>
      <c r="AS5" s="517"/>
      <c r="AT5" s="518"/>
      <c r="AU5" s="516" t="s">
        <v>100</v>
      </c>
      <c r="AV5" s="517"/>
      <c r="AW5" s="517"/>
      <c r="AX5" s="517"/>
      <c r="AY5" s="517"/>
      <c r="AZ5" s="517"/>
      <c r="BA5" s="517"/>
      <c r="BB5" s="517"/>
      <c r="BC5" s="517"/>
      <c r="BD5" s="517"/>
      <c r="BE5" s="518"/>
      <c r="BF5" s="516" t="s">
        <v>101</v>
      </c>
      <c r="BG5" s="517"/>
      <c r="BH5" s="517"/>
      <c r="BI5" s="517"/>
      <c r="BJ5" s="517"/>
      <c r="BK5" s="517"/>
      <c r="BL5" s="517"/>
      <c r="BM5" s="517"/>
      <c r="BN5" s="517"/>
      <c r="BO5" s="517"/>
      <c r="BP5" s="518"/>
      <c r="BQ5" s="516" t="s">
        <v>102</v>
      </c>
      <c r="BR5" s="517"/>
      <c r="BS5" s="517"/>
      <c r="BT5" s="517"/>
      <c r="BU5" s="517"/>
      <c r="BV5" s="517"/>
      <c r="BW5" s="517"/>
      <c r="BX5" s="517"/>
      <c r="BY5" s="517"/>
      <c r="BZ5" s="517"/>
      <c r="CA5" s="518"/>
      <c r="CB5" s="510"/>
      <c r="CC5" s="511"/>
      <c r="CD5" s="511"/>
      <c r="CE5" s="511"/>
      <c r="CF5" s="511"/>
      <c r="CG5" s="511"/>
      <c r="CH5" s="511"/>
      <c r="CI5" s="511"/>
      <c r="CJ5" s="511"/>
      <c r="CK5" s="511"/>
      <c r="CL5" s="512"/>
      <c r="CM5" s="510"/>
      <c r="CN5" s="511"/>
      <c r="CO5" s="511"/>
      <c r="CP5" s="511"/>
      <c r="CQ5" s="511"/>
      <c r="CR5" s="511"/>
      <c r="CS5" s="511"/>
      <c r="CT5" s="511"/>
      <c r="CU5" s="511"/>
      <c r="CV5" s="511"/>
      <c r="CW5" s="512"/>
      <c r="CX5" s="513"/>
      <c r="CY5" s="514"/>
      <c r="CZ5" s="514"/>
      <c r="DA5" s="514"/>
      <c r="DB5" s="514"/>
      <c r="DC5" s="514"/>
      <c r="DD5" s="514"/>
      <c r="DE5" s="514"/>
      <c r="DF5" s="514"/>
      <c r="DG5" s="514"/>
      <c r="DH5" s="515"/>
      <c r="DI5" s="516" t="s">
        <v>97</v>
      </c>
      <c r="DJ5" s="517"/>
      <c r="DK5" s="517"/>
      <c r="DL5" s="517"/>
      <c r="DM5" s="517"/>
      <c r="DN5" s="517"/>
      <c r="DO5" s="517"/>
      <c r="DP5" s="517"/>
      <c r="DQ5" s="517"/>
      <c r="DR5" s="517"/>
      <c r="DS5" s="518"/>
      <c r="DT5" s="516" t="s">
        <v>98</v>
      </c>
      <c r="DU5" s="517"/>
      <c r="DV5" s="517"/>
      <c r="DW5" s="517"/>
      <c r="DX5" s="517"/>
      <c r="DY5" s="517"/>
      <c r="DZ5" s="517"/>
      <c r="EA5" s="517"/>
      <c r="EB5" s="517"/>
      <c r="EC5" s="517"/>
      <c r="ED5" s="518"/>
      <c r="EE5" s="516" t="s">
        <v>99</v>
      </c>
      <c r="EF5" s="517"/>
      <c r="EG5" s="517"/>
      <c r="EH5" s="517"/>
      <c r="EI5" s="517"/>
      <c r="EJ5" s="517"/>
      <c r="EK5" s="517"/>
      <c r="EL5" s="517"/>
      <c r="EM5" s="517"/>
      <c r="EN5" s="517"/>
      <c r="EO5" s="518"/>
      <c r="EP5" s="516" t="s">
        <v>100</v>
      </c>
      <c r="EQ5" s="517"/>
      <c r="ER5" s="517"/>
      <c r="ES5" s="517"/>
      <c r="ET5" s="517"/>
      <c r="EU5" s="517"/>
      <c r="EV5" s="517"/>
      <c r="EW5" s="517"/>
      <c r="EX5" s="517"/>
      <c r="EY5" s="517"/>
      <c r="EZ5" s="518"/>
      <c r="FA5" s="516" t="s">
        <v>101</v>
      </c>
      <c r="FB5" s="517"/>
      <c r="FC5" s="517"/>
      <c r="FD5" s="517"/>
      <c r="FE5" s="517"/>
      <c r="FF5" s="517"/>
      <c r="FG5" s="517"/>
      <c r="FH5" s="517"/>
      <c r="FI5" s="517"/>
      <c r="FJ5" s="517"/>
      <c r="FK5" s="518"/>
      <c r="FL5" s="516" t="s">
        <v>102</v>
      </c>
      <c r="FM5" s="517"/>
      <c r="FN5" s="517"/>
      <c r="FO5" s="517"/>
      <c r="FP5" s="517"/>
      <c r="FQ5" s="517"/>
      <c r="FR5" s="517"/>
      <c r="FS5" s="517"/>
      <c r="FT5" s="517"/>
      <c r="FU5" s="517"/>
      <c r="FV5" s="518"/>
      <c r="FW5" s="510"/>
      <c r="FX5" s="511"/>
      <c r="FY5" s="511"/>
      <c r="FZ5" s="511"/>
      <c r="GA5" s="511"/>
      <c r="GB5" s="511"/>
      <c r="GC5" s="511"/>
      <c r="GD5" s="511"/>
      <c r="GE5" s="511"/>
      <c r="GF5" s="511"/>
      <c r="GG5" s="512"/>
      <c r="GH5" s="510"/>
      <c r="GI5" s="511"/>
      <c r="GJ5" s="511"/>
      <c r="GK5" s="511"/>
      <c r="GL5" s="511"/>
      <c r="GM5" s="511"/>
      <c r="GN5" s="511"/>
      <c r="GO5" s="511"/>
      <c r="GP5" s="511"/>
      <c r="GQ5" s="511"/>
      <c r="GR5" s="512"/>
      <c r="GS5" s="513"/>
      <c r="GT5" s="514"/>
      <c r="GU5" s="514"/>
      <c r="GV5" s="514"/>
      <c r="GW5" s="514"/>
      <c r="GX5" s="514"/>
      <c r="GY5" s="514"/>
      <c r="GZ5" s="514"/>
      <c r="HA5" s="514"/>
      <c r="HB5" s="514"/>
      <c r="HC5" s="515"/>
      <c r="HD5" s="516" t="s">
        <v>97</v>
      </c>
      <c r="HE5" s="517"/>
      <c r="HF5" s="517"/>
      <c r="HG5" s="517"/>
      <c r="HH5" s="517"/>
      <c r="HI5" s="517"/>
      <c r="HJ5" s="517"/>
      <c r="HK5" s="517"/>
      <c r="HL5" s="517"/>
      <c r="HM5" s="517"/>
      <c r="HN5" s="518"/>
      <c r="HO5" s="516" t="s">
        <v>98</v>
      </c>
      <c r="HP5" s="517"/>
      <c r="HQ5" s="517"/>
      <c r="HR5" s="517"/>
      <c r="HS5" s="517"/>
      <c r="HT5" s="517"/>
      <c r="HU5" s="517"/>
      <c r="HV5" s="517"/>
      <c r="HW5" s="517"/>
      <c r="HX5" s="517"/>
      <c r="HY5" s="518"/>
      <c r="HZ5" s="516" t="s">
        <v>99</v>
      </c>
      <c r="IA5" s="517"/>
      <c r="IB5" s="517"/>
      <c r="IC5" s="517"/>
      <c r="ID5" s="517"/>
      <c r="IE5" s="517"/>
      <c r="IF5" s="517"/>
      <c r="IG5" s="517"/>
      <c r="IH5" s="517"/>
      <c r="II5" s="517"/>
      <c r="IJ5" s="518"/>
      <c r="IK5" s="516" t="s">
        <v>100</v>
      </c>
      <c r="IL5" s="517"/>
      <c r="IM5" s="517"/>
      <c r="IN5" s="517"/>
      <c r="IO5" s="517"/>
      <c r="IP5" s="517"/>
      <c r="IQ5" s="517"/>
      <c r="IR5" s="517"/>
      <c r="IS5" s="517"/>
      <c r="IT5" s="517"/>
      <c r="IU5" s="518"/>
      <c r="IV5" s="516" t="s">
        <v>101</v>
      </c>
      <c r="IW5" s="517"/>
      <c r="IX5" s="517"/>
      <c r="IY5" s="517"/>
      <c r="IZ5" s="517"/>
      <c r="JA5" s="517"/>
      <c r="JB5" s="517"/>
      <c r="JC5" s="517"/>
      <c r="JD5" s="517"/>
      <c r="JE5" s="517"/>
      <c r="JF5" s="518"/>
      <c r="JG5" s="516" t="s">
        <v>102</v>
      </c>
      <c r="JH5" s="517"/>
      <c r="JI5" s="517"/>
      <c r="JJ5" s="517"/>
      <c r="JK5" s="517"/>
      <c r="JL5" s="517"/>
      <c r="JM5" s="517"/>
      <c r="JN5" s="517"/>
      <c r="JO5" s="517"/>
      <c r="JP5" s="517"/>
      <c r="JQ5" s="518"/>
      <c r="JR5" s="510"/>
      <c r="JS5" s="511"/>
      <c r="JT5" s="511"/>
      <c r="JU5" s="511"/>
      <c r="JV5" s="511"/>
      <c r="JW5" s="511"/>
      <c r="JX5" s="511"/>
      <c r="JY5" s="511"/>
      <c r="JZ5" s="511"/>
      <c r="KA5" s="511"/>
      <c r="KB5" s="512"/>
      <c r="KC5" s="510"/>
      <c r="KD5" s="511"/>
      <c r="KE5" s="511"/>
      <c r="KF5" s="511"/>
      <c r="KG5" s="511"/>
      <c r="KH5" s="511"/>
      <c r="KI5" s="511"/>
      <c r="KJ5" s="511"/>
      <c r="KK5" s="511"/>
      <c r="KL5" s="511"/>
      <c r="KM5" s="512"/>
    </row>
    <row r="6" spans="2:299" ht="30" customHeight="1" thickBot="1" x14ac:dyDescent="0.25">
      <c r="B6" s="353" t="s">
        <v>42</v>
      </c>
      <c r="C6" s="51" t="s">
        <v>43</v>
      </c>
      <c r="D6" s="47" t="s">
        <v>44</v>
      </c>
      <c r="E6" s="48" t="s">
        <v>45</v>
      </c>
      <c r="F6" s="52" t="s">
        <v>46</v>
      </c>
      <c r="G6" s="47" t="s">
        <v>47</v>
      </c>
      <c r="H6" s="47" t="s">
        <v>48</v>
      </c>
      <c r="I6" s="47" t="s">
        <v>49</v>
      </c>
      <c r="J6" s="47" t="s">
        <v>50</v>
      </c>
      <c r="K6" s="47" t="s">
        <v>51</v>
      </c>
      <c r="L6" s="48" t="s">
        <v>45</v>
      </c>
      <c r="M6" s="351" t="s">
        <v>52</v>
      </c>
      <c r="N6" s="356" t="s">
        <v>43</v>
      </c>
      <c r="O6" s="357" t="s">
        <v>44</v>
      </c>
      <c r="P6" s="358" t="s">
        <v>45</v>
      </c>
      <c r="Q6" s="359" t="s">
        <v>46</v>
      </c>
      <c r="R6" s="357" t="s">
        <v>47</v>
      </c>
      <c r="S6" s="357" t="s">
        <v>48</v>
      </c>
      <c r="T6" s="357" t="s">
        <v>49</v>
      </c>
      <c r="U6" s="357" t="s">
        <v>50</v>
      </c>
      <c r="V6" s="357" t="s">
        <v>51</v>
      </c>
      <c r="W6" s="358" t="s">
        <v>45</v>
      </c>
      <c r="X6" s="355" t="s">
        <v>52</v>
      </c>
      <c r="Y6" s="356" t="s">
        <v>43</v>
      </c>
      <c r="Z6" s="357" t="s">
        <v>44</v>
      </c>
      <c r="AA6" s="358" t="s">
        <v>45</v>
      </c>
      <c r="AB6" s="359" t="s">
        <v>46</v>
      </c>
      <c r="AC6" s="357" t="s">
        <v>47</v>
      </c>
      <c r="AD6" s="357" t="s">
        <v>48</v>
      </c>
      <c r="AE6" s="357" t="s">
        <v>49</v>
      </c>
      <c r="AF6" s="357" t="s">
        <v>50</v>
      </c>
      <c r="AG6" s="357" t="s">
        <v>51</v>
      </c>
      <c r="AH6" s="358" t="s">
        <v>45</v>
      </c>
      <c r="AI6" s="360" t="s">
        <v>52</v>
      </c>
      <c r="AJ6" s="356" t="s">
        <v>43</v>
      </c>
      <c r="AK6" s="357" t="s">
        <v>44</v>
      </c>
      <c r="AL6" s="358" t="s">
        <v>45</v>
      </c>
      <c r="AM6" s="359" t="s">
        <v>46</v>
      </c>
      <c r="AN6" s="357" t="s">
        <v>47</v>
      </c>
      <c r="AO6" s="357" t="s">
        <v>48</v>
      </c>
      <c r="AP6" s="357" t="s">
        <v>49</v>
      </c>
      <c r="AQ6" s="357" t="s">
        <v>50</v>
      </c>
      <c r="AR6" s="357" t="s">
        <v>51</v>
      </c>
      <c r="AS6" s="358" t="s">
        <v>45</v>
      </c>
      <c r="AT6" s="360" t="s">
        <v>52</v>
      </c>
      <c r="AU6" s="356" t="s">
        <v>43</v>
      </c>
      <c r="AV6" s="357" t="s">
        <v>44</v>
      </c>
      <c r="AW6" s="358" t="s">
        <v>45</v>
      </c>
      <c r="AX6" s="359" t="s">
        <v>46</v>
      </c>
      <c r="AY6" s="357" t="s">
        <v>47</v>
      </c>
      <c r="AZ6" s="357" t="s">
        <v>48</v>
      </c>
      <c r="BA6" s="357" t="s">
        <v>49</v>
      </c>
      <c r="BB6" s="357" t="s">
        <v>50</v>
      </c>
      <c r="BC6" s="357" t="s">
        <v>51</v>
      </c>
      <c r="BD6" s="358" t="s">
        <v>45</v>
      </c>
      <c r="BE6" s="360" t="s">
        <v>52</v>
      </c>
      <c r="BF6" s="356" t="s">
        <v>43</v>
      </c>
      <c r="BG6" s="357" t="s">
        <v>44</v>
      </c>
      <c r="BH6" s="358" t="s">
        <v>45</v>
      </c>
      <c r="BI6" s="359" t="s">
        <v>46</v>
      </c>
      <c r="BJ6" s="357" t="s">
        <v>47</v>
      </c>
      <c r="BK6" s="357" t="s">
        <v>48</v>
      </c>
      <c r="BL6" s="357" t="s">
        <v>49</v>
      </c>
      <c r="BM6" s="357" t="s">
        <v>50</v>
      </c>
      <c r="BN6" s="357" t="s">
        <v>51</v>
      </c>
      <c r="BO6" s="358" t="s">
        <v>45</v>
      </c>
      <c r="BP6" s="360" t="s">
        <v>52</v>
      </c>
      <c r="BQ6" s="356" t="s">
        <v>43</v>
      </c>
      <c r="BR6" s="357" t="s">
        <v>44</v>
      </c>
      <c r="BS6" s="358" t="s">
        <v>45</v>
      </c>
      <c r="BT6" s="359" t="s">
        <v>46</v>
      </c>
      <c r="BU6" s="357" t="s">
        <v>47</v>
      </c>
      <c r="BV6" s="357" t="s">
        <v>48</v>
      </c>
      <c r="BW6" s="357" t="s">
        <v>49</v>
      </c>
      <c r="BX6" s="357" t="s">
        <v>50</v>
      </c>
      <c r="BY6" s="357" t="s">
        <v>51</v>
      </c>
      <c r="BZ6" s="358" t="s">
        <v>45</v>
      </c>
      <c r="CA6" s="360" t="s">
        <v>52</v>
      </c>
      <c r="CB6" s="356" t="s">
        <v>43</v>
      </c>
      <c r="CC6" s="357" t="s">
        <v>44</v>
      </c>
      <c r="CD6" s="358" t="s">
        <v>45</v>
      </c>
      <c r="CE6" s="359" t="s">
        <v>46</v>
      </c>
      <c r="CF6" s="357" t="s">
        <v>47</v>
      </c>
      <c r="CG6" s="357" t="s">
        <v>48</v>
      </c>
      <c r="CH6" s="357" t="s">
        <v>49</v>
      </c>
      <c r="CI6" s="357" t="s">
        <v>50</v>
      </c>
      <c r="CJ6" s="357" t="s">
        <v>51</v>
      </c>
      <c r="CK6" s="358" t="s">
        <v>45</v>
      </c>
      <c r="CL6" s="360" t="s">
        <v>52</v>
      </c>
      <c r="CM6" s="356" t="s">
        <v>43</v>
      </c>
      <c r="CN6" s="357" t="s">
        <v>44</v>
      </c>
      <c r="CO6" s="358" t="s">
        <v>45</v>
      </c>
      <c r="CP6" s="359" t="s">
        <v>46</v>
      </c>
      <c r="CQ6" s="357" t="s">
        <v>47</v>
      </c>
      <c r="CR6" s="357" t="s">
        <v>48</v>
      </c>
      <c r="CS6" s="357" t="s">
        <v>49</v>
      </c>
      <c r="CT6" s="357" t="s">
        <v>50</v>
      </c>
      <c r="CU6" s="357" t="s">
        <v>51</v>
      </c>
      <c r="CV6" s="358" t="s">
        <v>45</v>
      </c>
      <c r="CW6" s="360" t="s">
        <v>52</v>
      </c>
      <c r="CX6" s="51" t="s">
        <v>43</v>
      </c>
      <c r="CY6" s="47" t="s">
        <v>44</v>
      </c>
      <c r="CZ6" s="48" t="s">
        <v>45</v>
      </c>
      <c r="DA6" s="52" t="s">
        <v>46</v>
      </c>
      <c r="DB6" s="47" t="s">
        <v>47</v>
      </c>
      <c r="DC6" s="47" t="s">
        <v>48</v>
      </c>
      <c r="DD6" s="47" t="s">
        <v>49</v>
      </c>
      <c r="DE6" s="47" t="s">
        <v>50</v>
      </c>
      <c r="DF6" s="47" t="s">
        <v>51</v>
      </c>
      <c r="DG6" s="48" t="s">
        <v>45</v>
      </c>
      <c r="DH6" s="351" t="s">
        <v>52</v>
      </c>
      <c r="DI6" s="356" t="s">
        <v>43</v>
      </c>
      <c r="DJ6" s="357" t="s">
        <v>44</v>
      </c>
      <c r="DK6" s="358" t="s">
        <v>45</v>
      </c>
      <c r="DL6" s="359" t="s">
        <v>46</v>
      </c>
      <c r="DM6" s="357" t="s">
        <v>47</v>
      </c>
      <c r="DN6" s="357" t="s">
        <v>48</v>
      </c>
      <c r="DO6" s="357" t="s">
        <v>49</v>
      </c>
      <c r="DP6" s="357" t="s">
        <v>50</v>
      </c>
      <c r="DQ6" s="357" t="s">
        <v>51</v>
      </c>
      <c r="DR6" s="358" t="s">
        <v>45</v>
      </c>
      <c r="DS6" s="360" t="s">
        <v>52</v>
      </c>
      <c r="DT6" s="356" t="s">
        <v>43</v>
      </c>
      <c r="DU6" s="357" t="s">
        <v>44</v>
      </c>
      <c r="DV6" s="358" t="s">
        <v>45</v>
      </c>
      <c r="DW6" s="359" t="s">
        <v>46</v>
      </c>
      <c r="DX6" s="357" t="s">
        <v>47</v>
      </c>
      <c r="DY6" s="357" t="s">
        <v>48</v>
      </c>
      <c r="DZ6" s="357" t="s">
        <v>49</v>
      </c>
      <c r="EA6" s="357" t="s">
        <v>50</v>
      </c>
      <c r="EB6" s="357" t="s">
        <v>51</v>
      </c>
      <c r="EC6" s="358" t="s">
        <v>45</v>
      </c>
      <c r="ED6" s="360" t="s">
        <v>52</v>
      </c>
      <c r="EE6" s="356" t="s">
        <v>43</v>
      </c>
      <c r="EF6" s="357" t="s">
        <v>44</v>
      </c>
      <c r="EG6" s="358" t="s">
        <v>45</v>
      </c>
      <c r="EH6" s="359" t="s">
        <v>46</v>
      </c>
      <c r="EI6" s="357" t="s">
        <v>47</v>
      </c>
      <c r="EJ6" s="357" t="s">
        <v>48</v>
      </c>
      <c r="EK6" s="357" t="s">
        <v>49</v>
      </c>
      <c r="EL6" s="357" t="s">
        <v>50</v>
      </c>
      <c r="EM6" s="357" t="s">
        <v>51</v>
      </c>
      <c r="EN6" s="358" t="s">
        <v>45</v>
      </c>
      <c r="EO6" s="360" t="s">
        <v>52</v>
      </c>
      <c r="EP6" s="356" t="s">
        <v>43</v>
      </c>
      <c r="EQ6" s="357" t="s">
        <v>44</v>
      </c>
      <c r="ER6" s="358" t="s">
        <v>45</v>
      </c>
      <c r="ES6" s="359" t="s">
        <v>46</v>
      </c>
      <c r="ET6" s="357" t="s">
        <v>47</v>
      </c>
      <c r="EU6" s="357" t="s">
        <v>48</v>
      </c>
      <c r="EV6" s="357" t="s">
        <v>49</v>
      </c>
      <c r="EW6" s="357" t="s">
        <v>50</v>
      </c>
      <c r="EX6" s="357" t="s">
        <v>51</v>
      </c>
      <c r="EY6" s="358" t="s">
        <v>45</v>
      </c>
      <c r="EZ6" s="360" t="s">
        <v>52</v>
      </c>
      <c r="FA6" s="356" t="s">
        <v>43</v>
      </c>
      <c r="FB6" s="357" t="s">
        <v>44</v>
      </c>
      <c r="FC6" s="358" t="s">
        <v>45</v>
      </c>
      <c r="FD6" s="359" t="s">
        <v>46</v>
      </c>
      <c r="FE6" s="357" t="s">
        <v>47</v>
      </c>
      <c r="FF6" s="357" t="s">
        <v>48</v>
      </c>
      <c r="FG6" s="357" t="s">
        <v>49</v>
      </c>
      <c r="FH6" s="357" t="s">
        <v>50</v>
      </c>
      <c r="FI6" s="357" t="s">
        <v>51</v>
      </c>
      <c r="FJ6" s="358" t="s">
        <v>45</v>
      </c>
      <c r="FK6" s="360" t="s">
        <v>52</v>
      </c>
      <c r="FL6" s="356" t="s">
        <v>43</v>
      </c>
      <c r="FM6" s="357" t="s">
        <v>44</v>
      </c>
      <c r="FN6" s="358" t="s">
        <v>45</v>
      </c>
      <c r="FO6" s="359" t="s">
        <v>46</v>
      </c>
      <c r="FP6" s="357" t="s">
        <v>47</v>
      </c>
      <c r="FQ6" s="357" t="s">
        <v>48</v>
      </c>
      <c r="FR6" s="357" t="s">
        <v>49</v>
      </c>
      <c r="FS6" s="357" t="s">
        <v>50</v>
      </c>
      <c r="FT6" s="357" t="s">
        <v>51</v>
      </c>
      <c r="FU6" s="358" t="s">
        <v>45</v>
      </c>
      <c r="FV6" s="360" t="s">
        <v>52</v>
      </c>
      <c r="FW6" s="356" t="s">
        <v>43</v>
      </c>
      <c r="FX6" s="357" t="s">
        <v>44</v>
      </c>
      <c r="FY6" s="358" t="s">
        <v>45</v>
      </c>
      <c r="FZ6" s="359" t="s">
        <v>46</v>
      </c>
      <c r="GA6" s="357" t="s">
        <v>47</v>
      </c>
      <c r="GB6" s="357" t="s">
        <v>48</v>
      </c>
      <c r="GC6" s="357" t="s">
        <v>49</v>
      </c>
      <c r="GD6" s="357" t="s">
        <v>50</v>
      </c>
      <c r="GE6" s="357" t="s">
        <v>51</v>
      </c>
      <c r="GF6" s="358" t="s">
        <v>45</v>
      </c>
      <c r="GG6" s="360" t="s">
        <v>52</v>
      </c>
      <c r="GH6" s="356" t="s">
        <v>43</v>
      </c>
      <c r="GI6" s="357" t="s">
        <v>44</v>
      </c>
      <c r="GJ6" s="358" t="s">
        <v>45</v>
      </c>
      <c r="GK6" s="359" t="s">
        <v>46</v>
      </c>
      <c r="GL6" s="357" t="s">
        <v>47</v>
      </c>
      <c r="GM6" s="357" t="s">
        <v>48</v>
      </c>
      <c r="GN6" s="357" t="s">
        <v>49</v>
      </c>
      <c r="GO6" s="357" t="s">
        <v>50</v>
      </c>
      <c r="GP6" s="357" t="s">
        <v>51</v>
      </c>
      <c r="GQ6" s="358" t="s">
        <v>45</v>
      </c>
      <c r="GR6" s="360" t="s">
        <v>52</v>
      </c>
      <c r="GS6" s="51" t="s">
        <v>43</v>
      </c>
      <c r="GT6" s="47" t="s">
        <v>44</v>
      </c>
      <c r="GU6" s="48" t="s">
        <v>45</v>
      </c>
      <c r="GV6" s="52" t="s">
        <v>46</v>
      </c>
      <c r="GW6" s="47" t="s">
        <v>47</v>
      </c>
      <c r="GX6" s="47" t="s">
        <v>48</v>
      </c>
      <c r="GY6" s="47" t="s">
        <v>49</v>
      </c>
      <c r="GZ6" s="47" t="s">
        <v>50</v>
      </c>
      <c r="HA6" s="47" t="s">
        <v>51</v>
      </c>
      <c r="HB6" s="48" t="s">
        <v>45</v>
      </c>
      <c r="HC6" s="351" t="s">
        <v>52</v>
      </c>
      <c r="HD6" s="356" t="s">
        <v>43</v>
      </c>
      <c r="HE6" s="357" t="s">
        <v>44</v>
      </c>
      <c r="HF6" s="358" t="s">
        <v>45</v>
      </c>
      <c r="HG6" s="359" t="s">
        <v>46</v>
      </c>
      <c r="HH6" s="357" t="s">
        <v>47</v>
      </c>
      <c r="HI6" s="357" t="s">
        <v>48</v>
      </c>
      <c r="HJ6" s="357" t="s">
        <v>49</v>
      </c>
      <c r="HK6" s="357" t="s">
        <v>50</v>
      </c>
      <c r="HL6" s="357" t="s">
        <v>51</v>
      </c>
      <c r="HM6" s="358" t="s">
        <v>45</v>
      </c>
      <c r="HN6" s="360" t="s">
        <v>52</v>
      </c>
      <c r="HO6" s="356" t="s">
        <v>43</v>
      </c>
      <c r="HP6" s="357" t="s">
        <v>44</v>
      </c>
      <c r="HQ6" s="358" t="s">
        <v>45</v>
      </c>
      <c r="HR6" s="359" t="s">
        <v>46</v>
      </c>
      <c r="HS6" s="357" t="s">
        <v>47</v>
      </c>
      <c r="HT6" s="357" t="s">
        <v>48</v>
      </c>
      <c r="HU6" s="357" t="s">
        <v>49</v>
      </c>
      <c r="HV6" s="357" t="s">
        <v>50</v>
      </c>
      <c r="HW6" s="357" t="s">
        <v>51</v>
      </c>
      <c r="HX6" s="358" t="s">
        <v>45</v>
      </c>
      <c r="HY6" s="360" t="s">
        <v>52</v>
      </c>
      <c r="HZ6" s="356" t="s">
        <v>43</v>
      </c>
      <c r="IA6" s="357" t="s">
        <v>44</v>
      </c>
      <c r="IB6" s="358" t="s">
        <v>45</v>
      </c>
      <c r="IC6" s="359" t="s">
        <v>46</v>
      </c>
      <c r="ID6" s="357" t="s">
        <v>47</v>
      </c>
      <c r="IE6" s="357" t="s">
        <v>48</v>
      </c>
      <c r="IF6" s="357" t="s">
        <v>49</v>
      </c>
      <c r="IG6" s="357" t="s">
        <v>50</v>
      </c>
      <c r="IH6" s="357" t="s">
        <v>51</v>
      </c>
      <c r="II6" s="358" t="s">
        <v>45</v>
      </c>
      <c r="IJ6" s="360" t="s">
        <v>52</v>
      </c>
      <c r="IK6" s="356" t="s">
        <v>43</v>
      </c>
      <c r="IL6" s="357" t="s">
        <v>44</v>
      </c>
      <c r="IM6" s="358" t="s">
        <v>45</v>
      </c>
      <c r="IN6" s="359" t="s">
        <v>46</v>
      </c>
      <c r="IO6" s="357" t="s">
        <v>47</v>
      </c>
      <c r="IP6" s="357" t="s">
        <v>48</v>
      </c>
      <c r="IQ6" s="357" t="s">
        <v>49</v>
      </c>
      <c r="IR6" s="357" t="s">
        <v>50</v>
      </c>
      <c r="IS6" s="357" t="s">
        <v>51</v>
      </c>
      <c r="IT6" s="358" t="s">
        <v>45</v>
      </c>
      <c r="IU6" s="360" t="s">
        <v>52</v>
      </c>
      <c r="IV6" s="356" t="s">
        <v>43</v>
      </c>
      <c r="IW6" s="357" t="s">
        <v>44</v>
      </c>
      <c r="IX6" s="358" t="s">
        <v>45</v>
      </c>
      <c r="IY6" s="359" t="s">
        <v>46</v>
      </c>
      <c r="IZ6" s="357" t="s">
        <v>47</v>
      </c>
      <c r="JA6" s="357" t="s">
        <v>48</v>
      </c>
      <c r="JB6" s="357" t="s">
        <v>49</v>
      </c>
      <c r="JC6" s="357" t="s">
        <v>50</v>
      </c>
      <c r="JD6" s="357" t="s">
        <v>51</v>
      </c>
      <c r="JE6" s="358" t="s">
        <v>45</v>
      </c>
      <c r="JF6" s="360" t="s">
        <v>52</v>
      </c>
      <c r="JG6" s="356" t="s">
        <v>43</v>
      </c>
      <c r="JH6" s="357" t="s">
        <v>44</v>
      </c>
      <c r="JI6" s="358" t="s">
        <v>45</v>
      </c>
      <c r="JJ6" s="359" t="s">
        <v>46</v>
      </c>
      <c r="JK6" s="357" t="s">
        <v>47</v>
      </c>
      <c r="JL6" s="357" t="s">
        <v>48</v>
      </c>
      <c r="JM6" s="357" t="s">
        <v>49</v>
      </c>
      <c r="JN6" s="357" t="s">
        <v>50</v>
      </c>
      <c r="JO6" s="357" t="s">
        <v>51</v>
      </c>
      <c r="JP6" s="358" t="s">
        <v>45</v>
      </c>
      <c r="JQ6" s="360" t="s">
        <v>52</v>
      </c>
      <c r="JR6" s="356" t="s">
        <v>43</v>
      </c>
      <c r="JS6" s="357" t="s">
        <v>44</v>
      </c>
      <c r="JT6" s="358" t="s">
        <v>45</v>
      </c>
      <c r="JU6" s="359" t="s">
        <v>46</v>
      </c>
      <c r="JV6" s="357" t="s">
        <v>47</v>
      </c>
      <c r="JW6" s="357" t="s">
        <v>48</v>
      </c>
      <c r="JX6" s="357" t="s">
        <v>49</v>
      </c>
      <c r="JY6" s="357" t="s">
        <v>50</v>
      </c>
      <c r="JZ6" s="357" t="s">
        <v>51</v>
      </c>
      <c r="KA6" s="358" t="s">
        <v>45</v>
      </c>
      <c r="KB6" s="360" t="s">
        <v>52</v>
      </c>
      <c r="KC6" s="356" t="s">
        <v>43</v>
      </c>
      <c r="KD6" s="357" t="s">
        <v>44</v>
      </c>
      <c r="KE6" s="358" t="s">
        <v>45</v>
      </c>
      <c r="KF6" s="359" t="s">
        <v>46</v>
      </c>
      <c r="KG6" s="357" t="s">
        <v>47</v>
      </c>
      <c r="KH6" s="357" t="s">
        <v>48</v>
      </c>
      <c r="KI6" s="357" t="s">
        <v>49</v>
      </c>
      <c r="KJ6" s="357" t="s">
        <v>50</v>
      </c>
      <c r="KK6" s="357" t="s">
        <v>51</v>
      </c>
      <c r="KL6" s="358" t="s">
        <v>45</v>
      </c>
      <c r="KM6" s="360" t="s">
        <v>52</v>
      </c>
    </row>
    <row r="7" spans="2:299" ht="21" customHeight="1" x14ac:dyDescent="0.2">
      <c r="B7" s="352" t="s">
        <v>4</v>
      </c>
      <c r="C7" s="314">
        <v>3209</v>
      </c>
      <c r="D7" s="78">
        <v>3066</v>
      </c>
      <c r="E7" s="79">
        <v>6275</v>
      </c>
      <c r="F7" s="240"/>
      <c r="G7" s="78">
        <v>4260</v>
      </c>
      <c r="H7" s="78">
        <v>3856</v>
      </c>
      <c r="I7" s="78">
        <v>2370</v>
      </c>
      <c r="J7" s="78">
        <v>2093</v>
      </c>
      <c r="K7" s="78">
        <v>1310</v>
      </c>
      <c r="L7" s="80">
        <v>13889</v>
      </c>
      <c r="M7" s="81">
        <v>20164</v>
      </c>
      <c r="N7" s="66">
        <v>98</v>
      </c>
      <c r="O7" s="67">
        <v>114</v>
      </c>
      <c r="P7" s="68">
        <v>212</v>
      </c>
      <c r="Q7" s="243"/>
      <c r="R7" s="67">
        <v>103</v>
      </c>
      <c r="S7" s="67">
        <v>133</v>
      </c>
      <c r="T7" s="67">
        <v>70</v>
      </c>
      <c r="U7" s="67">
        <v>75</v>
      </c>
      <c r="V7" s="67">
        <v>75</v>
      </c>
      <c r="W7" s="68">
        <v>456</v>
      </c>
      <c r="X7" s="69">
        <v>668</v>
      </c>
      <c r="Y7" s="66">
        <v>240</v>
      </c>
      <c r="Z7" s="67">
        <v>253</v>
      </c>
      <c r="AA7" s="68">
        <v>493</v>
      </c>
      <c r="AB7" s="243"/>
      <c r="AC7" s="67">
        <v>264</v>
      </c>
      <c r="AD7" s="67">
        <v>300</v>
      </c>
      <c r="AE7" s="67">
        <v>199</v>
      </c>
      <c r="AF7" s="67">
        <v>169</v>
      </c>
      <c r="AG7" s="67">
        <v>137</v>
      </c>
      <c r="AH7" s="68">
        <v>1069</v>
      </c>
      <c r="AI7" s="69">
        <v>1562</v>
      </c>
      <c r="AJ7" s="66">
        <v>366</v>
      </c>
      <c r="AK7" s="67">
        <v>372</v>
      </c>
      <c r="AL7" s="68">
        <v>738</v>
      </c>
      <c r="AM7" s="243"/>
      <c r="AN7" s="67">
        <v>509</v>
      </c>
      <c r="AO7" s="67">
        <v>451</v>
      </c>
      <c r="AP7" s="67">
        <v>257</v>
      </c>
      <c r="AQ7" s="67">
        <v>255</v>
      </c>
      <c r="AR7" s="67">
        <v>180</v>
      </c>
      <c r="AS7" s="68">
        <v>1652</v>
      </c>
      <c r="AT7" s="69">
        <v>2390</v>
      </c>
      <c r="AU7" s="66">
        <v>715</v>
      </c>
      <c r="AV7" s="67">
        <v>718</v>
      </c>
      <c r="AW7" s="68">
        <v>1433</v>
      </c>
      <c r="AX7" s="243"/>
      <c r="AY7" s="67">
        <v>994</v>
      </c>
      <c r="AZ7" s="67">
        <v>804</v>
      </c>
      <c r="BA7" s="67">
        <v>491</v>
      </c>
      <c r="BB7" s="67">
        <v>404</v>
      </c>
      <c r="BC7" s="67">
        <v>271</v>
      </c>
      <c r="BD7" s="68">
        <v>2964</v>
      </c>
      <c r="BE7" s="69">
        <v>4397</v>
      </c>
      <c r="BF7" s="66">
        <v>991</v>
      </c>
      <c r="BG7" s="67">
        <v>870</v>
      </c>
      <c r="BH7" s="68">
        <v>1861</v>
      </c>
      <c r="BI7" s="243"/>
      <c r="BJ7" s="67">
        <v>1227</v>
      </c>
      <c r="BK7" s="67">
        <v>1023</v>
      </c>
      <c r="BL7" s="67">
        <v>632</v>
      </c>
      <c r="BM7" s="67">
        <v>548</v>
      </c>
      <c r="BN7" s="67">
        <v>311</v>
      </c>
      <c r="BO7" s="68">
        <v>3741</v>
      </c>
      <c r="BP7" s="69">
        <v>5602</v>
      </c>
      <c r="BQ7" s="66">
        <v>799</v>
      </c>
      <c r="BR7" s="67">
        <v>739</v>
      </c>
      <c r="BS7" s="68">
        <v>1538</v>
      </c>
      <c r="BT7" s="243"/>
      <c r="BU7" s="67">
        <v>1163</v>
      </c>
      <c r="BV7" s="67">
        <v>1145</v>
      </c>
      <c r="BW7" s="67">
        <v>721</v>
      </c>
      <c r="BX7" s="67">
        <v>642</v>
      </c>
      <c r="BY7" s="67">
        <v>336</v>
      </c>
      <c r="BZ7" s="68">
        <v>4007</v>
      </c>
      <c r="CA7" s="69">
        <v>5545</v>
      </c>
      <c r="CB7" s="66">
        <v>0</v>
      </c>
      <c r="CC7" s="67">
        <v>0</v>
      </c>
      <c r="CD7" s="68">
        <v>0</v>
      </c>
      <c r="CE7" s="243"/>
      <c r="CF7" s="67">
        <v>0</v>
      </c>
      <c r="CG7" s="67">
        <v>0</v>
      </c>
      <c r="CH7" s="67">
        <v>0</v>
      </c>
      <c r="CI7" s="67">
        <v>0</v>
      </c>
      <c r="CJ7" s="67">
        <v>0</v>
      </c>
      <c r="CK7" s="68">
        <v>0</v>
      </c>
      <c r="CL7" s="69">
        <v>0</v>
      </c>
      <c r="CM7" s="66">
        <v>3209</v>
      </c>
      <c r="CN7" s="67">
        <v>3066</v>
      </c>
      <c r="CO7" s="68">
        <v>6275</v>
      </c>
      <c r="CP7" s="243"/>
      <c r="CQ7" s="67">
        <v>4260</v>
      </c>
      <c r="CR7" s="67">
        <v>3856</v>
      </c>
      <c r="CS7" s="67">
        <v>2370</v>
      </c>
      <c r="CT7" s="67">
        <v>2093</v>
      </c>
      <c r="CU7" s="67">
        <v>1310</v>
      </c>
      <c r="CV7" s="68">
        <v>13889</v>
      </c>
      <c r="CW7" s="69">
        <v>20164</v>
      </c>
      <c r="CX7" s="122">
        <v>1180</v>
      </c>
      <c r="CY7" s="78">
        <v>1354</v>
      </c>
      <c r="CZ7" s="79">
        <v>2534</v>
      </c>
      <c r="DA7" s="240"/>
      <c r="DB7" s="78">
        <v>1753</v>
      </c>
      <c r="DC7" s="78">
        <v>1596</v>
      </c>
      <c r="DD7" s="78">
        <v>1134</v>
      </c>
      <c r="DE7" s="78">
        <v>1151</v>
      </c>
      <c r="DF7" s="78">
        <v>755</v>
      </c>
      <c r="DG7" s="80">
        <v>6389</v>
      </c>
      <c r="DH7" s="81">
        <v>8923</v>
      </c>
      <c r="DI7" s="66">
        <v>27</v>
      </c>
      <c r="DJ7" s="67">
        <v>34</v>
      </c>
      <c r="DK7" s="68">
        <v>61</v>
      </c>
      <c r="DL7" s="243"/>
      <c r="DM7" s="67">
        <v>16</v>
      </c>
      <c r="DN7" s="67">
        <v>27</v>
      </c>
      <c r="DO7" s="67">
        <v>26</v>
      </c>
      <c r="DP7" s="67">
        <v>14</v>
      </c>
      <c r="DQ7" s="67">
        <v>16</v>
      </c>
      <c r="DR7" s="68">
        <v>99</v>
      </c>
      <c r="DS7" s="69">
        <v>160</v>
      </c>
      <c r="DT7" s="66">
        <v>87</v>
      </c>
      <c r="DU7" s="67">
        <v>94</v>
      </c>
      <c r="DV7" s="68">
        <v>181</v>
      </c>
      <c r="DW7" s="243"/>
      <c r="DX7" s="67">
        <v>92</v>
      </c>
      <c r="DY7" s="67">
        <v>89</v>
      </c>
      <c r="DZ7" s="67">
        <v>52</v>
      </c>
      <c r="EA7" s="67">
        <v>50</v>
      </c>
      <c r="EB7" s="67">
        <v>28</v>
      </c>
      <c r="EC7" s="68">
        <v>311</v>
      </c>
      <c r="ED7" s="69">
        <v>492</v>
      </c>
      <c r="EE7" s="66">
        <v>182</v>
      </c>
      <c r="EF7" s="67">
        <v>197</v>
      </c>
      <c r="EG7" s="68">
        <v>379</v>
      </c>
      <c r="EH7" s="243"/>
      <c r="EI7" s="67">
        <v>202</v>
      </c>
      <c r="EJ7" s="67">
        <v>163</v>
      </c>
      <c r="EK7" s="67">
        <v>106</v>
      </c>
      <c r="EL7" s="67">
        <v>73</v>
      </c>
      <c r="EM7" s="67">
        <v>70</v>
      </c>
      <c r="EN7" s="68">
        <v>614</v>
      </c>
      <c r="EO7" s="69">
        <v>993</v>
      </c>
      <c r="EP7" s="66">
        <v>335</v>
      </c>
      <c r="EQ7" s="67">
        <v>308</v>
      </c>
      <c r="ER7" s="68">
        <v>643</v>
      </c>
      <c r="ES7" s="243"/>
      <c r="ET7" s="67">
        <v>367</v>
      </c>
      <c r="EU7" s="67">
        <v>284</v>
      </c>
      <c r="EV7" s="67">
        <v>149</v>
      </c>
      <c r="EW7" s="67">
        <v>150</v>
      </c>
      <c r="EX7" s="67">
        <v>101</v>
      </c>
      <c r="EY7" s="68">
        <v>1051</v>
      </c>
      <c r="EZ7" s="69">
        <v>1694</v>
      </c>
      <c r="FA7" s="66">
        <v>322</v>
      </c>
      <c r="FB7" s="67">
        <v>410</v>
      </c>
      <c r="FC7" s="68">
        <v>732</v>
      </c>
      <c r="FD7" s="243"/>
      <c r="FE7" s="67">
        <v>508</v>
      </c>
      <c r="FF7" s="67">
        <v>457</v>
      </c>
      <c r="FG7" s="67">
        <v>298</v>
      </c>
      <c r="FH7" s="67">
        <v>284</v>
      </c>
      <c r="FI7" s="67">
        <v>166</v>
      </c>
      <c r="FJ7" s="68">
        <v>1713</v>
      </c>
      <c r="FK7" s="69">
        <v>2445</v>
      </c>
      <c r="FL7" s="66">
        <v>227</v>
      </c>
      <c r="FM7" s="67">
        <v>311</v>
      </c>
      <c r="FN7" s="68">
        <v>538</v>
      </c>
      <c r="FO7" s="243"/>
      <c r="FP7" s="67">
        <v>568</v>
      </c>
      <c r="FQ7" s="67">
        <v>576</v>
      </c>
      <c r="FR7" s="67">
        <v>503</v>
      </c>
      <c r="FS7" s="67">
        <v>580</v>
      </c>
      <c r="FT7" s="67">
        <v>374</v>
      </c>
      <c r="FU7" s="68">
        <v>2601</v>
      </c>
      <c r="FV7" s="69">
        <v>3139</v>
      </c>
      <c r="FW7" s="66">
        <v>0</v>
      </c>
      <c r="FX7" s="67">
        <v>0</v>
      </c>
      <c r="FY7" s="68">
        <v>0</v>
      </c>
      <c r="FZ7" s="243"/>
      <c r="GA7" s="67">
        <v>0</v>
      </c>
      <c r="GB7" s="67">
        <v>0</v>
      </c>
      <c r="GC7" s="67">
        <v>0</v>
      </c>
      <c r="GD7" s="67">
        <v>0</v>
      </c>
      <c r="GE7" s="67">
        <v>0</v>
      </c>
      <c r="GF7" s="68">
        <v>0</v>
      </c>
      <c r="GG7" s="69">
        <v>0</v>
      </c>
      <c r="GH7" s="66">
        <v>1180</v>
      </c>
      <c r="GI7" s="67">
        <v>1354</v>
      </c>
      <c r="GJ7" s="68">
        <v>2534</v>
      </c>
      <c r="GK7" s="243"/>
      <c r="GL7" s="67">
        <v>1753</v>
      </c>
      <c r="GM7" s="67">
        <v>1596</v>
      </c>
      <c r="GN7" s="67">
        <v>1134</v>
      </c>
      <c r="GO7" s="67">
        <v>1151</v>
      </c>
      <c r="GP7" s="67">
        <v>755</v>
      </c>
      <c r="GQ7" s="68">
        <v>6389</v>
      </c>
      <c r="GR7" s="69">
        <v>8923</v>
      </c>
      <c r="GS7" s="122">
        <v>4389</v>
      </c>
      <c r="GT7" s="78">
        <v>4420</v>
      </c>
      <c r="GU7" s="79">
        <v>8809</v>
      </c>
      <c r="GV7" s="240"/>
      <c r="GW7" s="78">
        <v>6013</v>
      </c>
      <c r="GX7" s="78">
        <v>5452</v>
      </c>
      <c r="GY7" s="78">
        <v>3504</v>
      </c>
      <c r="GZ7" s="78">
        <v>3244</v>
      </c>
      <c r="HA7" s="78">
        <v>2065</v>
      </c>
      <c r="HB7" s="80">
        <v>20278</v>
      </c>
      <c r="HC7" s="81">
        <v>29087</v>
      </c>
      <c r="HD7" s="66">
        <v>125</v>
      </c>
      <c r="HE7" s="67">
        <v>148</v>
      </c>
      <c r="HF7" s="68">
        <v>273</v>
      </c>
      <c r="HG7" s="243"/>
      <c r="HH7" s="67">
        <v>119</v>
      </c>
      <c r="HI7" s="67">
        <v>160</v>
      </c>
      <c r="HJ7" s="67">
        <v>96</v>
      </c>
      <c r="HK7" s="67">
        <v>89</v>
      </c>
      <c r="HL7" s="67">
        <v>91</v>
      </c>
      <c r="HM7" s="68">
        <v>555</v>
      </c>
      <c r="HN7" s="69">
        <v>828</v>
      </c>
      <c r="HO7" s="66">
        <v>327</v>
      </c>
      <c r="HP7" s="67">
        <v>347</v>
      </c>
      <c r="HQ7" s="68">
        <v>674</v>
      </c>
      <c r="HR7" s="243"/>
      <c r="HS7" s="67">
        <v>356</v>
      </c>
      <c r="HT7" s="67">
        <v>389</v>
      </c>
      <c r="HU7" s="67">
        <v>251</v>
      </c>
      <c r="HV7" s="67">
        <v>219</v>
      </c>
      <c r="HW7" s="67">
        <v>165</v>
      </c>
      <c r="HX7" s="68">
        <v>1380</v>
      </c>
      <c r="HY7" s="69">
        <v>2054</v>
      </c>
      <c r="HZ7" s="66">
        <v>548</v>
      </c>
      <c r="IA7" s="67">
        <v>569</v>
      </c>
      <c r="IB7" s="68">
        <v>1117</v>
      </c>
      <c r="IC7" s="243"/>
      <c r="ID7" s="67">
        <v>711</v>
      </c>
      <c r="IE7" s="67">
        <v>614</v>
      </c>
      <c r="IF7" s="67">
        <v>363</v>
      </c>
      <c r="IG7" s="67">
        <v>328</v>
      </c>
      <c r="IH7" s="67">
        <v>250</v>
      </c>
      <c r="II7" s="68">
        <v>2266</v>
      </c>
      <c r="IJ7" s="69">
        <v>3383</v>
      </c>
      <c r="IK7" s="66">
        <v>1050</v>
      </c>
      <c r="IL7" s="67">
        <v>1026</v>
      </c>
      <c r="IM7" s="68">
        <v>2076</v>
      </c>
      <c r="IN7" s="243"/>
      <c r="IO7" s="67">
        <v>1361</v>
      </c>
      <c r="IP7" s="67">
        <v>1088</v>
      </c>
      <c r="IQ7" s="67">
        <v>640</v>
      </c>
      <c r="IR7" s="67">
        <v>554</v>
      </c>
      <c r="IS7" s="67">
        <v>372</v>
      </c>
      <c r="IT7" s="68">
        <v>4015</v>
      </c>
      <c r="IU7" s="69">
        <v>6091</v>
      </c>
      <c r="IV7" s="66">
        <v>1313</v>
      </c>
      <c r="IW7" s="67">
        <v>1280</v>
      </c>
      <c r="IX7" s="68">
        <v>2593</v>
      </c>
      <c r="IY7" s="243"/>
      <c r="IZ7" s="67">
        <v>1735</v>
      </c>
      <c r="JA7" s="67">
        <v>1480</v>
      </c>
      <c r="JB7" s="67">
        <v>930</v>
      </c>
      <c r="JC7" s="67">
        <v>832</v>
      </c>
      <c r="JD7" s="67">
        <v>477</v>
      </c>
      <c r="JE7" s="68">
        <v>5454</v>
      </c>
      <c r="JF7" s="69">
        <v>8047</v>
      </c>
      <c r="JG7" s="66">
        <v>1026</v>
      </c>
      <c r="JH7" s="67">
        <v>1050</v>
      </c>
      <c r="JI7" s="68">
        <v>2076</v>
      </c>
      <c r="JJ7" s="243"/>
      <c r="JK7" s="67">
        <v>1731</v>
      </c>
      <c r="JL7" s="67">
        <v>1721</v>
      </c>
      <c r="JM7" s="67">
        <v>1224</v>
      </c>
      <c r="JN7" s="67">
        <v>1222</v>
      </c>
      <c r="JO7" s="67">
        <v>710</v>
      </c>
      <c r="JP7" s="68">
        <v>6608</v>
      </c>
      <c r="JQ7" s="69">
        <v>8684</v>
      </c>
      <c r="JR7" s="66">
        <v>0</v>
      </c>
      <c r="JS7" s="67">
        <v>0</v>
      </c>
      <c r="JT7" s="68">
        <v>0</v>
      </c>
      <c r="JU7" s="243"/>
      <c r="JV7" s="67">
        <v>0</v>
      </c>
      <c r="JW7" s="67">
        <v>0</v>
      </c>
      <c r="JX7" s="67">
        <v>0</v>
      </c>
      <c r="JY7" s="67">
        <v>0</v>
      </c>
      <c r="JZ7" s="67">
        <v>0</v>
      </c>
      <c r="KA7" s="68">
        <v>0</v>
      </c>
      <c r="KB7" s="69">
        <v>0</v>
      </c>
      <c r="KC7" s="66">
        <v>4389</v>
      </c>
      <c r="KD7" s="67">
        <v>4420</v>
      </c>
      <c r="KE7" s="68">
        <v>8809</v>
      </c>
      <c r="KF7" s="243"/>
      <c r="KG7" s="67">
        <v>6013</v>
      </c>
      <c r="KH7" s="67">
        <v>5452</v>
      </c>
      <c r="KI7" s="67">
        <v>3504</v>
      </c>
      <c r="KJ7" s="67">
        <v>3244</v>
      </c>
      <c r="KK7" s="67">
        <v>2065</v>
      </c>
      <c r="KL7" s="68">
        <v>20278</v>
      </c>
      <c r="KM7" s="69">
        <v>29087</v>
      </c>
    </row>
    <row r="8" spans="2:299" ht="21" customHeight="1" x14ac:dyDescent="0.2">
      <c r="B8" s="126" t="s">
        <v>5</v>
      </c>
      <c r="C8" s="315">
        <v>1466</v>
      </c>
      <c r="D8" s="82">
        <v>1567</v>
      </c>
      <c r="E8" s="83">
        <v>3033</v>
      </c>
      <c r="F8" s="241"/>
      <c r="G8" s="82">
        <v>1592</v>
      </c>
      <c r="H8" s="82">
        <v>1867</v>
      </c>
      <c r="I8" s="82">
        <v>1085</v>
      </c>
      <c r="J8" s="82">
        <v>929</v>
      </c>
      <c r="K8" s="82">
        <v>549</v>
      </c>
      <c r="L8" s="84">
        <v>6022</v>
      </c>
      <c r="M8" s="85">
        <v>9055</v>
      </c>
      <c r="N8" s="70">
        <v>51</v>
      </c>
      <c r="O8" s="71">
        <v>54</v>
      </c>
      <c r="P8" s="72">
        <v>105</v>
      </c>
      <c r="Q8" s="244"/>
      <c r="R8" s="71">
        <v>31</v>
      </c>
      <c r="S8" s="71">
        <v>59</v>
      </c>
      <c r="T8" s="71">
        <v>31</v>
      </c>
      <c r="U8" s="71">
        <v>27</v>
      </c>
      <c r="V8" s="71">
        <v>28</v>
      </c>
      <c r="W8" s="72">
        <v>176</v>
      </c>
      <c r="X8" s="73">
        <v>281</v>
      </c>
      <c r="Y8" s="70">
        <v>92</v>
      </c>
      <c r="Z8" s="71">
        <v>124</v>
      </c>
      <c r="AA8" s="72">
        <v>216</v>
      </c>
      <c r="AB8" s="244"/>
      <c r="AC8" s="71">
        <v>75</v>
      </c>
      <c r="AD8" s="71">
        <v>124</v>
      </c>
      <c r="AE8" s="71">
        <v>89</v>
      </c>
      <c r="AF8" s="71">
        <v>84</v>
      </c>
      <c r="AG8" s="71">
        <v>58</v>
      </c>
      <c r="AH8" s="72">
        <v>430</v>
      </c>
      <c r="AI8" s="73">
        <v>646</v>
      </c>
      <c r="AJ8" s="70">
        <v>158</v>
      </c>
      <c r="AK8" s="71">
        <v>176</v>
      </c>
      <c r="AL8" s="72">
        <v>334</v>
      </c>
      <c r="AM8" s="244"/>
      <c r="AN8" s="71">
        <v>183</v>
      </c>
      <c r="AO8" s="71">
        <v>191</v>
      </c>
      <c r="AP8" s="71">
        <v>105</v>
      </c>
      <c r="AQ8" s="71">
        <v>109</v>
      </c>
      <c r="AR8" s="71">
        <v>65</v>
      </c>
      <c r="AS8" s="72">
        <v>653</v>
      </c>
      <c r="AT8" s="73">
        <v>987</v>
      </c>
      <c r="AU8" s="70">
        <v>343</v>
      </c>
      <c r="AV8" s="71">
        <v>382</v>
      </c>
      <c r="AW8" s="72">
        <v>725</v>
      </c>
      <c r="AX8" s="244"/>
      <c r="AY8" s="71">
        <v>342</v>
      </c>
      <c r="AZ8" s="71">
        <v>391</v>
      </c>
      <c r="BA8" s="71">
        <v>219</v>
      </c>
      <c r="BB8" s="71">
        <v>184</v>
      </c>
      <c r="BC8" s="71">
        <v>115</v>
      </c>
      <c r="BD8" s="72">
        <v>1251</v>
      </c>
      <c r="BE8" s="73">
        <v>1976</v>
      </c>
      <c r="BF8" s="70">
        <v>464</v>
      </c>
      <c r="BG8" s="71">
        <v>448</v>
      </c>
      <c r="BH8" s="72">
        <v>912</v>
      </c>
      <c r="BI8" s="244"/>
      <c r="BJ8" s="71">
        <v>491</v>
      </c>
      <c r="BK8" s="71">
        <v>506</v>
      </c>
      <c r="BL8" s="71">
        <v>281</v>
      </c>
      <c r="BM8" s="71">
        <v>246</v>
      </c>
      <c r="BN8" s="71">
        <v>132</v>
      </c>
      <c r="BO8" s="72">
        <v>1656</v>
      </c>
      <c r="BP8" s="73">
        <v>2568</v>
      </c>
      <c r="BQ8" s="70">
        <v>358</v>
      </c>
      <c r="BR8" s="71">
        <v>383</v>
      </c>
      <c r="BS8" s="72">
        <v>741</v>
      </c>
      <c r="BT8" s="244"/>
      <c r="BU8" s="71">
        <v>470</v>
      </c>
      <c r="BV8" s="71">
        <v>596</v>
      </c>
      <c r="BW8" s="71">
        <v>360</v>
      </c>
      <c r="BX8" s="71">
        <v>279</v>
      </c>
      <c r="BY8" s="71">
        <v>151</v>
      </c>
      <c r="BZ8" s="72">
        <v>1856</v>
      </c>
      <c r="CA8" s="73">
        <v>2597</v>
      </c>
      <c r="CB8" s="70">
        <v>0</v>
      </c>
      <c r="CC8" s="71">
        <v>0</v>
      </c>
      <c r="CD8" s="72">
        <v>0</v>
      </c>
      <c r="CE8" s="244"/>
      <c r="CF8" s="71">
        <v>0</v>
      </c>
      <c r="CG8" s="71">
        <v>0</v>
      </c>
      <c r="CH8" s="71">
        <v>0</v>
      </c>
      <c r="CI8" s="71">
        <v>0</v>
      </c>
      <c r="CJ8" s="71">
        <v>0</v>
      </c>
      <c r="CK8" s="72">
        <v>0</v>
      </c>
      <c r="CL8" s="73">
        <v>0</v>
      </c>
      <c r="CM8" s="70">
        <v>1466</v>
      </c>
      <c r="CN8" s="71">
        <v>1567</v>
      </c>
      <c r="CO8" s="72">
        <v>3033</v>
      </c>
      <c r="CP8" s="244"/>
      <c r="CQ8" s="71">
        <v>1592</v>
      </c>
      <c r="CR8" s="71">
        <v>1867</v>
      </c>
      <c r="CS8" s="71">
        <v>1085</v>
      </c>
      <c r="CT8" s="71">
        <v>929</v>
      </c>
      <c r="CU8" s="71">
        <v>549</v>
      </c>
      <c r="CV8" s="72">
        <v>6022</v>
      </c>
      <c r="CW8" s="73">
        <v>9055</v>
      </c>
      <c r="CX8" s="123">
        <v>461</v>
      </c>
      <c r="CY8" s="82">
        <v>629</v>
      </c>
      <c r="CZ8" s="83">
        <v>1090</v>
      </c>
      <c r="DA8" s="241"/>
      <c r="DB8" s="82">
        <v>622</v>
      </c>
      <c r="DC8" s="82">
        <v>791</v>
      </c>
      <c r="DD8" s="82">
        <v>475</v>
      </c>
      <c r="DE8" s="82">
        <v>509</v>
      </c>
      <c r="DF8" s="82">
        <v>330</v>
      </c>
      <c r="DG8" s="84">
        <v>2727</v>
      </c>
      <c r="DH8" s="85">
        <v>3817</v>
      </c>
      <c r="DI8" s="70">
        <v>10</v>
      </c>
      <c r="DJ8" s="71">
        <v>13</v>
      </c>
      <c r="DK8" s="72">
        <v>23</v>
      </c>
      <c r="DL8" s="244"/>
      <c r="DM8" s="71">
        <v>8</v>
      </c>
      <c r="DN8" s="71">
        <v>16</v>
      </c>
      <c r="DO8" s="71">
        <v>11</v>
      </c>
      <c r="DP8" s="71">
        <v>7</v>
      </c>
      <c r="DQ8" s="71">
        <v>4</v>
      </c>
      <c r="DR8" s="72">
        <v>46</v>
      </c>
      <c r="DS8" s="73">
        <v>69</v>
      </c>
      <c r="DT8" s="70">
        <v>34</v>
      </c>
      <c r="DU8" s="71">
        <v>41</v>
      </c>
      <c r="DV8" s="72">
        <v>75</v>
      </c>
      <c r="DW8" s="244"/>
      <c r="DX8" s="71">
        <v>22</v>
      </c>
      <c r="DY8" s="71">
        <v>40</v>
      </c>
      <c r="DZ8" s="71">
        <v>21</v>
      </c>
      <c r="EA8" s="71">
        <v>25</v>
      </c>
      <c r="EB8" s="71">
        <v>14</v>
      </c>
      <c r="EC8" s="72">
        <v>122</v>
      </c>
      <c r="ED8" s="73">
        <v>197</v>
      </c>
      <c r="EE8" s="70">
        <v>69</v>
      </c>
      <c r="EF8" s="71">
        <v>94</v>
      </c>
      <c r="EG8" s="72">
        <v>163</v>
      </c>
      <c r="EH8" s="244"/>
      <c r="EI8" s="71">
        <v>70</v>
      </c>
      <c r="EJ8" s="71">
        <v>75</v>
      </c>
      <c r="EK8" s="71">
        <v>47</v>
      </c>
      <c r="EL8" s="71">
        <v>29</v>
      </c>
      <c r="EM8" s="71">
        <v>34</v>
      </c>
      <c r="EN8" s="72">
        <v>255</v>
      </c>
      <c r="EO8" s="73">
        <v>418</v>
      </c>
      <c r="EP8" s="70">
        <v>133</v>
      </c>
      <c r="EQ8" s="71">
        <v>136</v>
      </c>
      <c r="ER8" s="72">
        <v>269</v>
      </c>
      <c r="ES8" s="244"/>
      <c r="ET8" s="71">
        <v>126</v>
      </c>
      <c r="EU8" s="71">
        <v>136</v>
      </c>
      <c r="EV8" s="71">
        <v>65</v>
      </c>
      <c r="EW8" s="71">
        <v>69</v>
      </c>
      <c r="EX8" s="71">
        <v>37</v>
      </c>
      <c r="EY8" s="72">
        <v>433</v>
      </c>
      <c r="EZ8" s="73">
        <v>702</v>
      </c>
      <c r="FA8" s="70">
        <v>122</v>
      </c>
      <c r="FB8" s="71">
        <v>204</v>
      </c>
      <c r="FC8" s="72">
        <v>326</v>
      </c>
      <c r="FD8" s="244"/>
      <c r="FE8" s="71">
        <v>195</v>
      </c>
      <c r="FF8" s="71">
        <v>249</v>
      </c>
      <c r="FG8" s="71">
        <v>122</v>
      </c>
      <c r="FH8" s="71">
        <v>137</v>
      </c>
      <c r="FI8" s="71">
        <v>82</v>
      </c>
      <c r="FJ8" s="72">
        <v>785</v>
      </c>
      <c r="FK8" s="73">
        <v>1111</v>
      </c>
      <c r="FL8" s="70">
        <v>93</v>
      </c>
      <c r="FM8" s="71">
        <v>141</v>
      </c>
      <c r="FN8" s="72">
        <v>234</v>
      </c>
      <c r="FO8" s="244"/>
      <c r="FP8" s="71">
        <v>201</v>
      </c>
      <c r="FQ8" s="71">
        <v>275</v>
      </c>
      <c r="FR8" s="71">
        <v>209</v>
      </c>
      <c r="FS8" s="71">
        <v>242</v>
      </c>
      <c r="FT8" s="71">
        <v>159</v>
      </c>
      <c r="FU8" s="72">
        <v>1086</v>
      </c>
      <c r="FV8" s="73">
        <v>1320</v>
      </c>
      <c r="FW8" s="70">
        <v>0</v>
      </c>
      <c r="FX8" s="71">
        <v>0</v>
      </c>
      <c r="FY8" s="72">
        <v>0</v>
      </c>
      <c r="FZ8" s="244"/>
      <c r="GA8" s="71">
        <v>0</v>
      </c>
      <c r="GB8" s="71">
        <v>0</v>
      </c>
      <c r="GC8" s="71">
        <v>0</v>
      </c>
      <c r="GD8" s="71">
        <v>0</v>
      </c>
      <c r="GE8" s="71">
        <v>0</v>
      </c>
      <c r="GF8" s="72">
        <v>0</v>
      </c>
      <c r="GG8" s="73">
        <v>0</v>
      </c>
      <c r="GH8" s="70">
        <v>461</v>
      </c>
      <c r="GI8" s="71">
        <v>629</v>
      </c>
      <c r="GJ8" s="72">
        <v>1090</v>
      </c>
      <c r="GK8" s="244"/>
      <c r="GL8" s="71">
        <v>622</v>
      </c>
      <c r="GM8" s="71">
        <v>791</v>
      </c>
      <c r="GN8" s="71">
        <v>475</v>
      </c>
      <c r="GO8" s="71">
        <v>509</v>
      </c>
      <c r="GP8" s="71">
        <v>330</v>
      </c>
      <c r="GQ8" s="72">
        <v>2727</v>
      </c>
      <c r="GR8" s="73">
        <v>3817</v>
      </c>
      <c r="GS8" s="123">
        <v>1927</v>
      </c>
      <c r="GT8" s="82">
        <v>2196</v>
      </c>
      <c r="GU8" s="83">
        <v>4123</v>
      </c>
      <c r="GV8" s="241"/>
      <c r="GW8" s="82">
        <v>2214</v>
      </c>
      <c r="GX8" s="82">
        <v>2658</v>
      </c>
      <c r="GY8" s="82">
        <v>1560</v>
      </c>
      <c r="GZ8" s="82">
        <v>1438</v>
      </c>
      <c r="HA8" s="82">
        <v>879</v>
      </c>
      <c r="HB8" s="84">
        <v>8749</v>
      </c>
      <c r="HC8" s="85">
        <v>12872</v>
      </c>
      <c r="HD8" s="70">
        <v>61</v>
      </c>
      <c r="HE8" s="71">
        <v>67</v>
      </c>
      <c r="HF8" s="72">
        <v>128</v>
      </c>
      <c r="HG8" s="244"/>
      <c r="HH8" s="71">
        <v>39</v>
      </c>
      <c r="HI8" s="71">
        <v>75</v>
      </c>
      <c r="HJ8" s="71">
        <v>42</v>
      </c>
      <c r="HK8" s="71">
        <v>34</v>
      </c>
      <c r="HL8" s="71">
        <v>32</v>
      </c>
      <c r="HM8" s="72">
        <v>222</v>
      </c>
      <c r="HN8" s="73">
        <v>350</v>
      </c>
      <c r="HO8" s="70">
        <v>126</v>
      </c>
      <c r="HP8" s="71">
        <v>165</v>
      </c>
      <c r="HQ8" s="72">
        <v>291</v>
      </c>
      <c r="HR8" s="244"/>
      <c r="HS8" s="71">
        <v>97</v>
      </c>
      <c r="HT8" s="71">
        <v>164</v>
      </c>
      <c r="HU8" s="71">
        <v>110</v>
      </c>
      <c r="HV8" s="71">
        <v>109</v>
      </c>
      <c r="HW8" s="71">
        <v>72</v>
      </c>
      <c r="HX8" s="72">
        <v>552</v>
      </c>
      <c r="HY8" s="73">
        <v>843</v>
      </c>
      <c r="HZ8" s="70">
        <v>227</v>
      </c>
      <c r="IA8" s="71">
        <v>270</v>
      </c>
      <c r="IB8" s="72">
        <v>497</v>
      </c>
      <c r="IC8" s="244"/>
      <c r="ID8" s="71">
        <v>253</v>
      </c>
      <c r="IE8" s="71">
        <v>266</v>
      </c>
      <c r="IF8" s="71">
        <v>152</v>
      </c>
      <c r="IG8" s="71">
        <v>138</v>
      </c>
      <c r="IH8" s="71">
        <v>99</v>
      </c>
      <c r="II8" s="72">
        <v>908</v>
      </c>
      <c r="IJ8" s="73">
        <v>1405</v>
      </c>
      <c r="IK8" s="70">
        <v>476</v>
      </c>
      <c r="IL8" s="71">
        <v>518</v>
      </c>
      <c r="IM8" s="72">
        <v>994</v>
      </c>
      <c r="IN8" s="244"/>
      <c r="IO8" s="71">
        <v>468</v>
      </c>
      <c r="IP8" s="71">
        <v>527</v>
      </c>
      <c r="IQ8" s="71">
        <v>284</v>
      </c>
      <c r="IR8" s="71">
        <v>253</v>
      </c>
      <c r="IS8" s="71">
        <v>152</v>
      </c>
      <c r="IT8" s="72">
        <v>1684</v>
      </c>
      <c r="IU8" s="73">
        <v>2678</v>
      </c>
      <c r="IV8" s="70">
        <v>586</v>
      </c>
      <c r="IW8" s="71">
        <v>652</v>
      </c>
      <c r="IX8" s="72">
        <v>1238</v>
      </c>
      <c r="IY8" s="244"/>
      <c r="IZ8" s="71">
        <v>686</v>
      </c>
      <c r="JA8" s="71">
        <v>755</v>
      </c>
      <c r="JB8" s="71">
        <v>403</v>
      </c>
      <c r="JC8" s="71">
        <v>383</v>
      </c>
      <c r="JD8" s="71">
        <v>214</v>
      </c>
      <c r="JE8" s="72">
        <v>2441</v>
      </c>
      <c r="JF8" s="73">
        <v>3679</v>
      </c>
      <c r="JG8" s="70">
        <v>451</v>
      </c>
      <c r="JH8" s="71">
        <v>524</v>
      </c>
      <c r="JI8" s="72">
        <v>975</v>
      </c>
      <c r="JJ8" s="244"/>
      <c r="JK8" s="71">
        <v>671</v>
      </c>
      <c r="JL8" s="71">
        <v>871</v>
      </c>
      <c r="JM8" s="71">
        <v>569</v>
      </c>
      <c r="JN8" s="71">
        <v>521</v>
      </c>
      <c r="JO8" s="71">
        <v>310</v>
      </c>
      <c r="JP8" s="72">
        <v>2942</v>
      </c>
      <c r="JQ8" s="73">
        <v>3917</v>
      </c>
      <c r="JR8" s="70">
        <v>0</v>
      </c>
      <c r="JS8" s="71">
        <v>0</v>
      </c>
      <c r="JT8" s="72">
        <v>0</v>
      </c>
      <c r="JU8" s="244"/>
      <c r="JV8" s="71">
        <v>0</v>
      </c>
      <c r="JW8" s="71">
        <v>0</v>
      </c>
      <c r="JX8" s="71">
        <v>0</v>
      </c>
      <c r="JY8" s="71">
        <v>0</v>
      </c>
      <c r="JZ8" s="71">
        <v>0</v>
      </c>
      <c r="KA8" s="72">
        <v>0</v>
      </c>
      <c r="KB8" s="73">
        <v>0</v>
      </c>
      <c r="KC8" s="70">
        <v>1927</v>
      </c>
      <c r="KD8" s="71">
        <v>2196</v>
      </c>
      <c r="KE8" s="72">
        <v>4123</v>
      </c>
      <c r="KF8" s="244"/>
      <c r="KG8" s="71">
        <v>2214</v>
      </c>
      <c r="KH8" s="71">
        <v>2658</v>
      </c>
      <c r="KI8" s="71">
        <v>1560</v>
      </c>
      <c r="KJ8" s="71">
        <v>1438</v>
      </c>
      <c r="KK8" s="71">
        <v>879</v>
      </c>
      <c r="KL8" s="72">
        <v>8749</v>
      </c>
      <c r="KM8" s="73">
        <v>12872</v>
      </c>
    </row>
    <row r="9" spans="2:299" ht="21" customHeight="1" x14ac:dyDescent="0.2">
      <c r="B9" s="126" t="s">
        <v>6</v>
      </c>
      <c r="C9" s="315">
        <v>424</v>
      </c>
      <c r="D9" s="82">
        <v>374</v>
      </c>
      <c r="E9" s="83">
        <v>798</v>
      </c>
      <c r="F9" s="241"/>
      <c r="G9" s="82">
        <v>754</v>
      </c>
      <c r="H9" s="82">
        <v>505</v>
      </c>
      <c r="I9" s="82">
        <v>379</v>
      </c>
      <c r="J9" s="82">
        <v>340</v>
      </c>
      <c r="K9" s="82">
        <v>221</v>
      </c>
      <c r="L9" s="84">
        <v>2199</v>
      </c>
      <c r="M9" s="85">
        <v>2997</v>
      </c>
      <c r="N9" s="70">
        <v>11</v>
      </c>
      <c r="O9" s="71">
        <v>22</v>
      </c>
      <c r="P9" s="72">
        <v>33</v>
      </c>
      <c r="Q9" s="244"/>
      <c r="R9" s="71">
        <v>19</v>
      </c>
      <c r="S9" s="71">
        <v>20</v>
      </c>
      <c r="T9" s="71">
        <v>9</v>
      </c>
      <c r="U9" s="71">
        <v>16</v>
      </c>
      <c r="V9" s="71">
        <v>14</v>
      </c>
      <c r="W9" s="72">
        <v>78</v>
      </c>
      <c r="X9" s="73">
        <v>111</v>
      </c>
      <c r="Y9" s="70">
        <v>35</v>
      </c>
      <c r="Z9" s="71">
        <v>28</v>
      </c>
      <c r="AA9" s="72">
        <v>63</v>
      </c>
      <c r="AB9" s="244"/>
      <c r="AC9" s="71">
        <v>56</v>
      </c>
      <c r="AD9" s="71">
        <v>41</v>
      </c>
      <c r="AE9" s="71">
        <v>34</v>
      </c>
      <c r="AF9" s="71">
        <v>23</v>
      </c>
      <c r="AG9" s="71">
        <v>19</v>
      </c>
      <c r="AH9" s="72">
        <v>173</v>
      </c>
      <c r="AI9" s="73">
        <v>236</v>
      </c>
      <c r="AJ9" s="70">
        <v>52</v>
      </c>
      <c r="AK9" s="71">
        <v>54</v>
      </c>
      <c r="AL9" s="72">
        <v>106</v>
      </c>
      <c r="AM9" s="244"/>
      <c r="AN9" s="71">
        <v>93</v>
      </c>
      <c r="AO9" s="71">
        <v>57</v>
      </c>
      <c r="AP9" s="71">
        <v>54</v>
      </c>
      <c r="AQ9" s="71">
        <v>40</v>
      </c>
      <c r="AR9" s="71">
        <v>39</v>
      </c>
      <c r="AS9" s="72">
        <v>283</v>
      </c>
      <c r="AT9" s="73">
        <v>389</v>
      </c>
      <c r="AU9" s="70">
        <v>81</v>
      </c>
      <c r="AV9" s="71">
        <v>81</v>
      </c>
      <c r="AW9" s="72">
        <v>162</v>
      </c>
      <c r="AX9" s="244"/>
      <c r="AY9" s="71">
        <v>180</v>
      </c>
      <c r="AZ9" s="71">
        <v>98</v>
      </c>
      <c r="BA9" s="71">
        <v>72</v>
      </c>
      <c r="BB9" s="71">
        <v>63</v>
      </c>
      <c r="BC9" s="71">
        <v>39</v>
      </c>
      <c r="BD9" s="72">
        <v>452</v>
      </c>
      <c r="BE9" s="73">
        <v>614</v>
      </c>
      <c r="BF9" s="70">
        <v>134</v>
      </c>
      <c r="BG9" s="71">
        <v>95</v>
      </c>
      <c r="BH9" s="72">
        <v>229</v>
      </c>
      <c r="BI9" s="244"/>
      <c r="BJ9" s="71">
        <v>197</v>
      </c>
      <c r="BK9" s="71">
        <v>136</v>
      </c>
      <c r="BL9" s="71">
        <v>97</v>
      </c>
      <c r="BM9" s="71">
        <v>91</v>
      </c>
      <c r="BN9" s="71">
        <v>58</v>
      </c>
      <c r="BO9" s="72">
        <v>579</v>
      </c>
      <c r="BP9" s="73">
        <v>808</v>
      </c>
      <c r="BQ9" s="70">
        <v>111</v>
      </c>
      <c r="BR9" s="71">
        <v>94</v>
      </c>
      <c r="BS9" s="72">
        <v>205</v>
      </c>
      <c r="BT9" s="244"/>
      <c r="BU9" s="71">
        <v>209</v>
      </c>
      <c r="BV9" s="71">
        <v>153</v>
      </c>
      <c r="BW9" s="71">
        <v>113</v>
      </c>
      <c r="BX9" s="71">
        <v>107</v>
      </c>
      <c r="BY9" s="71">
        <v>52</v>
      </c>
      <c r="BZ9" s="72">
        <v>634</v>
      </c>
      <c r="CA9" s="73">
        <v>839</v>
      </c>
      <c r="CB9" s="70">
        <v>0</v>
      </c>
      <c r="CC9" s="71">
        <v>0</v>
      </c>
      <c r="CD9" s="72">
        <v>0</v>
      </c>
      <c r="CE9" s="244"/>
      <c r="CF9" s="71">
        <v>0</v>
      </c>
      <c r="CG9" s="71">
        <v>0</v>
      </c>
      <c r="CH9" s="71">
        <v>0</v>
      </c>
      <c r="CI9" s="71">
        <v>0</v>
      </c>
      <c r="CJ9" s="71">
        <v>0</v>
      </c>
      <c r="CK9" s="72">
        <v>0</v>
      </c>
      <c r="CL9" s="73">
        <v>0</v>
      </c>
      <c r="CM9" s="70">
        <v>424</v>
      </c>
      <c r="CN9" s="71">
        <v>374</v>
      </c>
      <c r="CO9" s="72">
        <v>798</v>
      </c>
      <c r="CP9" s="244"/>
      <c r="CQ9" s="71">
        <v>754</v>
      </c>
      <c r="CR9" s="71">
        <v>505</v>
      </c>
      <c r="CS9" s="71">
        <v>379</v>
      </c>
      <c r="CT9" s="71">
        <v>340</v>
      </c>
      <c r="CU9" s="71">
        <v>221</v>
      </c>
      <c r="CV9" s="72">
        <v>2199</v>
      </c>
      <c r="CW9" s="73">
        <v>2997</v>
      </c>
      <c r="CX9" s="123">
        <v>206</v>
      </c>
      <c r="CY9" s="82">
        <v>216</v>
      </c>
      <c r="CZ9" s="83">
        <v>422</v>
      </c>
      <c r="DA9" s="241"/>
      <c r="DB9" s="82">
        <v>394</v>
      </c>
      <c r="DC9" s="82">
        <v>258</v>
      </c>
      <c r="DD9" s="82">
        <v>196</v>
      </c>
      <c r="DE9" s="82">
        <v>202</v>
      </c>
      <c r="DF9" s="82">
        <v>131</v>
      </c>
      <c r="DG9" s="84">
        <v>1181</v>
      </c>
      <c r="DH9" s="85">
        <v>1603</v>
      </c>
      <c r="DI9" s="70">
        <v>2</v>
      </c>
      <c r="DJ9" s="71">
        <v>7</v>
      </c>
      <c r="DK9" s="72">
        <v>9</v>
      </c>
      <c r="DL9" s="244"/>
      <c r="DM9" s="71">
        <v>1</v>
      </c>
      <c r="DN9" s="71">
        <v>6</v>
      </c>
      <c r="DO9" s="71">
        <v>5</v>
      </c>
      <c r="DP9" s="71">
        <v>4</v>
      </c>
      <c r="DQ9" s="71">
        <v>3</v>
      </c>
      <c r="DR9" s="72">
        <v>19</v>
      </c>
      <c r="DS9" s="73">
        <v>28</v>
      </c>
      <c r="DT9" s="70">
        <v>9</v>
      </c>
      <c r="DU9" s="71">
        <v>16</v>
      </c>
      <c r="DV9" s="72">
        <v>25</v>
      </c>
      <c r="DW9" s="244"/>
      <c r="DX9" s="71">
        <v>25</v>
      </c>
      <c r="DY9" s="71">
        <v>19</v>
      </c>
      <c r="DZ9" s="71">
        <v>9</v>
      </c>
      <c r="EA9" s="71">
        <v>10</v>
      </c>
      <c r="EB9" s="71">
        <v>2</v>
      </c>
      <c r="EC9" s="72">
        <v>65</v>
      </c>
      <c r="ED9" s="73">
        <v>90</v>
      </c>
      <c r="EE9" s="70">
        <v>32</v>
      </c>
      <c r="EF9" s="71">
        <v>27</v>
      </c>
      <c r="EG9" s="72">
        <v>59</v>
      </c>
      <c r="EH9" s="244"/>
      <c r="EI9" s="71">
        <v>54</v>
      </c>
      <c r="EJ9" s="71">
        <v>27</v>
      </c>
      <c r="EK9" s="71">
        <v>15</v>
      </c>
      <c r="EL9" s="71">
        <v>18</v>
      </c>
      <c r="EM9" s="71">
        <v>16</v>
      </c>
      <c r="EN9" s="72">
        <v>130</v>
      </c>
      <c r="EO9" s="73">
        <v>189</v>
      </c>
      <c r="EP9" s="70">
        <v>55</v>
      </c>
      <c r="EQ9" s="71">
        <v>44</v>
      </c>
      <c r="ER9" s="72">
        <v>99</v>
      </c>
      <c r="ES9" s="244"/>
      <c r="ET9" s="71">
        <v>78</v>
      </c>
      <c r="EU9" s="71">
        <v>59</v>
      </c>
      <c r="EV9" s="71">
        <v>24</v>
      </c>
      <c r="EW9" s="71">
        <v>22</v>
      </c>
      <c r="EX9" s="71">
        <v>22</v>
      </c>
      <c r="EY9" s="72">
        <v>205</v>
      </c>
      <c r="EZ9" s="73">
        <v>304</v>
      </c>
      <c r="FA9" s="70">
        <v>64</v>
      </c>
      <c r="FB9" s="71">
        <v>71</v>
      </c>
      <c r="FC9" s="72">
        <v>135</v>
      </c>
      <c r="FD9" s="244"/>
      <c r="FE9" s="71">
        <v>110</v>
      </c>
      <c r="FF9" s="71">
        <v>65</v>
      </c>
      <c r="FG9" s="71">
        <v>57</v>
      </c>
      <c r="FH9" s="71">
        <v>50</v>
      </c>
      <c r="FI9" s="71">
        <v>26</v>
      </c>
      <c r="FJ9" s="72">
        <v>308</v>
      </c>
      <c r="FK9" s="73">
        <v>443</v>
      </c>
      <c r="FL9" s="70">
        <v>44</v>
      </c>
      <c r="FM9" s="71">
        <v>51</v>
      </c>
      <c r="FN9" s="72">
        <v>95</v>
      </c>
      <c r="FO9" s="244"/>
      <c r="FP9" s="71">
        <v>126</v>
      </c>
      <c r="FQ9" s="71">
        <v>82</v>
      </c>
      <c r="FR9" s="71">
        <v>86</v>
      </c>
      <c r="FS9" s="71">
        <v>98</v>
      </c>
      <c r="FT9" s="71">
        <v>62</v>
      </c>
      <c r="FU9" s="72">
        <v>454</v>
      </c>
      <c r="FV9" s="73">
        <v>549</v>
      </c>
      <c r="FW9" s="70">
        <v>0</v>
      </c>
      <c r="FX9" s="71">
        <v>0</v>
      </c>
      <c r="FY9" s="72">
        <v>0</v>
      </c>
      <c r="FZ9" s="244"/>
      <c r="GA9" s="71">
        <v>0</v>
      </c>
      <c r="GB9" s="71">
        <v>0</v>
      </c>
      <c r="GC9" s="71">
        <v>0</v>
      </c>
      <c r="GD9" s="71">
        <v>0</v>
      </c>
      <c r="GE9" s="71">
        <v>0</v>
      </c>
      <c r="GF9" s="72">
        <v>0</v>
      </c>
      <c r="GG9" s="73">
        <v>0</v>
      </c>
      <c r="GH9" s="70">
        <v>206</v>
      </c>
      <c r="GI9" s="71">
        <v>216</v>
      </c>
      <c r="GJ9" s="72">
        <v>422</v>
      </c>
      <c r="GK9" s="244"/>
      <c r="GL9" s="71">
        <v>394</v>
      </c>
      <c r="GM9" s="71">
        <v>258</v>
      </c>
      <c r="GN9" s="71">
        <v>196</v>
      </c>
      <c r="GO9" s="71">
        <v>202</v>
      </c>
      <c r="GP9" s="71">
        <v>131</v>
      </c>
      <c r="GQ9" s="72">
        <v>1181</v>
      </c>
      <c r="GR9" s="73">
        <v>1603</v>
      </c>
      <c r="GS9" s="123">
        <v>630</v>
      </c>
      <c r="GT9" s="82">
        <v>590</v>
      </c>
      <c r="GU9" s="83">
        <v>1220</v>
      </c>
      <c r="GV9" s="241"/>
      <c r="GW9" s="82">
        <v>1148</v>
      </c>
      <c r="GX9" s="82">
        <v>763</v>
      </c>
      <c r="GY9" s="82">
        <v>575</v>
      </c>
      <c r="GZ9" s="82">
        <v>542</v>
      </c>
      <c r="HA9" s="82">
        <v>352</v>
      </c>
      <c r="HB9" s="84">
        <v>3380</v>
      </c>
      <c r="HC9" s="85">
        <v>4600</v>
      </c>
      <c r="HD9" s="70">
        <v>13</v>
      </c>
      <c r="HE9" s="71">
        <v>29</v>
      </c>
      <c r="HF9" s="72">
        <v>42</v>
      </c>
      <c r="HG9" s="244"/>
      <c r="HH9" s="71">
        <v>20</v>
      </c>
      <c r="HI9" s="71">
        <v>26</v>
      </c>
      <c r="HJ9" s="71">
        <v>14</v>
      </c>
      <c r="HK9" s="71">
        <v>20</v>
      </c>
      <c r="HL9" s="71">
        <v>17</v>
      </c>
      <c r="HM9" s="72">
        <v>97</v>
      </c>
      <c r="HN9" s="73">
        <v>139</v>
      </c>
      <c r="HO9" s="70">
        <v>44</v>
      </c>
      <c r="HP9" s="71">
        <v>44</v>
      </c>
      <c r="HQ9" s="72">
        <v>88</v>
      </c>
      <c r="HR9" s="244"/>
      <c r="HS9" s="71">
        <v>81</v>
      </c>
      <c r="HT9" s="71">
        <v>60</v>
      </c>
      <c r="HU9" s="71">
        <v>43</v>
      </c>
      <c r="HV9" s="71">
        <v>33</v>
      </c>
      <c r="HW9" s="71">
        <v>21</v>
      </c>
      <c r="HX9" s="72">
        <v>238</v>
      </c>
      <c r="HY9" s="73">
        <v>326</v>
      </c>
      <c r="HZ9" s="70">
        <v>84</v>
      </c>
      <c r="IA9" s="71">
        <v>81</v>
      </c>
      <c r="IB9" s="72">
        <v>165</v>
      </c>
      <c r="IC9" s="244"/>
      <c r="ID9" s="71">
        <v>147</v>
      </c>
      <c r="IE9" s="71">
        <v>84</v>
      </c>
      <c r="IF9" s="71">
        <v>69</v>
      </c>
      <c r="IG9" s="71">
        <v>58</v>
      </c>
      <c r="IH9" s="71">
        <v>55</v>
      </c>
      <c r="II9" s="72">
        <v>413</v>
      </c>
      <c r="IJ9" s="73">
        <v>578</v>
      </c>
      <c r="IK9" s="70">
        <v>136</v>
      </c>
      <c r="IL9" s="71">
        <v>125</v>
      </c>
      <c r="IM9" s="72">
        <v>261</v>
      </c>
      <c r="IN9" s="244"/>
      <c r="IO9" s="71">
        <v>258</v>
      </c>
      <c r="IP9" s="71">
        <v>157</v>
      </c>
      <c r="IQ9" s="71">
        <v>96</v>
      </c>
      <c r="IR9" s="71">
        <v>85</v>
      </c>
      <c r="IS9" s="71">
        <v>61</v>
      </c>
      <c r="IT9" s="72">
        <v>657</v>
      </c>
      <c r="IU9" s="73">
        <v>918</v>
      </c>
      <c r="IV9" s="70">
        <v>198</v>
      </c>
      <c r="IW9" s="71">
        <v>166</v>
      </c>
      <c r="IX9" s="72">
        <v>364</v>
      </c>
      <c r="IY9" s="244"/>
      <c r="IZ9" s="71">
        <v>307</v>
      </c>
      <c r="JA9" s="71">
        <v>201</v>
      </c>
      <c r="JB9" s="71">
        <v>154</v>
      </c>
      <c r="JC9" s="71">
        <v>141</v>
      </c>
      <c r="JD9" s="71">
        <v>84</v>
      </c>
      <c r="JE9" s="72">
        <v>887</v>
      </c>
      <c r="JF9" s="73">
        <v>1251</v>
      </c>
      <c r="JG9" s="70">
        <v>155</v>
      </c>
      <c r="JH9" s="71">
        <v>145</v>
      </c>
      <c r="JI9" s="72">
        <v>300</v>
      </c>
      <c r="JJ9" s="244"/>
      <c r="JK9" s="71">
        <v>335</v>
      </c>
      <c r="JL9" s="71">
        <v>235</v>
      </c>
      <c r="JM9" s="71">
        <v>199</v>
      </c>
      <c r="JN9" s="71">
        <v>205</v>
      </c>
      <c r="JO9" s="71">
        <v>114</v>
      </c>
      <c r="JP9" s="72">
        <v>1088</v>
      </c>
      <c r="JQ9" s="73">
        <v>1388</v>
      </c>
      <c r="JR9" s="70">
        <v>0</v>
      </c>
      <c r="JS9" s="71">
        <v>0</v>
      </c>
      <c r="JT9" s="72">
        <v>0</v>
      </c>
      <c r="JU9" s="244"/>
      <c r="JV9" s="71">
        <v>0</v>
      </c>
      <c r="JW9" s="71">
        <v>0</v>
      </c>
      <c r="JX9" s="71">
        <v>0</v>
      </c>
      <c r="JY9" s="71">
        <v>0</v>
      </c>
      <c r="JZ9" s="71">
        <v>0</v>
      </c>
      <c r="KA9" s="72">
        <v>0</v>
      </c>
      <c r="KB9" s="73">
        <v>0</v>
      </c>
      <c r="KC9" s="70">
        <v>630</v>
      </c>
      <c r="KD9" s="71">
        <v>590</v>
      </c>
      <c r="KE9" s="72">
        <v>1220</v>
      </c>
      <c r="KF9" s="244"/>
      <c r="KG9" s="71">
        <v>1148</v>
      </c>
      <c r="KH9" s="71">
        <v>763</v>
      </c>
      <c r="KI9" s="71">
        <v>575</v>
      </c>
      <c r="KJ9" s="71">
        <v>542</v>
      </c>
      <c r="KK9" s="71">
        <v>352</v>
      </c>
      <c r="KL9" s="72">
        <v>3380</v>
      </c>
      <c r="KM9" s="73">
        <v>4600</v>
      </c>
    </row>
    <row r="10" spans="2:299" ht="21" customHeight="1" x14ac:dyDescent="0.2">
      <c r="B10" s="126" t="s">
        <v>14</v>
      </c>
      <c r="C10" s="315">
        <v>186</v>
      </c>
      <c r="D10" s="82">
        <v>194</v>
      </c>
      <c r="E10" s="83">
        <v>380</v>
      </c>
      <c r="F10" s="241"/>
      <c r="G10" s="82">
        <v>260</v>
      </c>
      <c r="H10" s="82">
        <v>263</v>
      </c>
      <c r="I10" s="82">
        <v>150</v>
      </c>
      <c r="J10" s="82">
        <v>128</v>
      </c>
      <c r="K10" s="82">
        <v>86</v>
      </c>
      <c r="L10" s="84">
        <v>887</v>
      </c>
      <c r="M10" s="85">
        <v>1267</v>
      </c>
      <c r="N10" s="70">
        <v>6</v>
      </c>
      <c r="O10" s="71">
        <v>8</v>
      </c>
      <c r="P10" s="72">
        <v>14</v>
      </c>
      <c r="Q10" s="244"/>
      <c r="R10" s="71">
        <v>9</v>
      </c>
      <c r="S10" s="71">
        <v>12</v>
      </c>
      <c r="T10" s="71">
        <v>4</v>
      </c>
      <c r="U10" s="71">
        <v>6</v>
      </c>
      <c r="V10" s="71">
        <v>9</v>
      </c>
      <c r="W10" s="72">
        <v>40</v>
      </c>
      <c r="X10" s="73">
        <v>54</v>
      </c>
      <c r="Y10" s="70">
        <v>18</v>
      </c>
      <c r="Z10" s="71">
        <v>20</v>
      </c>
      <c r="AA10" s="72">
        <v>38</v>
      </c>
      <c r="AB10" s="244"/>
      <c r="AC10" s="71">
        <v>17</v>
      </c>
      <c r="AD10" s="71">
        <v>19</v>
      </c>
      <c r="AE10" s="71">
        <v>16</v>
      </c>
      <c r="AF10" s="71">
        <v>10</v>
      </c>
      <c r="AG10" s="71">
        <v>9</v>
      </c>
      <c r="AH10" s="72">
        <v>71</v>
      </c>
      <c r="AI10" s="73">
        <v>109</v>
      </c>
      <c r="AJ10" s="70">
        <v>25</v>
      </c>
      <c r="AK10" s="71">
        <v>30</v>
      </c>
      <c r="AL10" s="72">
        <v>55</v>
      </c>
      <c r="AM10" s="244"/>
      <c r="AN10" s="71">
        <v>34</v>
      </c>
      <c r="AO10" s="71">
        <v>43</v>
      </c>
      <c r="AP10" s="71">
        <v>12</v>
      </c>
      <c r="AQ10" s="71">
        <v>16</v>
      </c>
      <c r="AR10" s="71">
        <v>15</v>
      </c>
      <c r="AS10" s="72">
        <v>120</v>
      </c>
      <c r="AT10" s="73">
        <v>175</v>
      </c>
      <c r="AU10" s="70">
        <v>43</v>
      </c>
      <c r="AV10" s="71">
        <v>38</v>
      </c>
      <c r="AW10" s="72">
        <v>81</v>
      </c>
      <c r="AX10" s="244"/>
      <c r="AY10" s="71">
        <v>60</v>
      </c>
      <c r="AZ10" s="71">
        <v>59</v>
      </c>
      <c r="BA10" s="71">
        <v>36</v>
      </c>
      <c r="BB10" s="71">
        <v>24</v>
      </c>
      <c r="BC10" s="71">
        <v>17</v>
      </c>
      <c r="BD10" s="72">
        <v>196</v>
      </c>
      <c r="BE10" s="73">
        <v>277</v>
      </c>
      <c r="BF10" s="70">
        <v>58</v>
      </c>
      <c r="BG10" s="71">
        <v>52</v>
      </c>
      <c r="BH10" s="72">
        <v>110</v>
      </c>
      <c r="BI10" s="244"/>
      <c r="BJ10" s="71">
        <v>78</v>
      </c>
      <c r="BK10" s="71">
        <v>65</v>
      </c>
      <c r="BL10" s="71">
        <v>46</v>
      </c>
      <c r="BM10" s="71">
        <v>37</v>
      </c>
      <c r="BN10" s="71">
        <v>17</v>
      </c>
      <c r="BO10" s="72">
        <v>243</v>
      </c>
      <c r="BP10" s="73">
        <v>353</v>
      </c>
      <c r="BQ10" s="70">
        <v>36</v>
      </c>
      <c r="BR10" s="71">
        <v>46</v>
      </c>
      <c r="BS10" s="72">
        <v>82</v>
      </c>
      <c r="BT10" s="244"/>
      <c r="BU10" s="71">
        <v>62</v>
      </c>
      <c r="BV10" s="71">
        <v>65</v>
      </c>
      <c r="BW10" s="71">
        <v>36</v>
      </c>
      <c r="BX10" s="71">
        <v>35</v>
      </c>
      <c r="BY10" s="71">
        <v>19</v>
      </c>
      <c r="BZ10" s="72">
        <v>217</v>
      </c>
      <c r="CA10" s="73">
        <v>299</v>
      </c>
      <c r="CB10" s="70">
        <v>0</v>
      </c>
      <c r="CC10" s="71">
        <v>0</v>
      </c>
      <c r="CD10" s="72">
        <v>0</v>
      </c>
      <c r="CE10" s="244"/>
      <c r="CF10" s="71">
        <v>0</v>
      </c>
      <c r="CG10" s="71">
        <v>0</v>
      </c>
      <c r="CH10" s="71">
        <v>0</v>
      </c>
      <c r="CI10" s="71">
        <v>0</v>
      </c>
      <c r="CJ10" s="71">
        <v>0</v>
      </c>
      <c r="CK10" s="72">
        <v>0</v>
      </c>
      <c r="CL10" s="73">
        <v>0</v>
      </c>
      <c r="CM10" s="70">
        <v>186</v>
      </c>
      <c r="CN10" s="71">
        <v>194</v>
      </c>
      <c r="CO10" s="72">
        <v>380</v>
      </c>
      <c r="CP10" s="244"/>
      <c r="CQ10" s="71">
        <v>260</v>
      </c>
      <c r="CR10" s="71">
        <v>263</v>
      </c>
      <c r="CS10" s="71">
        <v>150</v>
      </c>
      <c r="CT10" s="71">
        <v>128</v>
      </c>
      <c r="CU10" s="71">
        <v>86</v>
      </c>
      <c r="CV10" s="72">
        <v>887</v>
      </c>
      <c r="CW10" s="73">
        <v>1267</v>
      </c>
      <c r="CX10" s="123">
        <v>59</v>
      </c>
      <c r="CY10" s="82">
        <v>93</v>
      </c>
      <c r="CZ10" s="83">
        <v>152</v>
      </c>
      <c r="DA10" s="241"/>
      <c r="DB10" s="82">
        <v>95</v>
      </c>
      <c r="DC10" s="82">
        <v>116</v>
      </c>
      <c r="DD10" s="82">
        <v>80</v>
      </c>
      <c r="DE10" s="82">
        <v>64</v>
      </c>
      <c r="DF10" s="82">
        <v>50</v>
      </c>
      <c r="DG10" s="84">
        <v>405</v>
      </c>
      <c r="DH10" s="85">
        <v>557</v>
      </c>
      <c r="DI10" s="70">
        <v>1</v>
      </c>
      <c r="DJ10" s="71">
        <v>2</v>
      </c>
      <c r="DK10" s="72">
        <v>3</v>
      </c>
      <c r="DL10" s="244"/>
      <c r="DM10" s="71">
        <v>0</v>
      </c>
      <c r="DN10" s="71">
        <v>2</v>
      </c>
      <c r="DO10" s="71">
        <v>0</v>
      </c>
      <c r="DP10" s="71">
        <v>0</v>
      </c>
      <c r="DQ10" s="71">
        <v>2</v>
      </c>
      <c r="DR10" s="72">
        <v>4</v>
      </c>
      <c r="DS10" s="73">
        <v>7</v>
      </c>
      <c r="DT10" s="70">
        <v>6</v>
      </c>
      <c r="DU10" s="71">
        <v>8</v>
      </c>
      <c r="DV10" s="72">
        <v>14</v>
      </c>
      <c r="DW10" s="244"/>
      <c r="DX10" s="71">
        <v>6</v>
      </c>
      <c r="DY10" s="71">
        <v>5</v>
      </c>
      <c r="DZ10" s="71">
        <v>5</v>
      </c>
      <c r="EA10" s="71">
        <v>1</v>
      </c>
      <c r="EB10" s="71">
        <v>0</v>
      </c>
      <c r="EC10" s="72">
        <v>17</v>
      </c>
      <c r="ED10" s="73">
        <v>31</v>
      </c>
      <c r="EE10" s="70">
        <v>11</v>
      </c>
      <c r="EF10" s="71">
        <v>10</v>
      </c>
      <c r="EG10" s="72">
        <v>21</v>
      </c>
      <c r="EH10" s="244"/>
      <c r="EI10" s="71">
        <v>11</v>
      </c>
      <c r="EJ10" s="71">
        <v>14</v>
      </c>
      <c r="EK10" s="71">
        <v>9</v>
      </c>
      <c r="EL10" s="71">
        <v>2</v>
      </c>
      <c r="EM10" s="71">
        <v>5</v>
      </c>
      <c r="EN10" s="72">
        <v>41</v>
      </c>
      <c r="EO10" s="73">
        <v>62</v>
      </c>
      <c r="EP10" s="70">
        <v>19</v>
      </c>
      <c r="EQ10" s="71">
        <v>25</v>
      </c>
      <c r="ER10" s="72">
        <v>44</v>
      </c>
      <c r="ES10" s="244"/>
      <c r="ET10" s="71">
        <v>21</v>
      </c>
      <c r="EU10" s="71">
        <v>20</v>
      </c>
      <c r="EV10" s="71">
        <v>12</v>
      </c>
      <c r="EW10" s="71">
        <v>12</v>
      </c>
      <c r="EX10" s="71">
        <v>8</v>
      </c>
      <c r="EY10" s="72">
        <v>73</v>
      </c>
      <c r="EZ10" s="73">
        <v>117</v>
      </c>
      <c r="FA10" s="70">
        <v>13</v>
      </c>
      <c r="FB10" s="71">
        <v>32</v>
      </c>
      <c r="FC10" s="72">
        <v>45</v>
      </c>
      <c r="FD10" s="244"/>
      <c r="FE10" s="71">
        <v>23</v>
      </c>
      <c r="FF10" s="71">
        <v>29</v>
      </c>
      <c r="FG10" s="71">
        <v>15</v>
      </c>
      <c r="FH10" s="71">
        <v>17</v>
      </c>
      <c r="FI10" s="71">
        <v>12</v>
      </c>
      <c r="FJ10" s="72">
        <v>96</v>
      </c>
      <c r="FK10" s="73">
        <v>141</v>
      </c>
      <c r="FL10" s="70">
        <v>9</v>
      </c>
      <c r="FM10" s="71">
        <v>16</v>
      </c>
      <c r="FN10" s="72">
        <v>25</v>
      </c>
      <c r="FO10" s="244"/>
      <c r="FP10" s="71">
        <v>34</v>
      </c>
      <c r="FQ10" s="71">
        <v>46</v>
      </c>
      <c r="FR10" s="71">
        <v>39</v>
      </c>
      <c r="FS10" s="71">
        <v>32</v>
      </c>
      <c r="FT10" s="71">
        <v>23</v>
      </c>
      <c r="FU10" s="72">
        <v>174</v>
      </c>
      <c r="FV10" s="73">
        <v>199</v>
      </c>
      <c r="FW10" s="70">
        <v>0</v>
      </c>
      <c r="FX10" s="71">
        <v>0</v>
      </c>
      <c r="FY10" s="72">
        <v>0</v>
      </c>
      <c r="FZ10" s="244"/>
      <c r="GA10" s="71">
        <v>0</v>
      </c>
      <c r="GB10" s="71">
        <v>0</v>
      </c>
      <c r="GC10" s="71">
        <v>0</v>
      </c>
      <c r="GD10" s="71">
        <v>0</v>
      </c>
      <c r="GE10" s="71">
        <v>0</v>
      </c>
      <c r="GF10" s="72">
        <v>0</v>
      </c>
      <c r="GG10" s="73">
        <v>0</v>
      </c>
      <c r="GH10" s="70">
        <v>59</v>
      </c>
      <c r="GI10" s="71">
        <v>93</v>
      </c>
      <c r="GJ10" s="72">
        <v>152</v>
      </c>
      <c r="GK10" s="244"/>
      <c r="GL10" s="71">
        <v>95</v>
      </c>
      <c r="GM10" s="71">
        <v>116</v>
      </c>
      <c r="GN10" s="71">
        <v>80</v>
      </c>
      <c r="GO10" s="71">
        <v>64</v>
      </c>
      <c r="GP10" s="71">
        <v>50</v>
      </c>
      <c r="GQ10" s="72">
        <v>405</v>
      </c>
      <c r="GR10" s="73">
        <v>557</v>
      </c>
      <c r="GS10" s="123">
        <v>245</v>
      </c>
      <c r="GT10" s="82">
        <v>287</v>
      </c>
      <c r="GU10" s="83">
        <v>532</v>
      </c>
      <c r="GV10" s="241"/>
      <c r="GW10" s="82">
        <v>355</v>
      </c>
      <c r="GX10" s="82">
        <v>379</v>
      </c>
      <c r="GY10" s="82">
        <v>230</v>
      </c>
      <c r="GZ10" s="82">
        <v>192</v>
      </c>
      <c r="HA10" s="82">
        <v>136</v>
      </c>
      <c r="HB10" s="84">
        <v>1292</v>
      </c>
      <c r="HC10" s="85">
        <v>1824</v>
      </c>
      <c r="HD10" s="70">
        <v>7</v>
      </c>
      <c r="HE10" s="71">
        <v>10</v>
      </c>
      <c r="HF10" s="72">
        <v>17</v>
      </c>
      <c r="HG10" s="244"/>
      <c r="HH10" s="71">
        <v>9</v>
      </c>
      <c r="HI10" s="71">
        <v>14</v>
      </c>
      <c r="HJ10" s="71">
        <v>4</v>
      </c>
      <c r="HK10" s="71">
        <v>6</v>
      </c>
      <c r="HL10" s="71">
        <v>11</v>
      </c>
      <c r="HM10" s="72">
        <v>44</v>
      </c>
      <c r="HN10" s="73">
        <v>61</v>
      </c>
      <c r="HO10" s="70">
        <v>24</v>
      </c>
      <c r="HP10" s="71">
        <v>28</v>
      </c>
      <c r="HQ10" s="72">
        <v>52</v>
      </c>
      <c r="HR10" s="244"/>
      <c r="HS10" s="71">
        <v>23</v>
      </c>
      <c r="HT10" s="71">
        <v>24</v>
      </c>
      <c r="HU10" s="71">
        <v>21</v>
      </c>
      <c r="HV10" s="71">
        <v>11</v>
      </c>
      <c r="HW10" s="71">
        <v>9</v>
      </c>
      <c r="HX10" s="72">
        <v>88</v>
      </c>
      <c r="HY10" s="73">
        <v>140</v>
      </c>
      <c r="HZ10" s="70">
        <v>36</v>
      </c>
      <c r="IA10" s="71">
        <v>40</v>
      </c>
      <c r="IB10" s="72">
        <v>76</v>
      </c>
      <c r="IC10" s="244"/>
      <c r="ID10" s="71">
        <v>45</v>
      </c>
      <c r="IE10" s="71">
        <v>57</v>
      </c>
      <c r="IF10" s="71">
        <v>21</v>
      </c>
      <c r="IG10" s="71">
        <v>18</v>
      </c>
      <c r="IH10" s="71">
        <v>20</v>
      </c>
      <c r="II10" s="72">
        <v>161</v>
      </c>
      <c r="IJ10" s="73">
        <v>237</v>
      </c>
      <c r="IK10" s="70">
        <v>62</v>
      </c>
      <c r="IL10" s="71">
        <v>63</v>
      </c>
      <c r="IM10" s="72">
        <v>125</v>
      </c>
      <c r="IN10" s="244"/>
      <c r="IO10" s="71">
        <v>81</v>
      </c>
      <c r="IP10" s="71">
        <v>79</v>
      </c>
      <c r="IQ10" s="71">
        <v>48</v>
      </c>
      <c r="IR10" s="71">
        <v>36</v>
      </c>
      <c r="IS10" s="71">
        <v>25</v>
      </c>
      <c r="IT10" s="72">
        <v>269</v>
      </c>
      <c r="IU10" s="73">
        <v>394</v>
      </c>
      <c r="IV10" s="70">
        <v>71</v>
      </c>
      <c r="IW10" s="71">
        <v>84</v>
      </c>
      <c r="IX10" s="72">
        <v>155</v>
      </c>
      <c r="IY10" s="244"/>
      <c r="IZ10" s="71">
        <v>101</v>
      </c>
      <c r="JA10" s="71">
        <v>94</v>
      </c>
      <c r="JB10" s="71">
        <v>61</v>
      </c>
      <c r="JC10" s="71">
        <v>54</v>
      </c>
      <c r="JD10" s="71">
        <v>29</v>
      </c>
      <c r="JE10" s="72">
        <v>339</v>
      </c>
      <c r="JF10" s="73">
        <v>494</v>
      </c>
      <c r="JG10" s="70">
        <v>45</v>
      </c>
      <c r="JH10" s="71">
        <v>62</v>
      </c>
      <c r="JI10" s="72">
        <v>107</v>
      </c>
      <c r="JJ10" s="244"/>
      <c r="JK10" s="71">
        <v>96</v>
      </c>
      <c r="JL10" s="71">
        <v>111</v>
      </c>
      <c r="JM10" s="71">
        <v>75</v>
      </c>
      <c r="JN10" s="71">
        <v>67</v>
      </c>
      <c r="JO10" s="71">
        <v>42</v>
      </c>
      <c r="JP10" s="72">
        <v>391</v>
      </c>
      <c r="JQ10" s="73">
        <v>498</v>
      </c>
      <c r="JR10" s="70">
        <v>0</v>
      </c>
      <c r="JS10" s="71">
        <v>0</v>
      </c>
      <c r="JT10" s="72">
        <v>0</v>
      </c>
      <c r="JU10" s="244"/>
      <c r="JV10" s="71">
        <v>0</v>
      </c>
      <c r="JW10" s="71">
        <v>0</v>
      </c>
      <c r="JX10" s="71">
        <v>0</v>
      </c>
      <c r="JY10" s="71">
        <v>0</v>
      </c>
      <c r="JZ10" s="71">
        <v>0</v>
      </c>
      <c r="KA10" s="72">
        <v>0</v>
      </c>
      <c r="KB10" s="73">
        <v>0</v>
      </c>
      <c r="KC10" s="70">
        <v>245</v>
      </c>
      <c r="KD10" s="71">
        <v>287</v>
      </c>
      <c r="KE10" s="72">
        <v>532</v>
      </c>
      <c r="KF10" s="244"/>
      <c r="KG10" s="71">
        <v>355</v>
      </c>
      <c r="KH10" s="71">
        <v>379</v>
      </c>
      <c r="KI10" s="71">
        <v>230</v>
      </c>
      <c r="KJ10" s="71">
        <v>192</v>
      </c>
      <c r="KK10" s="71">
        <v>136</v>
      </c>
      <c r="KL10" s="72">
        <v>1292</v>
      </c>
      <c r="KM10" s="73">
        <v>1824</v>
      </c>
    </row>
    <row r="11" spans="2:299" ht="21" customHeight="1" x14ac:dyDescent="0.2">
      <c r="B11" s="126" t="s">
        <v>7</v>
      </c>
      <c r="C11" s="315">
        <v>93</v>
      </c>
      <c r="D11" s="82">
        <v>88</v>
      </c>
      <c r="E11" s="83">
        <v>181</v>
      </c>
      <c r="F11" s="241"/>
      <c r="G11" s="82">
        <v>236</v>
      </c>
      <c r="H11" s="82">
        <v>138</v>
      </c>
      <c r="I11" s="82">
        <v>76</v>
      </c>
      <c r="J11" s="82">
        <v>76</v>
      </c>
      <c r="K11" s="82">
        <v>38</v>
      </c>
      <c r="L11" s="84">
        <v>564</v>
      </c>
      <c r="M11" s="85">
        <v>745</v>
      </c>
      <c r="N11" s="70">
        <v>4</v>
      </c>
      <c r="O11" s="71">
        <v>1</v>
      </c>
      <c r="P11" s="72">
        <v>5</v>
      </c>
      <c r="Q11" s="244"/>
      <c r="R11" s="71">
        <v>2</v>
      </c>
      <c r="S11" s="71">
        <v>3</v>
      </c>
      <c r="T11" s="71">
        <v>4</v>
      </c>
      <c r="U11" s="71">
        <v>2</v>
      </c>
      <c r="V11" s="71">
        <v>2</v>
      </c>
      <c r="W11" s="72">
        <v>13</v>
      </c>
      <c r="X11" s="73">
        <v>18</v>
      </c>
      <c r="Y11" s="70">
        <v>9</v>
      </c>
      <c r="Z11" s="71">
        <v>7</v>
      </c>
      <c r="AA11" s="72">
        <v>16</v>
      </c>
      <c r="AB11" s="244"/>
      <c r="AC11" s="71">
        <v>19</v>
      </c>
      <c r="AD11" s="71">
        <v>14</v>
      </c>
      <c r="AE11" s="71">
        <v>9</v>
      </c>
      <c r="AF11" s="71">
        <v>9</v>
      </c>
      <c r="AG11" s="71">
        <v>5</v>
      </c>
      <c r="AH11" s="72">
        <v>56</v>
      </c>
      <c r="AI11" s="73">
        <v>72</v>
      </c>
      <c r="AJ11" s="70">
        <v>6</v>
      </c>
      <c r="AK11" s="71">
        <v>11</v>
      </c>
      <c r="AL11" s="72">
        <v>17</v>
      </c>
      <c r="AM11" s="244"/>
      <c r="AN11" s="71">
        <v>34</v>
      </c>
      <c r="AO11" s="71">
        <v>12</v>
      </c>
      <c r="AP11" s="71">
        <v>11</v>
      </c>
      <c r="AQ11" s="71">
        <v>13</v>
      </c>
      <c r="AR11" s="71">
        <v>4</v>
      </c>
      <c r="AS11" s="72">
        <v>74</v>
      </c>
      <c r="AT11" s="73">
        <v>91</v>
      </c>
      <c r="AU11" s="70">
        <v>23</v>
      </c>
      <c r="AV11" s="71">
        <v>16</v>
      </c>
      <c r="AW11" s="72">
        <v>39</v>
      </c>
      <c r="AX11" s="244"/>
      <c r="AY11" s="71">
        <v>62</v>
      </c>
      <c r="AZ11" s="71">
        <v>34</v>
      </c>
      <c r="BA11" s="71">
        <v>15</v>
      </c>
      <c r="BB11" s="71">
        <v>13</v>
      </c>
      <c r="BC11" s="71">
        <v>13</v>
      </c>
      <c r="BD11" s="72">
        <v>137</v>
      </c>
      <c r="BE11" s="73">
        <v>176</v>
      </c>
      <c r="BF11" s="70">
        <v>29</v>
      </c>
      <c r="BG11" s="71">
        <v>31</v>
      </c>
      <c r="BH11" s="72">
        <v>60</v>
      </c>
      <c r="BI11" s="244"/>
      <c r="BJ11" s="71">
        <v>55</v>
      </c>
      <c r="BK11" s="71">
        <v>36</v>
      </c>
      <c r="BL11" s="71">
        <v>19</v>
      </c>
      <c r="BM11" s="71">
        <v>17</v>
      </c>
      <c r="BN11" s="71">
        <v>10</v>
      </c>
      <c r="BO11" s="72">
        <v>137</v>
      </c>
      <c r="BP11" s="73">
        <v>197</v>
      </c>
      <c r="BQ11" s="70">
        <v>22</v>
      </c>
      <c r="BR11" s="71">
        <v>22</v>
      </c>
      <c r="BS11" s="72">
        <v>44</v>
      </c>
      <c r="BT11" s="244"/>
      <c r="BU11" s="71">
        <v>64</v>
      </c>
      <c r="BV11" s="71">
        <v>39</v>
      </c>
      <c r="BW11" s="71">
        <v>18</v>
      </c>
      <c r="BX11" s="71">
        <v>22</v>
      </c>
      <c r="BY11" s="71">
        <v>4</v>
      </c>
      <c r="BZ11" s="72">
        <v>147</v>
      </c>
      <c r="CA11" s="73">
        <v>191</v>
      </c>
      <c r="CB11" s="70">
        <v>0</v>
      </c>
      <c r="CC11" s="71">
        <v>0</v>
      </c>
      <c r="CD11" s="72">
        <v>0</v>
      </c>
      <c r="CE11" s="244"/>
      <c r="CF11" s="71">
        <v>0</v>
      </c>
      <c r="CG11" s="71">
        <v>0</v>
      </c>
      <c r="CH11" s="71">
        <v>0</v>
      </c>
      <c r="CI11" s="71">
        <v>0</v>
      </c>
      <c r="CJ11" s="71">
        <v>0</v>
      </c>
      <c r="CK11" s="72">
        <v>0</v>
      </c>
      <c r="CL11" s="73">
        <v>0</v>
      </c>
      <c r="CM11" s="70">
        <v>93</v>
      </c>
      <c r="CN11" s="71">
        <v>88</v>
      </c>
      <c r="CO11" s="72">
        <v>181</v>
      </c>
      <c r="CP11" s="244"/>
      <c r="CQ11" s="71">
        <v>236</v>
      </c>
      <c r="CR11" s="71">
        <v>138</v>
      </c>
      <c r="CS11" s="71">
        <v>76</v>
      </c>
      <c r="CT11" s="71">
        <v>76</v>
      </c>
      <c r="CU11" s="71">
        <v>38</v>
      </c>
      <c r="CV11" s="72">
        <v>564</v>
      </c>
      <c r="CW11" s="73">
        <v>745</v>
      </c>
      <c r="CX11" s="123">
        <v>38</v>
      </c>
      <c r="CY11" s="82">
        <v>42</v>
      </c>
      <c r="CZ11" s="83">
        <v>80</v>
      </c>
      <c r="DA11" s="241"/>
      <c r="DB11" s="82">
        <v>65</v>
      </c>
      <c r="DC11" s="82">
        <v>34</v>
      </c>
      <c r="DD11" s="82">
        <v>34</v>
      </c>
      <c r="DE11" s="82">
        <v>32</v>
      </c>
      <c r="DF11" s="82">
        <v>16</v>
      </c>
      <c r="DG11" s="84">
        <v>181</v>
      </c>
      <c r="DH11" s="85">
        <v>261</v>
      </c>
      <c r="DI11" s="70">
        <v>0</v>
      </c>
      <c r="DJ11" s="71">
        <v>0</v>
      </c>
      <c r="DK11" s="72">
        <v>0</v>
      </c>
      <c r="DL11" s="244"/>
      <c r="DM11" s="71">
        <v>0</v>
      </c>
      <c r="DN11" s="71">
        <v>1</v>
      </c>
      <c r="DO11" s="71">
        <v>3</v>
      </c>
      <c r="DP11" s="71">
        <v>0</v>
      </c>
      <c r="DQ11" s="71">
        <v>1</v>
      </c>
      <c r="DR11" s="72">
        <v>5</v>
      </c>
      <c r="DS11" s="73">
        <v>5</v>
      </c>
      <c r="DT11" s="70">
        <v>1</v>
      </c>
      <c r="DU11" s="71">
        <v>2</v>
      </c>
      <c r="DV11" s="72">
        <v>3</v>
      </c>
      <c r="DW11" s="244"/>
      <c r="DX11" s="71">
        <v>7</v>
      </c>
      <c r="DY11" s="71">
        <v>3</v>
      </c>
      <c r="DZ11" s="71">
        <v>2</v>
      </c>
      <c r="EA11" s="71">
        <v>5</v>
      </c>
      <c r="EB11" s="71">
        <v>2</v>
      </c>
      <c r="EC11" s="72">
        <v>19</v>
      </c>
      <c r="ED11" s="73">
        <v>22</v>
      </c>
      <c r="EE11" s="70">
        <v>5</v>
      </c>
      <c r="EF11" s="71">
        <v>5</v>
      </c>
      <c r="EG11" s="72">
        <v>10</v>
      </c>
      <c r="EH11" s="244"/>
      <c r="EI11" s="71">
        <v>7</v>
      </c>
      <c r="EJ11" s="71">
        <v>7</v>
      </c>
      <c r="EK11" s="71">
        <v>4</v>
      </c>
      <c r="EL11" s="71">
        <v>7</v>
      </c>
      <c r="EM11" s="71">
        <v>1</v>
      </c>
      <c r="EN11" s="72">
        <v>26</v>
      </c>
      <c r="EO11" s="73">
        <v>36</v>
      </c>
      <c r="EP11" s="70">
        <v>15</v>
      </c>
      <c r="EQ11" s="71">
        <v>10</v>
      </c>
      <c r="ER11" s="72">
        <v>25</v>
      </c>
      <c r="ES11" s="244"/>
      <c r="ET11" s="71">
        <v>18</v>
      </c>
      <c r="EU11" s="71">
        <v>8</v>
      </c>
      <c r="EV11" s="71">
        <v>3</v>
      </c>
      <c r="EW11" s="71">
        <v>1</v>
      </c>
      <c r="EX11" s="71">
        <v>2</v>
      </c>
      <c r="EY11" s="72">
        <v>32</v>
      </c>
      <c r="EZ11" s="73">
        <v>57</v>
      </c>
      <c r="FA11" s="70">
        <v>12</v>
      </c>
      <c r="FB11" s="71">
        <v>16</v>
      </c>
      <c r="FC11" s="72">
        <v>28</v>
      </c>
      <c r="FD11" s="244"/>
      <c r="FE11" s="71">
        <v>19</v>
      </c>
      <c r="FF11" s="71">
        <v>2</v>
      </c>
      <c r="FG11" s="71">
        <v>8</v>
      </c>
      <c r="FH11" s="71">
        <v>6</v>
      </c>
      <c r="FI11" s="71">
        <v>5</v>
      </c>
      <c r="FJ11" s="72">
        <v>40</v>
      </c>
      <c r="FK11" s="73">
        <v>68</v>
      </c>
      <c r="FL11" s="70">
        <v>5</v>
      </c>
      <c r="FM11" s="71">
        <v>9</v>
      </c>
      <c r="FN11" s="72">
        <v>14</v>
      </c>
      <c r="FO11" s="244"/>
      <c r="FP11" s="71">
        <v>14</v>
      </c>
      <c r="FQ11" s="71">
        <v>13</v>
      </c>
      <c r="FR11" s="71">
        <v>14</v>
      </c>
      <c r="FS11" s="71">
        <v>13</v>
      </c>
      <c r="FT11" s="71">
        <v>5</v>
      </c>
      <c r="FU11" s="72">
        <v>59</v>
      </c>
      <c r="FV11" s="73">
        <v>73</v>
      </c>
      <c r="FW11" s="70">
        <v>0</v>
      </c>
      <c r="FX11" s="71">
        <v>0</v>
      </c>
      <c r="FY11" s="72">
        <v>0</v>
      </c>
      <c r="FZ11" s="244"/>
      <c r="GA11" s="71">
        <v>0</v>
      </c>
      <c r="GB11" s="71">
        <v>0</v>
      </c>
      <c r="GC11" s="71">
        <v>0</v>
      </c>
      <c r="GD11" s="71">
        <v>0</v>
      </c>
      <c r="GE11" s="71">
        <v>0</v>
      </c>
      <c r="GF11" s="72">
        <v>0</v>
      </c>
      <c r="GG11" s="73">
        <v>0</v>
      </c>
      <c r="GH11" s="70">
        <v>38</v>
      </c>
      <c r="GI11" s="71">
        <v>42</v>
      </c>
      <c r="GJ11" s="72">
        <v>80</v>
      </c>
      <c r="GK11" s="244"/>
      <c r="GL11" s="71">
        <v>65</v>
      </c>
      <c r="GM11" s="71">
        <v>34</v>
      </c>
      <c r="GN11" s="71">
        <v>34</v>
      </c>
      <c r="GO11" s="71">
        <v>32</v>
      </c>
      <c r="GP11" s="71">
        <v>16</v>
      </c>
      <c r="GQ11" s="72">
        <v>181</v>
      </c>
      <c r="GR11" s="73">
        <v>261</v>
      </c>
      <c r="GS11" s="123">
        <v>131</v>
      </c>
      <c r="GT11" s="82">
        <v>130</v>
      </c>
      <c r="GU11" s="83">
        <v>261</v>
      </c>
      <c r="GV11" s="241"/>
      <c r="GW11" s="82">
        <v>301</v>
      </c>
      <c r="GX11" s="82">
        <v>172</v>
      </c>
      <c r="GY11" s="82">
        <v>110</v>
      </c>
      <c r="GZ11" s="82">
        <v>108</v>
      </c>
      <c r="HA11" s="82">
        <v>54</v>
      </c>
      <c r="HB11" s="84">
        <v>745</v>
      </c>
      <c r="HC11" s="85">
        <v>1006</v>
      </c>
      <c r="HD11" s="70">
        <v>4</v>
      </c>
      <c r="HE11" s="71">
        <v>1</v>
      </c>
      <c r="HF11" s="72">
        <v>5</v>
      </c>
      <c r="HG11" s="244"/>
      <c r="HH11" s="71">
        <v>2</v>
      </c>
      <c r="HI11" s="71">
        <v>4</v>
      </c>
      <c r="HJ11" s="71">
        <v>7</v>
      </c>
      <c r="HK11" s="71">
        <v>2</v>
      </c>
      <c r="HL11" s="71">
        <v>3</v>
      </c>
      <c r="HM11" s="72">
        <v>18</v>
      </c>
      <c r="HN11" s="73">
        <v>23</v>
      </c>
      <c r="HO11" s="70">
        <v>10</v>
      </c>
      <c r="HP11" s="71">
        <v>9</v>
      </c>
      <c r="HQ11" s="72">
        <v>19</v>
      </c>
      <c r="HR11" s="244"/>
      <c r="HS11" s="71">
        <v>26</v>
      </c>
      <c r="HT11" s="71">
        <v>17</v>
      </c>
      <c r="HU11" s="71">
        <v>11</v>
      </c>
      <c r="HV11" s="71">
        <v>14</v>
      </c>
      <c r="HW11" s="71">
        <v>7</v>
      </c>
      <c r="HX11" s="72">
        <v>75</v>
      </c>
      <c r="HY11" s="73">
        <v>94</v>
      </c>
      <c r="HZ11" s="70">
        <v>11</v>
      </c>
      <c r="IA11" s="71">
        <v>16</v>
      </c>
      <c r="IB11" s="72">
        <v>27</v>
      </c>
      <c r="IC11" s="244"/>
      <c r="ID11" s="71">
        <v>41</v>
      </c>
      <c r="IE11" s="71">
        <v>19</v>
      </c>
      <c r="IF11" s="71">
        <v>15</v>
      </c>
      <c r="IG11" s="71">
        <v>20</v>
      </c>
      <c r="IH11" s="71">
        <v>5</v>
      </c>
      <c r="II11" s="72">
        <v>100</v>
      </c>
      <c r="IJ11" s="73">
        <v>127</v>
      </c>
      <c r="IK11" s="70">
        <v>38</v>
      </c>
      <c r="IL11" s="71">
        <v>26</v>
      </c>
      <c r="IM11" s="72">
        <v>64</v>
      </c>
      <c r="IN11" s="244"/>
      <c r="IO11" s="71">
        <v>80</v>
      </c>
      <c r="IP11" s="71">
        <v>42</v>
      </c>
      <c r="IQ11" s="71">
        <v>18</v>
      </c>
      <c r="IR11" s="71">
        <v>14</v>
      </c>
      <c r="IS11" s="71">
        <v>15</v>
      </c>
      <c r="IT11" s="72">
        <v>169</v>
      </c>
      <c r="IU11" s="73">
        <v>233</v>
      </c>
      <c r="IV11" s="70">
        <v>41</v>
      </c>
      <c r="IW11" s="71">
        <v>47</v>
      </c>
      <c r="IX11" s="72">
        <v>88</v>
      </c>
      <c r="IY11" s="244"/>
      <c r="IZ11" s="71">
        <v>74</v>
      </c>
      <c r="JA11" s="71">
        <v>38</v>
      </c>
      <c r="JB11" s="71">
        <v>27</v>
      </c>
      <c r="JC11" s="71">
        <v>23</v>
      </c>
      <c r="JD11" s="71">
        <v>15</v>
      </c>
      <c r="JE11" s="72">
        <v>177</v>
      </c>
      <c r="JF11" s="73">
        <v>265</v>
      </c>
      <c r="JG11" s="70">
        <v>27</v>
      </c>
      <c r="JH11" s="71">
        <v>31</v>
      </c>
      <c r="JI11" s="72">
        <v>58</v>
      </c>
      <c r="JJ11" s="244"/>
      <c r="JK11" s="71">
        <v>78</v>
      </c>
      <c r="JL11" s="71">
        <v>52</v>
      </c>
      <c r="JM11" s="71">
        <v>32</v>
      </c>
      <c r="JN11" s="71">
        <v>35</v>
      </c>
      <c r="JO11" s="71">
        <v>9</v>
      </c>
      <c r="JP11" s="72">
        <v>206</v>
      </c>
      <c r="JQ11" s="73">
        <v>264</v>
      </c>
      <c r="JR11" s="70">
        <v>0</v>
      </c>
      <c r="JS11" s="71">
        <v>0</v>
      </c>
      <c r="JT11" s="72">
        <v>0</v>
      </c>
      <c r="JU11" s="244"/>
      <c r="JV11" s="71">
        <v>0</v>
      </c>
      <c r="JW11" s="71">
        <v>0</v>
      </c>
      <c r="JX11" s="71">
        <v>0</v>
      </c>
      <c r="JY11" s="71">
        <v>0</v>
      </c>
      <c r="JZ11" s="71">
        <v>0</v>
      </c>
      <c r="KA11" s="72">
        <v>0</v>
      </c>
      <c r="KB11" s="73">
        <v>0</v>
      </c>
      <c r="KC11" s="70">
        <v>131</v>
      </c>
      <c r="KD11" s="71">
        <v>130</v>
      </c>
      <c r="KE11" s="72">
        <v>261</v>
      </c>
      <c r="KF11" s="244"/>
      <c r="KG11" s="71">
        <v>301</v>
      </c>
      <c r="KH11" s="71">
        <v>172</v>
      </c>
      <c r="KI11" s="71">
        <v>110</v>
      </c>
      <c r="KJ11" s="71">
        <v>108</v>
      </c>
      <c r="KK11" s="71">
        <v>54</v>
      </c>
      <c r="KL11" s="72">
        <v>745</v>
      </c>
      <c r="KM11" s="73">
        <v>1006</v>
      </c>
    </row>
    <row r="12" spans="2:299" ht="21" customHeight="1" x14ac:dyDescent="0.2">
      <c r="B12" s="126" t="s">
        <v>8</v>
      </c>
      <c r="C12" s="315">
        <v>51</v>
      </c>
      <c r="D12" s="82">
        <v>33</v>
      </c>
      <c r="E12" s="83">
        <v>84</v>
      </c>
      <c r="F12" s="241"/>
      <c r="G12" s="82">
        <v>108</v>
      </c>
      <c r="H12" s="82">
        <v>85</v>
      </c>
      <c r="I12" s="82">
        <v>48</v>
      </c>
      <c r="J12" s="82">
        <v>51</v>
      </c>
      <c r="K12" s="82">
        <v>25</v>
      </c>
      <c r="L12" s="84">
        <v>317</v>
      </c>
      <c r="M12" s="85">
        <v>401</v>
      </c>
      <c r="N12" s="70">
        <v>4</v>
      </c>
      <c r="O12" s="71">
        <v>1</v>
      </c>
      <c r="P12" s="72">
        <v>5</v>
      </c>
      <c r="Q12" s="244"/>
      <c r="R12" s="71">
        <v>3</v>
      </c>
      <c r="S12" s="71">
        <v>3</v>
      </c>
      <c r="T12" s="71">
        <v>2</v>
      </c>
      <c r="U12" s="71">
        <v>3</v>
      </c>
      <c r="V12" s="71">
        <v>4</v>
      </c>
      <c r="W12" s="72">
        <v>15</v>
      </c>
      <c r="X12" s="73">
        <v>20</v>
      </c>
      <c r="Y12" s="70">
        <v>4</v>
      </c>
      <c r="Z12" s="71">
        <v>5</v>
      </c>
      <c r="AA12" s="72">
        <v>9</v>
      </c>
      <c r="AB12" s="244"/>
      <c r="AC12" s="71">
        <v>8</v>
      </c>
      <c r="AD12" s="71">
        <v>11</v>
      </c>
      <c r="AE12" s="71">
        <v>6</v>
      </c>
      <c r="AF12" s="71">
        <v>6</v>
      </c>
      <c r="AG12" s="71">
        <v>4</v>
      </c>
      <c r="AH12" s="72">
        <v>35</v>
      </c>
      <c r="AI12" s="73">
        <v>44</v>
      </c>
      <c r="AJ12" s="70">
        <v>7</v>
      </c>
      <c r="AK12" s="71">
        <v>5</v>
      </c>
      <c r="AL12" s="72">
        <v>12</v>
      </c>
      <c r="AM12" s="244"/>
      <c r="AN12" s="71">
        <v>15</v>
      </c>
      <c r="AO12" s="71">
        <v>13</v>
      </c>
      <c r="AP12" s="71">
        <v>5</v>
      </c>
      <c r="AQ12" s="71">
        <v>5</v>
      </c>
      <c r="AR12" s="71">
        <v>4</v>
      </c>
      <c r="AS12" s="72">
        <v>42</v>
      </c>
      <c r="AT12" s="73">
        <v>54</v>
      </c>
      <c r="AU12" s="70">
        <v>8</v>
      </c>
      <c r="AV12" s="71">
        <v>7</v>
      </c>
      <c r="AW12" s="72">
        <v>15</v>
      </c>
      <c r="AX12" s="244"/>
      <c r="AY12" s="71">
        <v>23</v>
      </c>
      <c r="AZ12" s="71">
        <v>14</v>
      </c>
      <c r="BA12" s="71">
        <v>6</v>
      </c>
      <c r="BB12" s="71">
        <v>11</v>
      </c>
      <c r="BC12" s="71">
        <v>1</v>
      </c>
      <c r="BD12" s="72">
        <v>55</v>
      </c>
      <c r="BE12" s="73">
        <v>70</v>
      </c>
      <c r="BF12" s="70">
        <v>13</v>
      </c>
      <c r="BG12" s="71">
        <v>4</v>
      </c>
      <c r="BH12" s="72">
        <v>17</v>
      </c>
      <c r="BI12" s="244"/>
      <c r="BJ12" s="71">
        <v>34</v>
      </c>
      <c r="BK12" s="71">
        <v>22</v>
      </c>
      <c r="BL12" s="71">
        <v>15</v>
      </c>
      <c r="BM12" s="71">
        <v>10</v>
      </c>
      <c r="BN12" s="71">
        <v>4</v>
      </c>
      <c r="BO12" s="72">
        <v>85</v>
      </c>
      <c r="BP12" s="73">
        <v>102</v>
      </c>
      <c r="BQ12" s="70">
        <v>15</v>
      </c>
      <c r="BR12" s="71">
        <v>11</v>
      </c>
      <c r="BS12" s="72">
        <v>26</v>
      </c>
      <c r="BT12" s="244"/>
      <c r="BU12" s="71">
        <v>25</v>
      </c>
      <c r="BV12" s="71">
        <v>22</v>
      </c>
      <c r="BW12" s="71">
        <v>14</v>
      </c>
      <c r="BX12" s="71">
        <v>16</v>
      </c>
      <c r="BY12" s="71">
        <v>8</v>
      </c>
      <c r="BZ12" s="72">
        <v>85</v>
      </c>
      <c r="CA12" s="73">
        <v>111</v>
      </c>
      <c r="CB12" s="70">
        <v>0</v>
      </c>
      <c r="CC12" s="71">
        <v>0</v>
      </c>
      <c r="CD12" s="72">
        <v>0</v>
      </c>
      <c r="CE12" s="244"/>
      <c r="CF12" s="71">
        <v>0</v>
      </c>
      <c r="CG12" s="71">
        <v>0</v>
      </c>
      <c r="CH12" s="71">
        <v>0</v>
      </c>
      <c r="CI12" s="71">
        <v>0</v>
      </c>
      <c r="CJ12" s="71">
        <v>0</v>
      </c>
      <c r="CK12" s="72">
        <v>0</v>
      </c>
      <c r="CL12" s="73">
        <v>0</v>
      </c>
      <c r="CM12" s="70">
        <v>51</v>
      </c>
      <c r="CN12" s="71">
        <v>33</v>
      </c>
      <c r="CO12" s="72">
        <v>84</v>
      </c>
      <c r="CP12" s="244"/>
      <c r="CQ12" s="71">
        <v>108</v>
      </c>
      <c r="CR12" s="71">
        <v>85</v>
      </c>
      <c r="CS12" s="71">
        <v>48</v>
      </c>
      <c r="CT12" s="71">
        <v>51</v>
      </c>
      <c r="CU12" s="71">
        <v>25</v>
      </c>
      <c r="CV12" s="72">
        <v>317</v>
      </c>
      <c r="CW12" s="73">
        <v>401</v>
      </c>
      <c r="CX12" s="123">
        <v>22</v>
      </c>
      <c r="CY12" s="82">
        <v>28</v>
      </c>
      <c r="CZ12" s="83">
        <v>50</v>
      </c>
      <c r="DA12" s="241"/>
      <c r="DB12" s="82">
        <v>44</v>
      </c>
      <c r="DC12" s="82">
        <v>30</v>
      </c>
      <c r="DD12" s="82">
        <v>19</v>
      </c>
      <c r="DE12" s="82">
        <v>26</v>
      </c>
      <c r="DF12" s="82">
        <v>12</v>
      </c>
      <c r="DG12" s="84">
        <v>131</v>
      </c>
      <c r="DH12" s="85">
        <v>181</v>
      </c>
      <c r="DI12" s="70">
        <v>1</v>
      </c>
      <c r="DJ12" s="71">
        <v>1</v>
      </c>
      <c r="DK12" s="72">
        <v>2</v>
      </c>
      <c r="DL12" s="244"/>
      <c r="DM12" s="71">
        <v>0</v>
      </c>
      <c r="DN12" s="71">
        <v>1</v>
      </c>
      <c r="DO12" s="71">
        <v>1</v>
      </c>
      <c r="DP12" s="71">
        <v>2</v>
      </c>
      <c r="DQ12" s="71">
        <v>0</v>
      </c>
      <c r="DR12" s="72">
        <v>4</v>
      </c>
      <c r="DS12" s="73">
        <v>6</v>
      </c>
      <c r="DT12" s="70">
        <v>4</v>
      </c>
      <c r="DU12" s="71">
        <v>2</v>
      </c>
      <c r="DV12" s="72">
        <v>6</v>
      </c>
      <c r="DW12" s="244"/>
      <c r="DX12" s="71">
        <v>4</v>
      </c>
      <c r="DY12" s="71">
        <v>0</v>
      </c>
      <c r="DZ12" s="71">
        <v>2</v>
      </c>
      <c r="EA12" s="71">
        <v>1</v>
      </c>
      <c r="EB12" s="71">
        <v>1</v>
      </c>
      <c r="EC12" s="72">
        <v>8</v>
      </c>
      <c r="ED12" s="73">
        <v>14</v>
      </c>
      <c r="EE12" s="70">
        <v>3</v>
      </c>
      <c r="EF12" s="71">
        <v>5</v>
      </c>
      <c r="EG12" s="72">
        <v>8</v>
      </c>
      <c r="EH12" s="244"/>
      <c r="EI12" s="71">
        <v>5</v>
      </c>
      <c r="EJ12" s="71">
        <v>3</v>
      </c>
      <c r="EK12" s="71">
        <v>2</v>
      </c>
      <c r="EL12" s="71">
        <v>1</v>
      </c>
      <c r="EM12" s="71">
        <v>1</v>
      </c>
      <c r="EN12" s="72">
        <v>12</v>
      </c>
      <c r="EO12" s="73">
        <v>20</v>
      </c>
      <c r="EP12" s="70">
        <v>6</v>
      </c>
      <c r="EQ12" s="71">
        <v>10</v>
      </c>
      <c r="ER12" s="72">
        <v>16</v>
      </c>
      <c r="ES12" s="244"/>
      <c r="ET12" s="71">
        <v>6</v>
      </c>
      <c r="EU12" s="71">
        <v>4</v>
      </c>
      <c r="EV12" s="71">
        <v>2</v>
      </c>
      <c r="EW12" s="71">
        <v>6</v>
      </c>
      <c r="EX12" s="71">
        <v>2</v>
      </c>
      <c r="EY12" s="72">
        <v>20</v>
      </c>
      <c r="EZ12" s="73">
        <v>36</v>
      </c>
      <c r="FA12" s="70">
        <v>5</v>
      </c>
      <c r="FB12" s="71">
        <v>4</v>
      </c>
      <c r="FC12" s="72">
        <v>9</v>
      </c>
      <c r="FD12" s="244"/>
      <c r="FE12" s="71">
        <v>17</v>
      </c>
      <c r="FF12" s="71">
        <v>7</v>
      </c>
      <c r="FG12" s="71">
        <v>6</v>
      </c>
      <c r="FH12" s="71">
        <v>4</v>
      </c>
      <c r="FI12" s="71">
        <v>2</v>
      </c>
      <c r="FJ12" s="72">
        <v>36</v>
      </c>
      <c r="FK12" s="73">
        <v>45</v>
      </c>
      <c r="FL12" s="70">
        <v>3</v>
      </c>
      <c r="FM12" s="71">
        <v>6</v>
      </c>
      <c r="FN12" s="72">
        <v>9</v>
      </c>
      <c r="FO12" s="244"/>
      <c r="FP12" s="71">
        <v>12</v>
      </c>
      <c r="FQ12" s="71">
        <v>15</v>
      </c>
      <c r="FR12" s="71">
        <v>6</v>
      </c>
      <c r="FS12" s="71">
        <v>12</v>
      </c>
      <c r="FT12" s="71">
        <v>6</v>
      </c>
      <c r="FU12" s="72">
        <v>51</v>
      </c>
      <c r="FV12" s="73">
        <v>60</v>
      </c>
      <c r="FW12" s="70">
        <v>0</v>
      </c>
      <c r="FX12" s="71">
        <v>0</v>
      </c>
      <c r="FY12" s="72">
        <v>0</v>
      </c>
      <c r="FZ12" s="244"/>
      <c r="GA12" s="71">
        <v>0</v>
      </c>
      <c r="GB12" s="71">
        <v>0</v>
      </c>
      <c r="GC12" s="71">
        <v>0</v>
      </c>
      <c r="GD12" s="71">
        <v>0</v>
      </c>
      <c r="GE12" s="71">
        <v>0</v>
      </c>
      <c r="GF12" s="72">
        <v>0</v>
      </c>
      <c r="GG12" s="73">
        <v>0</v>
      </c>
      <c r="GH12" s="70">
        <v>22</v>
      </c>
      <c r="GI12" s="71">
        <v>28</v>
      </c>
      <c r="GJ12" s="72">
        <v>50</v>
      </c>
      <c r="GK12" s="244"/>
      <c r="GL12" s="71">
        <v>44</v>
      </c>
      <c r="GM12" s="71">
        <v>30</v>
      </c>
      <c r="GN12" s="71">
        <v>19</v>
      </c>
      <c r="GO12" s="71">
        <v>26</v>
      </c>
      <c r="GP12" s="71">
        <v>12</v>
      </c>
      <c r="GQ12" s="72">
        <v>131</v>
      </c>
      <c r="GR12" s="73">
        <v>181</v>
      </c>
      <c r="GS12" s="123">
        <v>73</v>
      </c>
      <c r="GT12" s="82">
        <v>61</v>
      </c>
      <c r="GU12" s="83">
        <v>134</v>
      </c>
      <c r="GV12" s="241"/>
      <c r="GW12" s="82">
        <v>152</v>
      </c>
      <c r="GX12" s="82">
        <v>115</v>
      </c>
      <c r="GY12" s="82">
        <v>67</v>
      </c>
      <c r="GZ12" s="82">
        <v>77</v>
      </c>
      <c r="HA12" s="82">
        <v>37</v>
      </c>
      <c r="HB12" s="84">
        <v>448</v>
      </c>
      <c r="HC12" s="85">
        <v>582</v>
      </c>
      <c r="HD12" s="70">
        <v>5</v>
      </c>
      <c r="HE12" s="71">
        <v>2</v>
      </c>
      <c r="HF12" s="72">
        <v>7</v>
      </c>
      <c r="HG12" s="244"/>
      <c r="HH12" s="71">
        <v>3</v>
      </c>
      <c r="HI12" s="71">
        <v>4</v>
      </c>
      <c r="HJ12" s="71">
        <v>3</v>
      </c>
      <c r="HK12" s="71">
        <v>5</v>
      </c>
      <c r="HL12" s="71">
        <v>4</v>
      </c>
      <c r="HM12" s="72">
        <v>19</v>
      </c>
      <c r="HN12" s="73">
        <v>26</v>
      </c>
      <c r="HO12" s="70">
        <v>8</v>
      </c>
      <c r="HP12" s="71">
        <v>7</v>
      </c>
      <c r="HQ12" s="72">
        <v>15</v>
      </c>
      <c r="HR12" s="244"/>
      <c r="HS12" s="71">
        <v>12</v>
      </c>
      <c r="HT12" s="71">
        <v>11</v>
      </c>
      <c r="HU12" s="71">
        <v>8</v>
      </c>
      <c r="HV12" s="71">
        <v>7</v>
      </c>
      <c r="HW12" s="71">
        <v>5</v>
      </c>
      <c r="HX12" s="72">
        <v>43</v>
      </c>
      <c r="HY12" s="73">
        <v>58</v>
      </c>
      <c r="HZ12" s="70">
        <v>10</v>
      </c>
      <c r="IA12" s="71">
        <v>10</v>
      </c>
      <c r="IB12" s="72">
        <v>20</v>
      </c>
      <c r="IC12" s="244"/>
      <c r="ID12" s="71">
        <v>20</v>
      </c>
      <c r="IE12" s="71">
        <v>16</v>
      </c>
      <c r="IF12" s="71">
        <v>7</v>
      </c>
      <c r="IG12" s="71">
        <v>6</v>
      </c>
      <c r="IH12" s="71">
        <v>5</v>
      </c>
      <c r="II12" s="72">
        <v>54</v>
      </c>
      <c r="IJ12" s="73">
        <v>74</v>
      </c>
      <c r="IK12" s="70">
        <v>14</v>
      </c>
      <c r="IL12" s="71">
        <v>17</v>
      </c>
      <c r="IM12" s="72">
        <v>31</v>
      </c>
      <c r="IN12" s="244"/>
      <c r="IO12" s="71">
        <v>29</v>
      </c>
      <c r="IP12" s="71">
        <v>18</v>
      </c>
      <c r="IQ12" s="71">
        <v>8</v>
      </c>
      <c r="IR12" s="71">
        <v>17</v>
      </c>
      <c r="IS12" s="71">
        <v>3</v>
      </c>
      <c r="IT12" s="72">
        <v>75</v>
      </c>
      <c r="IU12" s="73">
        <v>106</v>
      </c>
      <c r="IV12" s="70">
        <v>18</v>
      </c>
      <c r="IW12" s="71">
        <v>8</v>
      </c>
      <c r="IX12" s="72">
        <v>26</v>
      </c>
      <c r="IY12" s="244"/>
      <c r="IZ12" s="71">
        <v>51</v>
      </c>
      <c r="JA12" s="71">
        <v>29</v>
      </c>
      <c r="JB12" s="71">
        <v>21</v>
      </c>
      <c r="JC12" s="71">
        <v>14</v>
      </c>
      <c r="JD12" s="71">
        <v>6</v>
      </c>
      <c r="JE12" s="72">
        <v>121</v>
      </c>
      <c r="JF12" s="73">
        <v>147</v>
      </c>
      <c r="JG12" s="70">
        <v>18</v>
      </c>
      <c r="JH12" s="71">
        <v>17</v>
      </c>
      <c r="JI12" s="72">
        <v>35</v>
      </c>
      <c r="JJ12" s="244"/>
      <c r="JK12" s="71">
        <v>37</v>
      </c>
      <c r="JL12" s="71">
        <v>37</v>
      </c>
      <c r="JM12" s="71">
        <v>20</v>
      </c>
      <c r="JN12" s="71">
        <v>28</v>
      </c>
      <c r="JO12" s="71">
        <v>14</v>
      </c>
      <c r="JP12" s="72">
        <v>136</v>
      </c>
      <c r="JQ12" s="73">
        <v>171</v>
      </c>
      <c r="JR12" s="70">
        <v>0</v>
      </c>
      <c r="JS12" s="71">
        <v>0</v>
      </c>
      <c r="JT12" s="72">
        <v>0</v>
      </c>
      <c r="JU12" s="244"/>
      <c r="JV12" s="71">
        <v>0</v>
      </c>
      <c r="JW12" s="71">
        <v>0</v>
      </c>
      <c r="JX12" s="71">
        <v>0</v>
      </c>
      <c r="JY12" s="71">
        <v>0</v>
      </c>
      <c r="JZ12" s="71">
        <v>0</v>
      </c>
      <c r="KA12" s="72">
        <v>0</v>
      </c>
      <c r="KB12" s="73">
        <v>0</v>
      </c>
      <c r="KC12" s="70">
        <v>73</v>
      </c>
      <c r="KD12" s="71">
        <v>61</v>
      </c>
      <c r="KE12" s="72">
        <v>134</v>
      </c>
      <c r="KF12" s="244"/>
      <c r="KG12" s="71">
        <v>152</v>
      </c>
      <c r="KH12" s="71">
        <v>115</v>
      </c>
      <c r="KI12" s="71">
        <v>67</v>
      </c>
      <c r="KJ12" s="71">
        <v>77</v>
      </c>
      <c r="KK12" s="71">
        <v>37</v>
      </c>
      <c r="KL12" s="72">
        <v>448</v>
      </c>
      <c r="KM12" s="73">
        <v>582</v>
      </c>
    </row>
    <row r="13" spans="2:299" ht="21" customHeight="1" x14ac:dyDescent="0.2">
      <c r="B13" s="126" t="s">
        <v>9</v>
      </c>
      <c r="C13" s="315">
        <v>185</v>
      </c>
      <c r="D13" s="82">
        <v>108</v>
      </c>
      <c r="E13" s="83">
        <v>293</v>
      </c>
      <c r="F13" s="241"/>
      <c r="G13" s="82">
        <v>212</v>
      </c>
      <c r="H13" s="82">
        <v>143</v>
      </c>
      <c r="I13" s="82">
        <v>80</v>
      </c>
      <c r="J13" s="82">
        <v>88</v>
      </c>
      <c r="K13" s="82">
        <v>52</v>
      </c>
      <c r="L13" s="84">
        <v>575</v>
      </c>
      <c r="M13" s="85">
        <v>868</v>
      </c>
      <c r="N13" s="70">
        <v>4</v>
      </c>
      <c r="O13" s="71">
        <v>2</v>
      </c>
      <c r="P13" s="72">
        <v>6</v>
      </c>
      <c r="Q13" s="244"/>
      <c r="R13" s="71">
        <v>2</v>
      </c>
      <c r="S13" s="71">
        <v>3</v>
      </c>
      <c r="T13" s="71">
        <v>1</v>
      </c>
      <c r="U13" s="71">
        <v>4</v>
      </c>
      <c r="V13" s="71">
        <v>4</v>
      </c>
      <c r="W13" s="72">
        <v>14</v>
      </c>
      <c r="X13" s="73">
        <v>20</v>
      </c>
      <c r="Y13" s="70">
        <v>9</v>
      </c>
      <c r="Z13" s="71">
        <v>8</v>
      </c>
      <c r="AA13" s="72">
        <v>17</v>
      </c>
      <c r="AB13" s="244"/>
      <c r="AC13" s="71">
        <v>2</v>
      </c>
      <c r="AD13" s="71">
        <v>7</v>
      </c>
      <c r="AE13" s="71">
        <v>2</v>
      </c>
      <c r="AF13" s="71">
        <v>3</v>
      </c>
      <c r="AG13" s="71">
        <v>6</v>
      </c>
      <c r="AH13" s="72">
        <v>20</v>
      </c>
      <c r="AI13" s="73">
        <v>37</v>
      </c>
      <c r="AJ13" s="70">
        <v>21</v>
      </c>
      <c r="AK13" s="71">
        <v>11</v>
      </c>
      <c r="AL13" s="72">
        <v>32</v>
      </c>
      <c r="AM13" s="244"/>
      <c r="AN13" s="71">
        <v>18</v>
      </c>
      <c r="AO13" s="71">
        <v>16</v>
      </c>
      <c r="AP13" s="71">
        <v>7</v>
      </c>
      <c r="AQ13" s="71">
        <v>8</v>
      </c>
      <c r="AR13" s="71">
        <v>1</v>
      </c>
      <c r="AS13" s="72">
        <v>50</v>
      </c>
      <c r="AT13" s="73">
        <v>82</v>
      </c>
      <c r="AU13" s="70">
        <v>43</v>
      </c>
      <c r="AV13" s="71">
        <v>16</v>
      </c>
      <c r="AW13" s="72">
        <v>59</v>
      </c>
      <c r="AX13" s="244"/>
      <c r="AY13" s="71">
        <v>55</v>
      </c>
      <c r="AZ13" s="71">
        <v>21</v>
      </c>
      <c r="BA13" s="71">
        <v>16</v>
      </c>
      <c r="BB13" s="71">
        <v>13</v>
      </c>
      <c r="BC13" s="71">
        <v>11</v>
      </c>
      <c r="BD13" s="72">
        <v>116</v>
      </c>
      <c r="BE13" s="73">
        <v>175</v>
      </c>
      <c r="BF13" s="70">
        <v>57</v>
      </c>
      <c r="BG13" s="71">
        <v>44</v>
      </c>
      <c r="BH13" s="72">
        <v>101</v>
      </c>
      <c r="BI13" s="244"/>
      <c r="BJ13" s="71">
        <v>71</v>
      </c>
      <c r="BK13" s="71">
        <v>54</v>
      </c>
      <c r="BL13" s="71">
        <v>24</v>
      </c>
      <c r="BM13" s="71">
        <v>31</v>
      </c>
      <c r="BN13" s="71">
        <v>13</v>
      </c>
      <c r="BO13" s="72">
        <v>193</v>
      </c>
      <c r="BP13" s="73">
        <v>294</v>
      </c>
      <c r="BQ13" s="70">
        <v>51</v>
      </c>
      <c r="BR13" s="71">
        <v>27</v>
      </c>
      <c r="BS13" s="72">
        <v>78</v>
      </c>
      <c r="BT13" s="244"/>
      <c r="BU13" s="71">
        <v>64</v>
      </c>
      <c r="BV13" s="71">
        <v>42</v>
      </c>
      <c r="BW13" s="71">
        <v>30</v>
      </c>
      <c r="BX13" s="71">
        <v>29</v>
      </c>
      <c r="BY13" s="71">
        <v>17</v>
      </c>
      <c r="BZ13" s="72">
        <v>182</v>
      </c>
      <c r="CA13" s="73">
        <v>260</v>
      </c>
      <c r="CB13" s="70">
        <v>0</v>
      </c>
      <c r="CC13" s="71">
        <v>0</v>
      </c>
      <c r="CD13" s="72">
        <v>0</v>
      </c>
      <c r="CE13" s="244"/>
      <c r="CF13" s="71">
        <v>0</v>
      </c>
      <c r="CG13" s="71">
        <v>0</v>
      </c>
      <c r="CH13" s="71">
        <v>0</v>
      </c>
      <c r="CI13" s="71">
        <v>0</v>
      </c>
      <c r="CJ13" s="71">
        <v>0</v>
      </c>
      <c r="CK13" s="72">
        <v>0</v>
      </c>
      <c r="CL13" s="73">
        <v>0</v>
      </c>
      <c r="CM13" s="70">
        <v>185</v>
      </c>
      <c r="CN13" s="71">
        <v>108</v>
      </c>
      <c r="CO13" s="72">
        <v>293</v>
      </c>
      <c r="CP13" s="244"/>
      <c r="CQ13" s="71">
        <v>212</v>
      </c>
      <c r="CR13" s="71">
        <v>143</v>
      </c>
      <c r="CS13" s="71">
        <v>80</v>
      </c>
      <c r="CT13" s="71">
        <v>88</v>
      </c>
      <c r="CU13" s="71">
        <v>52</v>
      </c>
      <c r="CV13" s="72">
        <v>575</v>
      </c>
      <c r="CW13" s="73">
        <v>868</v>
      </c>
      <c r="CX13" s="123">
        <v>68</v>
      </c>
      <c r="CY13" s="82">
        <v>37</v>
      </c>
      <c r="CZ13" s="83">
        <v>105</v>
      </c>
      <c r="DA13" s="241"/>
      <c r="DB13" s="82">
        <v>74</v>
      </c>
      <c r="DC13" s="82">
        <v>40</v>
      </c>
      <c r="DD13" s="82">
        <v>48</v>
      </c>
      <c r="DE13" s="82">
        <v>48</v>
      </c>
      <c r="DF13" s="82">
        <v>27</v>
      </c>
      <c r="DG13" s="84">
        <v>237</v>
      </c>
      <c r="DH13" s="85">
        <v>342</v>
      </c>
      <c r="DI13" s="70">
        <v>0</v>
      </c>
      <c r="DJ13" s="71">
        <v>0</v>
      </c>
      <c r="DK13" s="72">
        <v>0</v>
      </c>
      <c r="DL13" s="244"/>
      <c r="DM13" s="71">
        <v>0</v>
      </c>
      <c r="DN13" s="71">
        <v>0</v>
      </c>
      <c r="DO13" s="71">
        <v>1</v>
      </c>
      <c r="DP13" s="71">
        <v>0</v>
      </c>
      <c r="DQ13" s="71">
        <v>0</v>
      </c>
      <c r="DR13" s="72">
        <v>1</v>
      </c>
      <c r="DS13" s="73">
        <v>1</v>
      </c>
      <c r="DT13" s="70">
        <v>8</v>
      </c>
      <c r="DU13" s="71">
        <v>3</v>
      </c>
      <c r="DV13" s="72">
        <v>11</v>
      </c>
      <c r="DW13" s="244"/>
      <c r="DX13" s="71">
        <v>5</v>
      </c>
      <c r="DY13" s="71">
        <v>1</v>
      </c>
      <c r="DZ13" s="71">
        <v>1</v>
      </c>
      <c r="EA13" s="71">
        <v>2</v>
      </c>
      <c r="EB13" s="71">
        <v>0</v>
      </c>
      <c r="EC13" s="72">
        <v>9</v>
      </c>
      <c r="ED13" s="73">
        <v>20</v>
      </c>
      <c r="EE13" s="70">
        <v>8</v>
      </c>
      <c r="EF13" s="71">
        <v>7</v>
      </c>
      <c r="EG13" s="72">
        <v>15</v>
      </c>
      <c r="EH13" s="244"/>
      <c r="EI13" s="71">
        <v>8</v>
      </c>
      <c r="EJ13" s="71">
        <v>6</v>
      </c>
      <c r="EK13" s="71">
        <v>2</v>
      </c>
      <c r="EL13" s="71">
        <v>3</v>
      </c>
      <c r="EM13" s="71">
        <v>1</v>
      </c>
      <c r="EN13" s="72">
        <v>20</v>
      </c>
      <c r="EO13" s="73">
        <v>35</v>
      </c>
      <c r="EP13" s="70">
        <v>22</v>
      </c>
      <c r="EQ13" s="71">
        <v>7</v>
      </c>
      <c r="ER13" s="72">
        <v>29</v>
      </c>
      <c r="ES13" s="244"/>
      <c r="ET13" s="71">
        <v>13</v>
      </c>
      <c r="EU13" s="71">
        <v>5</v>
      </c>
      <c r="EV13" s="71">
        <v>9</v>
      </c>
      <c r="EW13" s="71">
        <v>8</v>
      </c>
      <c r="EX13" s="71">
        <v>3</v>
      </c>
      <c r="EY13" s="72">
        <v>38</v>
      </c>
      <c r="EZ13" s="73">
        <v>67</v>
      </c>
      <c r="FA13" s="70">
        <v>21</v>
      </c>
      <c r="FB13" s="71">
        <v>7</v>
      </c>
      <c r="FC13" s="72">
        <v>28</v>
      </c>
      <c r="FD13" s="244"/>
      <c r="FE13" s="71">
        <v>13</v>
      </c>
      <c r="FF13" s="71">
        <v>13</v>
      </c>
      <c r="FG13" s="71">
        <v>16</v>
      </c>
      <c r="FH13" s="71">
        <v>9</v>
      </c>
      <c r="FI13" s="71">
        <v>5</v>
      </c>
      <c r="FJ13" s="72">
        <v>56</v>
      </c>
      <c r="FK13" s="73">
        <v>84</v>
      </c>
      <c r="FL13" s="70">
        <v>9</v>
      </c>
      <c r="FM13" s="71">
        <v>13</v>
      </c>
      <c r="FN13" s="72">
        <v>22</v>
      </c>
      <c r="FO13" s="244"/>
      <c r="FP13" s="71">
        <v>35</v>
      </c>
      <c r="FQ13" s="71">
        <v>15</v>
      </c>
      <c r="FR13" s="71">
        <v>19</v>
      </c>
      <c r="FS13" s="71">
        <v>26</v>
      </c>
      <c r="FT13" s="71">
        <v>18</v>
      </c>
      <c r="FU13" s="72">
        <v>113</v>
      </c>
      <c r="FV13" s="73">
        <v>135</v>
      </c>
      <c r="FW13" s="70">
        <v>0</v>
      </c>
      <c r="FX13" s="71">
        <v>0</v>
      </c>
      <c r="FY13" s="72">
        <v>0</v>
      </c>
      <c r="FZ13" s="244"/>
      <c r="GA13" s="71">
        <v>0</v>
      </c>
      <c r="GB13" s="71">
        <v>0</v>
      </c>
      <c r="GC13" s="71">
        <v>0</v>
      </c>
      <c r="GD13" s="71">
        <v>0</v>
      </c>
      <c r="GE13" s="71">
        <v>0</v>
      </c>
      <c r="GF13" s="72">
        <v>0</v>
      </c>
      <c r="GG13" s="73">
        <v>0</v>
      </c>
      <c r="GH13" s="70">
        <v>68</v>
      </c>
      <c r="GI13" s="71">
        <v>37</v>
      </c>
      <c r="GJ13" s="72">
        <v>105</v>
      </c>
      <c r="GK13" s="244"/>
      <c r="GL13" s="71">
        <v>74</v>
      </c>
      <c r="GM13" s="71">
        <v>40</v>
      </c>
      <c r="GN13" s="71">
        <v>48</v>
      </c>
      <c r="GO13" s="71">
        <v>48</v>
      </c>
      <c r="GP13" s="71">
        <v>27</v>
      </c>
      <c r="GQ13" s="72">
        <v>237</v>
      </c>
      <c r="GR13" s="73">
        <v>342</v>
      </c>
      <c r="GS13" s="123">
        <v>253</v>
      </c>
      <c r="GT13" s="82">
        <v>145</v>
      </c>
      <c r="GU13" s="83">
        <v>398</v>
      </c>
      <c r="GV13" s="241"/>
      <c r="GW13" s="82">
        <v>286</v>
      </c>
      <c r="GX13" s="82">
        <v>183</v>
      </c>
      <c r="GY13" s="82">
        <v>128</v>
      </c>
      <c r="GZ13" s="82">
        <v>136</v>
      </c>
      <c r="HA13" s="82">
        <v>79</v>
      </c>
      <c r="HB13" s="84">
        <v>812</v>
      </c>
      <c r="HC13" s="85">
        <v>1210</v>
      </c>
      <c r="HD13" s="70">
        <v>4</v>
      </c>
      <c r="HE13" s="71">
        <v>2</v>
      </c>
      <c r="HF13" s="72">
        <v>6</v>
      </c>
      <c r="HG13" s="244"/>
      <c r="HH13" s="71">
        <v>2</v>
      </c>
      <c r="HI13" s="71">
        <v>3</v>
      </c>
      <c r="HJ13" s="71">
        <v>2</v>
      </c>
      <c r="HK13" s="71">
        <v>4</v>
      </c>
      <c r="HL13" s="71">
        <v>4</v>
      </c>
      <c r="HM13" s="72">
        <v>15</v>
      </c>
      <c r="HN13" s="73">
        <v>21</v>
      </c>
      <c r="HO13" s="70">
        <v>17</v>
      </c>
      <c r="HP13" s="71">
        <v>11</v>
      </c>
      <c r="HQ13" s="72">
        <v>28</v>
      </c>
      <c r="HR13" s="244"/>
      <c r="HS13" s="71">
        <v>7</v>
      </c>
      <c r="HT13" s="71">
        <v>8</v>
      </c>
      <c r="HU13" s="71">
        <v>3</v>
      </c>
      <c r="HV13" s="71">
        <v>5</v>
      </c>
      <c r="HW13" s="71">
        <v>6</v>
      </c>
      <c r="HX13" s="72">
        <v>29</v>
      </c>
      <c r="HY13" s="73">
        <v>57</v>
      </c>
      <c r="HZ13" s="70">
        <v>29</v>
      </c>
      <c r="IA13" s="71">
        <v>18</v>
      </c>
      <c r="IB13" s="72">
        <v>47</v>
      </c>
      <c r="IC13" s="244"/>
      <c r="ID13" s="71">
        <v>26</v>
      </c>
      <c r="IE13" s="71">
        <v>22</v>
      </c>
      <c r="IF13" s="71">
        <v>9</v>
      </c>
      <c r="IG13" s="71">
        <v>11</v>
      </c>
      <c r="IH13" s="71">
        <v>2</v>
      </c>
      <c r="II13" s="72">
        <v>70</v>
      </c>
      <c r="IJ13" s="73">
        <v>117</v>
      </c>
      <c r="IK13" s="70">
        <v>65</v>
      </c>
      <c r="IL13" s="71">
        <v>23</v>
      </c>
      <c r="IM13" s="72">
        <v>88</v>
      </c>
      <c r="IN13" s="244"/>
      <c r="IO13" s="71">
        <v>68</v>
      </c>
      <c r="IP13" s="71">
        <v>26</v>
      </c>
      <c r="IQ13" s="71">
        <v>25</v>
      </c>
      <c r="IR13" s="71">
        <v>21</v>
      </c>
      <c r="IS13" s="71">
        <v>14</v>
      </c>
      <c r="IT13" s="72">
        <v>154</v>
      </c>
      <c r="IU13" s="73">
        <v>242</v>
      </c>
      <c r="IV13" s="70">
        <v>78</v>
      </c>
      <c r="IW13" s="71">
        <v>51</v>
      </c>
      <c r="IX13" s="72">
        <v>129</v>
      </c>
      <c r="IY13" s="244"/>
      <c r="IZ13" s="71">
        <v>84</v>
      </c>
      <c r="JA13" s="71">
        <v>67</v>
      </c>
      <c r="JB13" s="71">
        <v>40</v>
      </c>
      <c r="JC13" s="71">
        <v>40</v>
      </c>
      <c r="JD13" s="71">
        <v>18</v>
      </c>
      <c r="JE13" s="72">
        <v>249</v>
      </c>
      <c r="JF13" s="73">
        <v>378</v>
      </c>
      <c r="JG13" s="70">
        <v>60</v>
      </c>
      <c r="JH13" s="71">
        <v>40</v>
      </c>
      <c r="JI13" s="72">
        <v>100</v>
      </c>
      <c r="JJ13" s="244"/>
      <c r="JK13" s="71">
        <v>99</v>
      </c>
      <c r="JL13" s="71">
        <v>57</v>
      </c>
      <c r="JM13" s="71">
        <v>49</v>
      </c>
      <c r="JN13" s="71">
        <v>55</v>
      </c>
      <c r="JO13" s="71">
        <v>35</v>
      </c>
      <c r="JP13" s="72">
        <v>295</v>
      </c>
      <c r="JQ13" s="73">
        <v>395</v>
      </c>
      <c r="JR13" s="70">
        <v>0</v>
      </c>
      <c r="JS13" s="71">
        <v>0</v>
      </c>
      <c r="JT13" s="72">
        <v>0</v>
      </c>
      <c r="JU13" s="244"/>
      <c r="JV13" s="71">
        <v>0</v>
      </c>
      <c r="JW13" s="71">
        <v>0</v>
      </c>
      <c r="JX13" s="71">
        <v>0</v>
      </c>
      <c r="JY13" s="71">
        <v>0</v>
      </c>
      <c r="JZ13" s="71">
        <v>0</v>
      </c>
      <c r="KA13" s="72">
        <v>0</v>
      </c>
      <c r="KB13" s="73">
        <v>0</v>
      </c>
      <c r="KC13" s="70">
        <v>253</v>
      </c>
      <c r="KD13" s="71">
        <v>145</v>
      </c>
      <c r="KE13" s="72">
        <v>398</v>
      </c>
      <c r="KF13" s="244"/>
      <c r="KG13" s="71">
        <v>286</v>
      </c>
      <c r="KH13" s="71">
        <v>183</v>
      </c>
      <c r="KI13" s="71">
        <v>128</v>
      </c>
      <c r="KJ13" s="71">
        <v>136</v>
      </c>
      <c r="KK13" s="71">
        <v>79</v>
      </c>
      <c r="KL13" s="72">
        <v>812</v>
      </c>
      <c r="KM13" s="73">
        <v>1210</v>
      </c>
    </row>
    <row r="14" spans="2:299" ht="21" customHeight="1" x14ac:dyDescent="0.2">
      <c r="B14" s="126" t="s">
        <v>10</v>
      </c>
      <c r="C14" s="315">
        <v>277</v>
      </c>
      <c r="D14" s="82">
        <v>181</v>
      </c>
      <c r="E14" s="83">
        <v>458</v>
      </c>
      <c r="F14" s="241"/>
      <c r="G14" s="82">
        <v>252</v>
      </c>
      <c r="H14" s="82">
        <v>160</v>
      </c>
      <c r="I14" s="82">
        <v>101</v>
      </c>
      <c r="J14" s="82">
        <v>75</v>
      </c>
      <c r="K14" s="82">
        <v>86</v>
      </c>
      <c r="L14" s="84">
        <v>674</v>
      </c>
      <c r="M14" s="85">
        <v>1132</v>
      </c>
      <c r="N14" s="70">
        <v>4</v>
      </c>
      <c r="O14" s="71">
        <v>7</v>
      </c>
      <c r="P14" s="72">
        <v>11</v>
      </c>
      <c r="Q14" s="244"/>
      <c r="R14" s="71">
        <v>8</v>
      </c>
      <c r="S14" s="71">
        <v>6</v>
      </c>
      <c r="T14" s="71">
        <v>2</v>
      </c>
      <c r="U14" s="71">
        <v>2</v>
      </c>
      <c r="V14" s="71">
        <v>4</v>
      </c>
      <c r="W14" s="72">
        <v>22</v>
      </c>
      <c r="X14" s="73">
        <v>33</v>
      </c>
      <c r="Y14" s="70">
        <v>23</v>
      </c>
      <c r="Z14" s="71">
        <v>15</v>
      </c>
      <c r="AA14" s="72">
        <v>38</v>
      </c>
      <c r="AB14" s="244"/>
      <c r="AC14" s="71">
        <v>21</v>
      </c>
      <c r="AD14" s="71">
        <v>14</v>
      </c>
      <c r="AE14" s="71">
        <v>7</v>
      </c>
      <c r="AF14" s="71">
        <v>4</v>
      </c>
      <c r="AG14" s="71">
        <v>14</v>
      </c>
      <c r="AH14" s="72">
        <v>60</v>
      </c>
      <c r="AI14" s="73">
        <v>98</v>
      </c>
      <c r="AJ14" s="70">
        <v>27</v>
      </c>
      <c r="AK14" s="71">
        <v>27</v>
      </c>
      <c r="AL14" s="72">
        <v>54</v>
      </c>
      <c r="AM14" s="244"/>
      <c r="AN14" s="71">
        <v>31</v>
      </c>
      <c r="AO14" s="71">
        <v>23</v>
      </c>
      <c r="AP14" s="71">
        <v>10</v>
      </c>
      <c r="AQ14" s="71">
        <v>7</v>
      </c>
      <c r="AR14" s="71">
        <v>15</v>
      </c>
      <c r="AS14" s="72">
        <v>86</v>
      </c>
      <c r="AT14" s="73">
        <v>140</v>
      </c>
      <c r="AU14" s="70">
        <v>60</v>
      </c>
      <c r="AV14" s="71">
        <v>38</v>
      </c>
      <c r="AW14" s="72">
        <v>98</v>
      </c>
      <c r="AX14" s="244"/>
      <c r="AY14" s="71">
        <v>55</v>
      </c>
      <c r="AZ14" s="71">
        <v>30</v>
      </c>
      <c r="BA14" s="71">
        <v>16</v>
      </c>
      <c r="BB14" s="71">
        <v>13</v>
      </c>
      <c r="BC14" s="71">
        <v>17</v>
      </c>
      <c r="BD14" s="72">
        <v>131</v>
      </c>
      <c r="BE14" s="73">
        <v>229</v>
      </c>
      <c r="BF14" s="70">
        <v>84</v>
      </c>
      <c r="BG14" s="71">
        <v>51</v>
      </c>
      <c r="BH14" s="72">
        <v>135</v>
      </c>
      <c r="BI14" s="244"/>
      <c r="BJ14" s="71">
        <v>74</v>
      </c>
      <c r="BK14" s="71">
        <v>33</v>
      </c>
      <c r="BL14" s="71">
        <v>33</v>
      </c>
      <c r="BM14" s="71">
        <v>17</v>
      </c>
      <c r="BN14" s="71">
        <v>13</v>
      </c>
      <c r="BO14" s="72">
        <v>170</v>
      </c>
      <c r="BP14" s="73">
        <v>305</v>
      </c>
      <c r="BQ14" s="70">
        <v>79</v>
      </c>
      <c r="BR14" s="71">
        <v>43</v>
      </c>
      <c r="BS14" s="72">
        <v>122</v>
      </c>
      <c r="BT14" s="244"/>
      <c r="BU14" s="71">
        <v>63</v>
      </c>
      <c r="BV14" s="71">
        <v>54</v>
      </c>
      <c r="BW14" s="71">
        <v>33</v>
      </c>
      <c r="BX14" s="71">
        <v>32</v>
      </c>
      <c r="BY14" s="71">
        <v>23</v>
      </c>
      <c r="BZ14" s="72">
        <v>205</v>
      </c>
      <c r="CA14" s="73">
        <v>327</v>
      </c>
      <c r="CB14" s="70">
        <v>0</v>
      </c>
      <c r="CC14" s="71">
        <v>0</v>
      </c>
      <c r="CD14" s="72">
        <v>0</v>
      </c>
      <c r="CE14" s="244"/>
      <c r="CF14" s="71">
        <v>0</v>
      </c>
      <c r="CG14" s="71">
        <v>0</v>
      </c>
      <c r="CH14" s="71">
        <v>0</v>
      </c>
      <c r="CI14" s="71">
        <v>0</v>
      </c>
      <c r="CJ14" s="71">
        <v>0</v>
      </c>
      <c r="CK14" s="72">
        <v>0</v>
      </c>
      <c r="CL14" s="73">
        <v>0</v>
      </c>
      <c r="CM14" s="70">
        <v>277</v>
      </c>
      <c r="CN14" s="71">
        <v>181</v>
      </c>
      <c r="CO14" s="72">
        <v>458</v>
      </c>
      <c r="CP14" s="244"/>
      <c r="CQ14" s="71">
        <v>252</v>
      </c>
      <c r="CR14" s="71">
        <v>160</v>
      </c>
      <c r="CS14" s="71">
        <v>101</v>
      </c>
      <c r="CT14" s="71">
        <v>75</v>
      </c>
      <c r="CU14" s="71">
        <v>86</v>
      </c>
      <c r="CV14" s="72">
        <v>674</v>
      </c>
      <c r="CW14" s="73">
        <v>1132</v>
      </c>
      <c r="CX14" s="123">
        <v>107</v>
      </c>
      <c r="CY14" s="82">
        <v>75</v>
      </c>
      <c r="CZ14" s="83">
        <v>182</v>
      </c>
      <c r="DA14" s="241"/>
      <c r="DB14" s="82">
        <v>117</v>
      </c>
      <c r="DC14" s="82">
        <v>53</v>
      </c>
      <c r="DD14" s="82">
        <v>48</v>
      </c>
      <c r="DE14" s="82">
        <v>39</v>
      </c>
      <c r="DF14" s="82">
        <v>35</v>
      </c>
      <c r="DG14" s="84">
        <v>292</v>
      </c>
      <c r="DH14" s="85">
        <v>474</v>
      </c>
      <c r="DI14" s="70">
        <v>6</v>
      </c>
      <c r="DJ14" s="71">
        <v>3</v>
      </c>
      <c r="DK14" s="72">
        <v>9</v>
      </c>
      <c r="DL14" s="244"/>
      <c r="DM14" s="71">
        <v>2</v>
      </c>
      <c r="DN14" s="71">
        <v>0</v>
      </c>
      <c r="DO14" s="71">
        <v>3</v>
      </c>
      <c r="DP14" s="71">
        <v>0</v>
      </c>
      <c r="DQ14" s="71">
        <v>1</v>
      </c>
      <c r="DR14" s="72">
        <v>6</v>
      </c>
      <c r="DS14" s="73">
        <v>15</v>
      </c>
      <c r="DT14" s="70">
        <v>9</v>
      </c>
      <c r="DU14" s="71">
        <v>5</v>
      </c>
      <c r="DV14" s="72">
        <v>14</v>
      </c>
      <c r="DW14" s="244"/>
      <c r="DX14" s="71">
        <v>6</v>
      </c>
      <c r="DY14" s="71">
        <v>1</v>
      </c>
      <c r="DZ14" s="71">
        <v>1</v>
      </c>
      <c r="EA14" s="71">
        <v>0</v>
      </c>
      <c r="EB14" s="71">
        <v>2</v>
      </c>
      <c r="EC14" s="72">
        <v>10</v>
      </c>
      <c r="ED14" s="73">
        <v>24</v>
      </c>
      <c r="EE14" s="70">
        <v>14</v>
      </c>
      <c r="EF14" s="71">
        <v>10</v>
      </c>
      <c r="EG14" s="72">
        <v>24</v>
      </c>
      <c r="EH14" s="244"/>
      <c r="EI14" s="71">
        <v>7</v>
      </c>
      <c r="EJ14" s="71">
        <v>6</v>
      </c>
      <c r="EK14" s="71">
        <v>6</v>
      </c>
      <c r="EL14" s="71">
        <v>0</v>
      </c>
      <c r="EM14" s="71">
        <v>1</v>
      </c>
      <c r="EN14" s="72">
        <v>20</v>
      </c>
      <c r="EO14" s="73">
        <v>44</v>
      </c>
      <c r="EP14" s="70">
        <v>29</v>
      </c>
      <c r="EQ14" s="71">
        <v>20</v>
      </c>
      <c r="ER14" s="72">
        <v>49</v>
      </c>
      <c r="ES14" s="244"/>
      <c r="ET14" s="71">
        <v>25</v>
      </c>
      <c r="EU14" s="71">
        <v>6</v>
      </c>
      <c r="EV14" s="71">
        <v>4</v>
      </c>
      <c r="EW14" s="71">
        <v>2</v>
      </c>
      <c r="EX14" s="71">
        <v>5</v>
      </c>
      <c r="EY14" s="72">
        <v>42</v>
      </c>
      <c r="EZ14" s="73">
        <v>91</v>
      </c>
      <c r="FA14" s="70">
        <v>28</v>
      </c>
      <c r="FB14" s="71">
        <v>20</v>
      </c>
      <c r="FC14" s="72">
        <v>48</v>
      </c>
      <c r="FD14" s="244"/>
      <c r="FE14" s="71">
        <v>31</v>
      </c>
      <c r="FF14" s="71">
        <v>14</v>
      </c>
      <c r="FG14" s="71">
        <v>11</v>
      </c>
      <c r="FH14" s="71">
        <v>10</v>
      </c>
      <c r="FI14" s="71">
        <v>6</v>
      </c>
      <c r="FJ14" s="72">
        <v>72</v>
      </c>
      <c r="FK14" s="73">
        <v>120</v>
      </c>
      <c r="FL14" s="70">
        <v>21</v>
      </c>
      <c r="FM14" s="71">
        <v>17</v>
      </c>
      <c r="FN14" s="72">
        <v>38</v>
      </c>
      <c r="FO14" s="244"/>
      <c r="FP14" s="71">
        <v>46</v>
      </c>
      <c r="FQ14" s="71">
        <v>26</v>
      </c>
      <c r="FR14" s="71">
        <v>23</v>
      </c>
      <c r="FS14" s="71">
        <v>27</v>
      </c>
      <c r="FT14" s="71">
        <v>20</v>
      </c>
      <c r="FU14" s="72">
        <v>142</v>
      </c>
      <c r="FV14" s="73">
        <v>180</v>
      </c>
      <c r="FW14" s="70">
        <v>0</v>
      </c>
      <c r="FX14" s="71">
        <v>0</v>
      </c>
      <c r="FY14" s="72">
        <v>0</v>
      </c>
      <c r="FZ14" s="244"/>
      <c r="GA14" s="71">
        <v>0</v>
      </c>
      <c r="GB14" s="71">
        <v>0</v>
      </c>
      <c r="GC14" s="71">
        <v>0</v>
      </c>
      <c r="GD14" s="71">
        <v>0</v>
      </c>
      <c r="GE14" s="71">
        <v>0</v>
      </c>
      <c r="GF14" s="72">
        <v>0</v>
      </c>
      <c r="GG14" s="73">
        <v>0</v>
      </c>
      <c r="GH14" s="70">
        <v>107</v>
      </c>
      <c r="GI14" s="71">
        <v>75</v>
      </c>
      <c r="GJ14" s="72">
        <v>182</v>
      </c>
      <c r="GK14" s="244"/>
      <c r="GL14" s="71">
        <v>117</v>
      </c>
      <c r="GM14" s="71">
        <v>53</v>
      </c>
      <c r="GN14" s="71">
        <v>48</v>
      </c>
      <c r="GO14" s="71">
        <v>39</v>
      </c>
      <c r="GP14" s="71">
        <v>35</v>
      </c>
      <c r="GQ14" s="72">
        <v>292</v>
      </c>
      <c r="GR14" s="73">
        <v>474</v>
      </c>
      <c r="GS14" s="123">
        <v>384</v>
      </c>
      <c r="GT14" s="82">
        <v>256</v>
      </c>
      <c r="GU14" s="83">
        <v>640</v>
      </c>
      <c r="GV14" s="241"/>
      <c r="GW14" s="82">
        <v>369</v>
      </c>
      <c r="GX14" s="82">
        <v>213</v>
      </c>
      <c r="GY14" s="82">
        <v>149</v>
      </c>
      <c r="GZ14" s="82">
        <v>114</v>
      </c>
      <c r="HA14" s="82">
        <v>121</v>
      </c>
      <c r="HB14" s="84">
        <v>966</v>
      </c>
      <c r="HC14" s="85">
        <v>1606</v>
      </c>
      <c r="HD14" s="70">
        <v>10</v>
      </c>
      <c r="HE14" s="71">
        <v>10</v>
      </c>
      <c r="HF14" s="72">
        <v>20</v>
      </c>
      <c r="HG14" s="244"/>
      <c r="HH14" s="71">
        <v>10</v>
      </c>
      <c r="HI14" s="71">
        <v>6</v>
      </c>
      <c r="HJ14" s="71">
        <v>5</v>
      </c>
      <c r="HK14" s="71">
        <v>2</v>
      </c>
      <c r="HL14" s="71">
        <v>5</v>
      </c>
      <c r="HM14" s="72">
        <v>28</v>
      </c>
      <c r="HN14" s="73">
        <v>48</v>
      </c>
      <c r="HO14" s="70">
        <v>32</v>
      </c>
      <c r="HP14" s="71">
        <v>20</v>
      </c>
      <c r="HQ14" s="72">
        <v>52</v>
      </c>
      <c r="HR14" s="244"/>
      <c r="HS14" s="71">
        <v>27</v>
      </c>
      <c r="HT14" s="71">
        <v>15</v>
      </c>
      <c r="HU14" s="71">
        <v>8</v>
      </c>
      <c r="HV14" s="71">
        <v>4</v>
      </c>
      <c r="HW14" s="71">
        <v>16</v>
      </c>
      <c r="HX14" s="72">
        <v>70</v>
      </c>
      <c r="HY14" s="73">
        <v>122</v>
      </c>
      <c r="HZ14" s="70">
        <v>41</v>
      </c>
      <c r="IA14" s="71">
        <v>37</v>
      </c>
      <c r="IB14" s="72">
        <v>78</v>
      </c>
      <c r="IC14" s="244"/>
      <c r="ID14" s="71">
        <v>38</v>
      </c>
      <c r="IE14" s="71">
        <v>29</v>
      </c>
      <c r="IF14" s="71">
        <v>16</v>
      </c>
      <c r="IG14" s="71">
        <v>7</v>
      </c>
      <c r="IH14" s="71">
        <v>16</v>
      </c>
      <c r="II14" s="72">
        <v>106</v>
      </c>
      <c r="IJ14" s="73">
        <v>184</v>
      </c>
      <c r="IK14" s="70">
        <v>89</v>
      </c>
      <c r="IL14" s="71">
        <v>58</v>
      </c>
      <c r="IM14" s="72">
        <v>147</v>
      </c>
      <c r="IN14" s="244"/>
      <c r="IO14" s="71">
        <v>80</v>
      </c>
      <c r="IP14" s="71">
        <v>36</v>
      </c>
      <c r="IQ14" s="71">
        <v>20</v>
      </c>
      <c r="IR14" s="71">
        <v>15</v>
      </c>
      <c r="IS14" s="71">
        <v>22</v>
      </c>
      <c r="IT14" s="72">
        <v>173</v>
      </c>
      <c r="IU14" s="73">
        <v>320</v>
      </c>
      <c r="IV14" s="70">
        <v>112</v>
      </c>
      <c r="IW14" s="71">
        <v>71</v>
      </c>
      <c r="IX14" s="72">
        <v>183</v>
      </c>
      <c r="IY14" s="244"/>
      <c r="IZ14" s="71">
        <v>105</v>
      </c>
      <c r="JA14" s="71">
        <v>47</v>
      </c>
      <c r="JB14" s="71">
        <v>44</v>
      </c>
      <c r="JC14" s="71">
        <v>27</v>
      </c>
      <c r="JD14" s="71">
        <v>19</v>
      </c>
      <c r="JE14" s="72">
        <v>242</v>
      </c>
      <c r="JF14" s="73">
        <v>425</v>
      </c>
      <c r="JG14" s="70">
        <v>100</v>
      </c>
      <c r="JH14" s="71">
        <v>60</v>
      </c>
      <c r="JI14" s="72">
        <v>160</v>
      </c>
      <c r="JJ14" s="244"/>
      <c r="JK14" s="71">
        <v>109</v>
      </c>
      <c r="JL14" s="71">
        <v>80</v>
      </c>
      <c r="JM14" s="71">
        <v>56</v>
      </c>
      <c r="JN14" s="71">
        <v>59</v>
      </c>
      <c r="JO14" s="71">
        <v>43</v>
      </c>
      <c r="JP14" s="72">
        <v>347</v>
      </c>
      <c r="JQ14" s="73">
        <v>507</v>
      </c>
      <c r="JR14" s="70">
        <v>0</v>
      </c>
      <c r="JS14" s="71">
        <v>0</v>
      </c>
      <c r="JT14" s="72">
        <v>0</v>
      </c>
      <c r="JU14" s="244"/>
      <c r="JV14" s="71">
        <v>0</v>
      </c>
      <c r="JW14" s="71">
        <v>0</v>
      </c>
      <c r="JX14" s="71">
        <v>0</v>
      </c>
      <c r="JY14" s="71">
        <v>0</v>
      </c>
      <c r="JZ14" s="71">
        <v>0</v>
      </c>
      <c r="KA14" s="72">
        <v>0</v>
      </c>
      <c r="KB14" s="73">
        <v>0</v>
      </c>
      <c r="KC14" s="70">
        <v>384</v>
      </c>
      <c r="KD14" s="71">
        <v>256</v>
      </c>
      <c r="KE14" s="72">
        <v>640</v>
      </c>
      <c r="KF14" s="244"/>
      <c r="KG14" s="71">
        <v>369</v>
      </c>
      <c r="KH14" s="71">
        <v>213</v>
      </c>
      <c r="KI14" s="71">
        <v>149</v>
      </c>
      <c r="KJ14" s="71">
        <v>114</v>
      </c>
      <c r="KK14" s="71">
        <v>121</v>
      </c>
      <c r="KL14" s="72">
        <v>966</v>
      </c>
      <c r="KM14" s="73">
        <v>1606</v>
      </c>
    </row>
    <row r="15" spans="2:299" ht="21" customHeight="1" x14ac:dyDescent="0.2">
      <c r="B15" s="126" t="s">
        <v>11</v>
      </c>
      <c r="C15" s="315">
        <v>38</v>
      </c>
      <c r="D15" s="82">
        <v>36</v>
      </c>
      <c r="E15" s="83">
        <v>74</v>
      </c>
      <c r="F15" s="241"/>
      <c r="G15" s="82">
        <v>98</v>
      </c>
      <c r="H15" s="82">
        <v>41</v>
      </c>
      <c r="I15" s="82">
        <v>38</v>
      </c>
      <c r="J15" s="82">
        <v>34</v>
      </c>
      <c r="K15" s="82">
        <v>15</v>
      </c>
      <c r="L15" s="84">
        <v>226</v>
      </c>
      <c r="M15" s="85">
        <v>300</v>
      </c>
      <c r="N15" s="70">
        <v>1</v>
      </c>
      <c r="O15" s="71">
        <v>2</v>
      </c>
      <c r="P15" s="72">
        <v>3</v>
      </c>
      <c r="Q15" s="244"/>
      <c r="R15" s="71">
        <v>4</v>
      </c>
      <c r="S15" s="71">
        <v>0</v>
      </c>
      <c r="T15" s="71">
        <v>2</v>
      </c>
      <c r="U15" s="71">
        <v>1</v>
      </c>
      <c r="V15" s="71">
        <v>0</v>
      </c>
      <c r="W15" s="72">
        <v>7</v>
      </c>
      <c r="X15" s="73">
        <v>10</v>
      </c>
      <c r="Y15" s="70">
        <v>3</v>
      </c>
      <c r="Z15" s="71">
        <v>1</v>
      </c>
      <c r="AA15" s="72">
        <v>4</v>
      </c>
      <c r="AB15" s="244"/>
      <c r="AC15" s="71">
        <v>7</v>
      </c>
      <c r="AD15" s="71">
        <v>4</v>
      </c>
      <c r="AE15" s="71">
        <v>4</v>
      </c>
      <c r="AF15" s="71">
        <v>1</v>
      </c>
      <c r="AG15" s="71">
        <v>0</v>
      </c>
      <c r="AH15" s="72">
        <v>16</v>
      </c>
      <c r="AI15" s="73">
        <v>20</v>
      </c>
      <c r="AJ15" s="70">
        <v>4</v>
      </c>
      <c r="AK15" s="71">
        <v>5</v>
      </c>
      <c r="AL15" s="72">
        <v>9</v>
      </c>
      <c r="AM15" s="244"/>
      <c r="AN15" s="71">
        <v>19</v>
      </c>
      <c r="AO15" s="71">
        <v>8</v>
      </c>
      <c r="AP15" s="71">
        <v>5</v>
      </c>
      <c r="AQ15" s="71">
        <v>6</v>
      </c>
      <c r="AR15" s="71">
        <v>2</v>
      </c>
      <c r="AS15" s="72">
        <v>40</v>
      </c>
      <c r="AT15" s="73">
        <v>49</v>
      </c>
      <c r="AU15" s="70">
        <v>6</v>
      </c>
      <c r="AV15" s="71">
        <v>5</v>
      </c>
      <c r="AW15" s="72">
        <v>11</v>
      </c>
      <c r="AX15" s="244"/>
      <c r="AY15" s="71">
        <v>21</v>
      </c>
      <c r="AZ15" s="71">
        <v>11</v>
      </c>
      <c r="BA15" s="71">
        <v>11</v>
      </c>
      <c r="BB15" s="71">
        <v>9</v>
      </c>
      <c r="BC15" s="71">
        <v>4</v>
      </c>
      <c r="BD15" s="72">
        <v>56</v>
      </c>
      <c r="BE15" s="73">
        <v>67</v>
      </c>
      <c r="BF15" s="70">
        <v>16</v>
      </c>
      <c r="BG15" s="71">
        <v>15</v>
      </c>
      <c r="BH15" s="72">
        <v>31</v>
      </c>
      <c r="BI15" s="244"/>
      <c r="BJ15" s="71">
        <v>28</v>
      </c>
      <c r="BK15" s="71">
        <v>8</v>
      </c>
      <c r="BL15" s="71">
        <v>3</v>
      </c>
      <c r="BM15" s="71">
        <v>9</v>
      </c>
      <c r="BN15" s="71">
        <v>5</v>
      </c>
      <c r="BO15" s="72">
        <v>53</v>
      </c>
      <c r="BP15" s="73">
        <v>84</v>
      </c>
      <c r="BQ15" s="70">
        <v>8</v>
      </c>
      <c r="BR15" s="71">
        <v>8</v>
      </c>
      <c r="BS15" s="72">
        <v>16</v>
      </c>
      <c r="BT15" s="244"/>
      <c r="BU15" s="71">
        <v>19</v>
      </c>
      <c r="BV15" s="71">
        <v>10</v>
      </c>
      <c r="BW15" s="71">
        <v>13</v>
      </c>
      <c r="BX15" s="71">
        <v>8</v>
      </c>
      <c r="BY15" s="71">
        <v>4</v>
      </c>
      <c r="BZ15" s="72">
        <v>54</v>
      </c>
      <c r="CA15" s="73">
        <v>70</v>
      </c>
      <c r="CB15" s="70">
        <v>0</v>
      </c>
      <c r="CC15" s="71">
        <v>0</v>
      </c>
      <c r="CD15" s="72">
        <v>0</v>
      </c>
      <c r="CE15" s="244"/>
      <c r="CF15" s="71">
        <v>0</v>
      </c>
      <c r="CG15" s="71">
        <v>0</v>
      </c>
      <c r="CH15" s="71">
        <v>0</v>
      </c>
      <c r="CI15" s="71">
        <v>0</v>
      </c>
      <c r="CJ15" s="71">
        <v>0</v>
      </c>
      <c r="CK15" s="72">
        <v>0</v>
      </c>
      <c r="CL15" s="73">
        <v>0</v>
      </c>
      <c r="CM15" s="70">
        <v>38</v>
      </c>
      <c r="CN15" s="71">
        <v>36</v>
      </c>
      <c r="CO15" s="72">
        <v>74</v>
      </c>
      <c r="CP15" s="244"/>
      <c r="CQ15" s="71">
        <v>98</v>
      </c>
      <c r="CR15" s="71">
        <v>41</v>
      </c>
      <c r="CS15" s="71">
        <v>38</v>
      </c>
      <c r="CT15" s="71">
        <v>34</v>
      </c>
      <c r="CU15" s="71">
        <v>15</v>
      </c>
      <c r="CV15" s="72">
        <v>226</v>
      </c>
      <c r="CW15" s="73">
        <v>300</v>
      </c>
      <c r="CX15" s="123">
        <v>22</v>
      </c>
      <c r="CY15" s="82">
        <v>17</v>
      </c>
      <c r="CZ15" s="83">
        <v>39</v>
      </c>
      <c r="DA15" s="241"/>
      <c r="DB15" s="82">
        <v>44</v>
      </c>
      <c r="DC15" s="82">
        <v>26</v>
      </c>
      <c r="DD15" s="82">
        <v>26</v>
      </c>
      <c r="DE15" s="82">
        <v>31</v>
      </c>
      <c r="DF15" s="82">
        <v>16</v>
      </c>
      <c r="DG15" s="84">
        <v>143</v>
      </c>
      <c r="DH15" s="85">
        <v>182</v>
      </c>
      <c r="DI15" s="70">
        <v>0</v>
      </c>
      <c r="DJ15" s="71">
        <v>1</v>
      </c>
      <c r="DK15" s="72">
        <v>1</v>
      </c>
      <c r="DL15" s="244"/>
      <c r="DM15" s="71">
        <v>1</v>
      </c>
      <c r="DN15" s="71">
        <v>0</v>
      </c>
      <c r="DO15" s="71">
        <v>0</v>
      </c>
      <c r="DP15" s="71">
        <v>0</v>
      </c>
      <c r="DQ15" s="71">
        <v>0</v>
      </c>
      <c r="DR15" s="72">
        <v>1</v>
      </c>
      <c r="DS15" s="73">
        <v>2</v>
      </c>
      <c r="DT15" s="70">
        <v>0</v>
      </c>
      <c r="DU15" s="71">
        <v>1</v>
      </c>
      <c r="DV15" s="72">
        <v>1</v>
      </c>
      <c r="DW15" s="244"/>
      <c r="DX15" s="71">
        <v>4</v>
      </c>
      <c r="DY15" s="71">
        <v>2</v>
      </c>
      <c r="DZ15" s="71">
        <v>0</v>
      </c>
      <c r="EA15" s="71">
        <v>1</v>
      </c>
      <c r="EB15" s="71">
        <v>1</v>
      </c>
      <c r="EC15" s="72">
        <v>8</v>
      </c>
      <c r="ED15" s="73">
        <v>9</v>
      </c>
      <c r="EE15" s="70">
        <v>5</v>
      </c>
      <c r="EF15" s="71">
        <v>3</v>
      </c>
      <c r="EG15" s="72">
        <v>8</v>
      </c>
      <c r="EH15" s="244"/>
      <c r="EI15" s="71">
        <v>6</v>
      </c>
      <c r="EJ15" s="71">
        <v>3</v>
      </c>
      <c r="EK15" s="71">
        <v>3</v>
      </c>
      <c r="EL15" s="71">
        <v>2</v>
      </c>
      <c r="EM15" s="71">
        <v>0</v>
      </c>
      <c r="EN15" s="72">
        <v>14</v>
      </c>
      <c r="EO15" s="73">
        <v>22</v>
      </c>
      <c r="EP15" s="70">
        <v>1</v>
      </c>
      <c r="EQ15" s="71">
        <v>2</v>
      </c>
      <c r="ER15" s="72">
        <v>3</v>
      </c>
      <c r="ES15" s="244"/>
      <c r="ET15" s="71">
        <v>5</v>
      </c>
      <c r="EU15" s="71">
        <v>5</v>
      </c>
      <c r="EV15" s="71">
        <v>1</v>
      </c>
      <c r="EW15" s="71">
        <v>3</v>
      </c>
      <c r="EX15" s="71">
        <v>3</v>
      </c>
      <c r="EY15" s="72">
        <v>17</v>
      </c>
      <c r="EZ15" s="73">
        <v>20</v>
      </c>
      <c r="FA15" s="70">
        <v>11</v>
      </c>
      <c r="FB15" s="71">
        <v>3</v>
      </c>
      <c r="FC15" s="72">
        <v>14</v>
      </c>
      <c r="FD15" s="244"/>
      <c r="FE15" s="71">
        <v>16</v>
      </c>
      <c r="FF15" s="71">
        <v>11</v>
      </c>
      <c r="FG15" s="71">
        <v>7</v>
      </c>
      <c r="FH15" s="71">
        <v>11</v>
      </c>
      <c r="FI15" s="71">
        <v>4</v>
      </c>
      <c r="FJ15" s="72">
        <v>49</v>
      </c>
      <c r="FK15" s="73">
        <v>63</v>
      </c>
      <c r="FL15" s="70">
        <v>5</v>
      </c>
      <c r="FM15" s="71">
        <v>7</v>
      </c>
      <c r="FN15" s="72">
        <v>12</v>
      </c>
      <c r="FO15" s="244"/>
      <c r="FP15" s="71">
        <v>12</v>
      </c>
      <c r="FQ15" s="71">
        <v>5</v>
      </c>
      <c r="FR15" s="71">
        <v>15</v>
      </c>
      <c r="FS15" s="71">
        <v>14</v>
      </c>
      <c r="FT15" s="71">
        <v>8</v>
      </c>
      <c r="FU15" s="72">
        <v>54</v>
      </c>
      <c r="FV15" s="73">
        <v>66</v>
      </c>
      <c r="FW15" s="70">
        <v>0</v>
      </c>
      <c r="FX15" s="71">
        <v>0</v>
      </c>
      <c r="FY15" s="72">
        <v>0</v>
      </c>
      <c r="FZ15" s="244"/>
      <c r="GA15" s="71">
        <v>0</v>
      </c>
      <c r="GB15" s="71">
        <v>0</v>
      </c>
      <c r="GC15" s="71">
        <v>0</v>
      </c>
      <c r="GD15" s="71">
        <v>0</v>
      </c>
      <c r="GE15" s="71">
        <v>0</v>
      </c>
      <c r="GF15" s="72">
        <v>0</v>
      </c>
      <c r="GG15" s="73">
        <v>0</v>
      </c>
      <c r="GH15" s="70">
        <v>22</v>
      </c>
      <c r="GI15" s="71">
        <v>17</v>
      </c>
      <c r="GJ15" s="72">
        <v>39</v>
      </c>
      <c r="GK15" s="244"/>
      <c r="GL15" s="71">
        <v>44</v>
      </c>
      <c r="GM15" s="71">
        <v>26</v>
      </c>
      <c r="GN15" s="71">
        <v>26</v>
      </c>
      <c r="GO15" s="71">
        <v>31</v>
      </c>
      <c r="GP15" s="71">
        <v>16</v>
      </c>
      <c r="GQ15" s="72">
        <v>143</v>
      </c>
      <c r="GR15" s="73">
        <v>182</v>
      </c>
      <c r="GS15" s="123">
        <v>60</v>
      </c>
      <c r="GT15" s="82">
        <v>53</v>
      </c>
      <c r="GU15" s="83">
        <v>113</v>
      </c>
      <c r="GV15" s="241"/>
      <c r="GW15" s="82">
        <v>142</v>
      </c>
      <c r="GX15" s="82">
        <v>67</v>
      </c>
      <c r="GY15" s="82">
        <v>64</v>
      </c>
      <c r="GZ15" s="82">
        <v>65</v>
      </c>
      <c r="HA15" s="82">
        <v>31</v>
      </c>
      <c r="HB15" s="84">
        <v>369</v>
      </c>
      <c r="HC15" s="85">
        <v>482</v>
      </c>
      <c r="HD15" s="70">
        <v>1</v>
      </c>
      <c r="HE15" s="71">
        <v>3</v>
      </c>
      <c r="HF15" s="72">
        <v>4</v>
      </c>
      <c r="HG15" s="244"/>
      <c r="HH15" s="71">
        <v>5</v>
      </c>
      <c r="HI15" s="71">
        <v>0</v>
      </c>
      <c r="HJ15" s="71">
        <v>2</v>
      </c>
      <c r="HK15" s="71">
        <v>1</v>
      </c>
      <c r="HL15" s="71">
        <v>0</v>
      </c>
      <c r="HM15" s="72">
        <v>8</v>
      </c>
      <c r="HN15" s="73">
        <v>12</v>
      </c>
      <c r="HO15" s="70">
        <v>3</v>
      </c>
      <c r="HP15" s="71">
        <v>2</v>
      </c>
      <c r="HQ15" s="72">
        <v>5</v>
      </c>
      <c r="HR15" s="244"/>
      <c r="HS15" s="71">
        <v>11</v>
      </c>
      <c r="HT15" s="71">
        <v>6</v>
      </c>
      <c r="HU15" s="71">
        <v>4</v>
      </c>
      <c r="HV15" s="71">
        <v>2</v>
      </c>
      <c r="HW15" s="71">
        <v>1</v>
      </c>
      <c r="HX15" s="72">
        <v>24</v>
      </c>
      <c r="HY15" s="73">
        <v>29</v>
      </c>
      <c r="HZ15" s="70">
        <v>9</v>
      </c>
      <c r="IA15" s="71">
        <v>8</v>
      </c>
      <c r="IB15" s="72">
        <v>17</v>
      </c>
      <c r="IC15" s="244"/>
      <c r="ID15" s="71">
        <v>25</v>
      </c>
      <c r="IE15" s="71">
        <v>11</v>
      </c>
      <c r="IF15" s="71">
        <v>8</v>
      </c>
      <c r="IG15" s="71">
        <v>8</v>
      </c>
      <c r="IH15" s="71">
        <v>2</v>
      </c>
      <c r="II15" s="72">
        <v>54</v>
      </c>
      <c r="IJ15" s="73">
        <v>71</v>
      </c>
      <c r="IK15" s="70">
        <v>7</v>
      </c>
      <c r="IL15" s="71">
        <v>7</v>
      </c>
      <c r="IM15" s="72">
        <v>14</v>
      </c>
      <c r="IN15" s="244"/>
      <c r="IO15" s="71">
        <v>26</v>
      </c>
      <c r="IP15" s="71">
        <v>16</v>
      </c>
      <c r="IQ15" s="71">
        <v>12</v>
      </c>
      <c r="IR15" s="71">
        <v>12</v>
      </c>
      <c r="IS15" s="71">
        <v>7</v>
      </c>
      <c r="IT15" s="72">
        <v>73</v>
      </c>
      <c r="IU15" s="73">
        <v>87</v>
      </c>
      <c r="IV15" s="70">
        <v>27</v>
      </c>
      <c r="IW15" s="71">
        <v>18</v>
      </c>
      <c r="IX15" s="72">
        <v>45</v>
      </c>
      <c r="IY15" s="244"/>
      <c r="IZ15" s="71">
        <v>44</v>
      </c>
      <c r="JA15" s="71">
        <v>19</v>
      </c>
      <c r="JB15" s="71">
        <v>10</v>
      </c>
      <c r="JC15" s="71">
        <v>20</v>
      </c>
      <c r="JD15" s="71">
        <v>9</v>
      </c>
      <c r="JE15" s="72">
        <v>102</v>
      </c>
      <c r="JF15" s="73">
        <v>147</v>
      </c>
      <c r="JG15" s="70">
        <v>13</v>
      </c>
      <c r="JH15" s="71">
        <v>15</v>
      </c>
      <c r="JI15" s="72">
        <v>28</v>
      </c>
      <c r="JJ15" s="244"/>
      <c r="JK15" s="71">
        <v>31</v>
      </c>
      <c r="JL15" s="71">
        <v>15</v>
      </c>
      <c r="JM15" s="71">
        <v>28</v>
      </c>
      <c r="JN15" s="71">
        <v>22</v>
      </c>
      <c r="JO15" s="71">
        <v>12</v>
      </c>
      <c r="JP15" s="72">
        <v>108</v>
      </c>
      <c r="JQ15" s="73">
        <v>136</v>
      </c>
      <c r="JR15" s="70">
        <v>0</v>
      </c>
      <c r="JS15" s="71">
        <v>0</v>
      </c>
      <c r="JT15" s="72">
        <v>0</v>
      </c>
      <c r="JU15" s="244"/>
      <c r="JV15" s="71">
        <v>0</v>
      </c>
      <c r="JW15" s="71">
        <v>0</v>
      </c>
      <c r="JX15" s="71">
        <v>0</v>
      </c>
      <c r="JY15" s="71">
        <v>0</v>
      </c>
      <c r="JZ15" s="71">
        <v>0</v>
      </c>
      <c r="KA15" s="72">
        <v>0</v>
      </c>
      <c r="KB15" s="73">
        <v>0</v>
      </c>
      <c r="KC15" s="70">
        <v>60</v>
      </c>
      <c r="KD15" s="71">
        <v>53</v>
      </c>
      <c r="KE15" s="72">
        <v>113</v>
      </c>
      <c r="KF15" s="244"/>
      <c r="KG15" s="71">
        <v>142</v>
      </c>
      <c r="KH15" s="71">
        <v>67</v>
      </c>
      <c r="KI15" s="71">
        <v>64</v>
      </c>
      <c r="KJ15" s="71">
        <v>65</v>
      </c>
      <c r="KK15" s="71">
        <v>31</v>
      </c>
      <c r="KL15" s="72">
        <v>369</v>
      </c>
      <c r="KM15" s="73">
        <v>482</v>
      </c>
    </row>
    <row r="16" spans="2:299" ht="21" customHeight="1" x14ac:dyDescent="0.2">
      <c r="B16" s="126" t="s">
        <v>12</v>
      </c>
      <c r="C16" s="315">
        <v>130</v>
      </c>
      <c r="D16" s="82">
        <v>91</v>
      </c>
      <c r="E16" s="83">
        <v>221</v>
      </c>
      <c r="F16" s="241"/>
      <c r="G16" s="82">
        <v>106</v>
      </c>
      <c r="H16" s="82">
        <v>75</v>
      </c>
      <c r="I16" s="82">
        <v>50</v>
      </c>
      <c r="J16" s="82">
        <v>64</v>
      </c>
      <c r="K16" s="82">
        <v>34</v>
      </c>
      <c r="L16" s="84">
        <v>329</v>
      </c>
      <c r="M16" s="85">
        <v>550</v>
      </c>
      <c r="N16" s="86">
        <v>3</v>
      </c>
      <c r="O16" s="71">
        <v>2</v>
      </c>
      <c r="P16" s="72">
        <v>5</v>
      </c>
      <c r="Q16" s="244"/>
      <c r="R16" s="71">
        <v>2</v>
      </c>
      <c r="S16" s="71">
        <v>3</v>
      </c>
      <c r="T16" s="71">
        <v>1</v>
      </c>
      <c r="U16" s="71">
        <v>1</v>
      </c>
      <c r="V16" s="71">
        <v>1</v>
      </c>
      <c r="W16" s="72">
        <v>8</v>
      </c>
      <c r="X16" s="73">
        <v>13</v>
      </c>
      <c r="Y16" s="70">
        <v>8</v>
      </c>
      <c r="Z16" s="71">
        <v>10</v>
      </c>
      <c r="AA16" s="72">
        <v>18</v>
      </c>
      <c r="AB16" s="244"/>
      <c r="AC16" s="71">
        <v>6</v>
      </c>
      <c r="AD16" s="71">
        <v>5</v>
      </c>
      <c r="AE16" s="71">
        <v>1</v>
      </c>
      <c r="AF16" s="71">
        <v>4</v>
      </c>
      <c r="AG16" s="71">
        <v>3</v>
      </c>
      <c r="AH16" s="72">
        <v>19</v>
      </c>
      <c r="AI16" s="73">
        <v>37</v>
      </c>
      <c r="AJ16" s="86">
        <v>13</v>
      </c>
      <c r="AK16" s="71">
        <v>8</v>
      </c>
      <c r="AL16" s="72">
        <v>21</v>
      </c>
      <c r="AM16" s="244"/>
      <c r="AN16" s="71">
        <v>4</v>
      </c>
      <c r="AO16" s="71">
        <v>6</v>
      </c>
      <c r="AP16" s="71">
        <v>3</v>
      </c>
      <c r="AQ16" s="71">
        <v>8</v>
      </c>
      <c r="AR16" s="71">
        <v>6</v>
      </c>
      <c r="AS16" s="72">
        <v>27</v>
      </c>
      <c r="AT16" s="73">
        <v>48</v>
      </c>
      <c r="AU16" s="70">
        <v>31</v>
      </c>
      <c r="AV16" s="71">
        <v>25</v>
      </c>
      <c r="AW16" s="72">
        <v>56</v>
      </c>
      <c r="AX16" s="244"/>
      <c r="AY16" s="71">
        <v>27</v>
      </c>
      <c r="AZ16" s="71">
        <v>23</v>
      </c>
      <c r="BA16" s="71">
        <v>14</v>
      </c>
      <c r="BB16" s="71">
        <v>12</v>
      </c>
      <c r="BC16" s="71">
        <v>13</v>
      </c>
      <c r="BD16" s="72">
        <v>89</v>
      </c>
      <c r="BE16" s="73">
        <v>145</v>
      </c>
      <c r="BF16" s="86">
        <v>38</v>
      </c>
      <c r="BG16" s="71">
        <v>21</v>
      </c>
      <c r="BH16" s="72">
        <v>59</v>
      </c>
      <c r="BI16" s="244"/>
      <c r="BJ16" s="71">
        <v>35</v>
      </c>
      <c r="BK16" s="71">
        <v>20</v>
      </c>
      <c r="BL16" s="71">
        <v>17</v>
      </c>
      <c r="BM16" s="71">
        <v>23</v>
      </c>
      <c r="BN16" s="71">
        <v>7</v>
      </c>
      <c r="BO16" s="72">
        <v>102</v>
      </c>
      <c r="BP16" s="73">
        <v>161</v>
      </c>
      <c r="BQ16" s="70">
        <v>37</v>
      </c>
      <c r="BR16" s="71">
        <v>25</v>
      </c>
      <c r="BS16" s="72">
        <v>62</v>
      </c>
      <c r="BT16" s="244"/>
      <c r="BU16" s="71">
        <v>32</v>
      </c>
      <c r="BV16" s="71">
        <v>18</v>
      </c>
      <c r="BW16" s="71">
        <v>14</v>
      </c>
      <c r="BX16" s="71">
        <v>16</v>
      </c>
      <c r="BY16" s="71">
        <v>4</v>
      </c>
      <c r="BZ16" s="72">
        <v>84</v>
      </c>
      <c r="CA16" s="73">
        <v>146</v>
      </c>
      <c r="CB16" s="70">
        <v>0</v>
      </c>
      <c r="CC16" s="71">
        <v>0</v>
      </c>
      <c r="CD16" s="72">
        <v>0</v>
      </c>
      <c r="CE16" s="244"/>
      <c r="CF16" s="71">
        <v>0</v>
      </c>
      <c r="CG16" s="71">
        <v>0</v>
      </c>
      <c r="CH16" s="71">
        <v>0</v>
      </c>
      <c r="CI16" s="71">
        <v>0</v>
      </c>
      <c r="CJ16" s="71">
        <v>0</v>
      </c>
      <c r="CK16" s="72">
        <v>0</v>
      </c>
      <c r="CL16" s="73">
        <v>0</v>
      </c>
      <c r="CM16" s="70">
        <v>130</v>
      </c>
      <c r="CN16" s="71">
        <v>91</v>
      </c>
      <c r="CO16" s="72">
        <v>221</v>
      </c>
      <c r="CP16" s="244"/>
      <c r="CQ16" s="71">
        <v>106</v>
      </c>
      <c r="CR16" s="71">
        <v>75</v>
      </c>
      <c r="CS16" s="71">
        <v>50</v>
      </c>
      <c r="CT16" s="71">
        <v>64</v>
      </c>
      <c r="CU16" s="71">
        <v>34</v>
      </c>
      <c r="CV16" s="72">
        <v>329</v>
      </c>
      <c r="CW16" s="73">
        <v>550</v>
      </c>
      <c r="CX16" s="123">
        <v>39</v>
      </c>
      <c r="CY16" s="82">
        <v>32</v>
      </c>
      <c r="CZ16" s="83">
        <v>71</v>
      </c>
      <c r="DA16" s="241"/>
      <c r="DB16" s="82">
        <v>38</v>
      </c>
      <c r="DC16" s="82">
        <v>30</v>
      </c>
      <c r="DD16" s="82">
        <v>27</v>
      </c>
      <c r="DE16" s="82">
        <v>31</v>
      </c>
      <c r="DF16" s="82">
        <v>12</v>
      </c>
      <c r="DG16" s="84">
        <v>138</v>
      </c>
      <c r="DH16" s="85">
        <v>209</v>
      </c>
      <c r="DI16" s="86">
        <v>1</v>
      </c>
      <c r="DJ16" s="71">
        <v>0</v>
      </c>
      <c r="DK16" s="72">
        <v>1</v>
      </c>
      <c r="DL16" s="244"/>
      <c r="DM16" s="71">
        <v>1</v>
      </c>
      <c r="DN16" s="71">
        <v>0</v>
      </c>
      <c r="DO16" s="71">
        <v>1</v>
      </c>
      <c r="DP16" s="71">
        <v>0</v>
      </c>
      <c r="DQ16" s="71">
        <v>0</v>
      </c>
      <c r="DR16" s="72">
        <v>2</v>
      </c>
      <c r="DS16" s="73">
        <v>3</v>
      </c>
      <c r="DT16" s="70">
        <v>2</v>
      </c>
      <c r="DU16" s="71">
        <v>4</v>
      </c>
      <c r="DV16" s="72">
        <v>6</v>
      </c>
      <c r="DW16" s="244"/>
      <c r="DX16" s="71">
        <v>1</v>
      </c>
      <c r="DY16" s="71">
        <v>1</v>
      </c>
      <c r="DZ16" s="71">
        <v>0</v>
      </c>
      <c r="EA16" s="71">
        <v>1</v>
      </c>
      <c r="EB16" s="71">
        <v>0</v>
      </c>
      <c r="EC16" s="72">
        <v>3</v>
      </c>
      <c r="ED16" s="73">
        <v>9</v>
      </c>
      <c r="EE16" s="86">
        <v>7</v>
      </c>
      <c r="EF16" s="71">
        <v>4</v>
      </c>
      <c r="EG16" s="72">
        <v>11</v>
      </c>
      <c r="EH16" s="244"/>
      <c r="EI16" s="71">
        <v>5</v>
      </c>
      <c r="EJ16" s="71">
        <v>3</v>
      </c>
      <c r="EK16" s="71">
        <v>1</v>
      </c>
      <c r="EL16" s="71">
        <v>2</v>
      </c>
      <c r="EM16" s="71">
        <v>0</v>
      </c>
      <c r="EN16" s="72">
        <v>11</v>
      </c>
      <c r="EO16" s="73">
        <v>22</v>
      </c>
      <c r="EP16" s="70">
        <v>6</v>
      </c>
      <c r="EQ16" s="71">
        <v>8</v>
      </c>
      <c r="ER16" s="72">
        <v>14</v>
      </c>
      <c r="ES16" s="244"/>
      <c r="ET16" s="71">
        <v>8</v>
      </c>
      <c r="EU16" s="71">
        <v>5</v>
      </c>
      <c r="EV16" s="71">
        <v>3</v>
      </c>
      <c r="EW16" s="71">
        <v>6</v>
      </c>
      <c r="EX16" s="71">
        <v>2</v>
      </c>
      <c r="EY16" s="72">
        <v>24</v>
      </c>
      <c r="EZ16" s="73">
        <v>38</v>
      </c>
      <c r="FA16" s="86">
        <v>15</v>
      </c>
      <c r="FB16" s="71">
        <v>5</v>
      </c>
      <c r="FC16" s="72">
        <v>20</v>
      </c>
      <c r="FD16" s="244"/>
      <c r="FE16" s="71">
        <v>8</v>
      </c>
      <c r="FF16" s="71">
        <v>10</v>
      </c>
      <c r="FG16" s="71">
        <v>12</v>
      </c>
      <c r="FH16" s="71">
        <v>6</v>
      </c>
      <c r="FI16" s="71">
        <v>2</v>
      </c>
      <c r="FJ16" s="72">
        <v>38</v>
      </c>
      <c r="FK16" s="73">
        <v>58</v>
      </c>
      <c r="FL16" s="70">
        <v>8</v>
      </c>
      <c r="FM16" s="71">
        <v>11</v>
      </c>
      <c r="FN16" s="72">
        <v>19</v>
      </c>
      <c r="FO16" s="244"/>
      <c r="FP16" s="71">
        <v>15</v>
      </c>
      <c r="FQ16" s="71">
        <v>11</v>
      </c>
      <c r="FR16" s="71">
        <v>10</v>
      </c>
      <c r="FS16" s="71">
        <v>16</v>
      </c>
      <c r="FT16" s="71">
        <v>8</v>
      </c>
      <c r="FU16" s="72">
        <v>60</v>
      </c>
      <c r="FV16" s="73">
        <v>79</v>
      </c>
      <c r="FW16" s="70">
        <v>0</v>
      </c>
      <c r="FX16" s="71">
        <v>0</v>
      </c>
      <c r="FY16" s="72">
        <v>0</v>
      </c>
      <c r="FZ16" s="244"/>
      <c r="GA16" s="71">
        <v>0</v>
      </c>
      <c r="GB16" s="71">
        <v>0</v>
      </c>
      <c r="GC16" s="71">
        <v>0</v>
      </c>
      <c r="GD16" s="71">
        <v>0</v>
      </c>
      <c r="GE16" s="71">
        <v>0</v>
      </c>
      <c r="GF16" s="72">
        <v>0</v>
      </c>
      <c r="GG16" s="73">
        <v>0</v>
      </c>
      <c r="GH16" s="70">
        <v>39</v>
      </c>
      <c r="GI16" s="71">
        <v>32</v>
      </c>
      <c r="GJ16" s="72">
        <v>71</v>
      </c>
      <c r="GK16" s="244"/>
      <c r="GL16" s="71">
        <v>38</v>
      </c>
      <c r="GM16" s="71">
        <v>30</v>
      </c>
      <c r="GN16" s="71">
        <v>27</v>
      </c>
      <c r="GO16" s="71">
        <v>31</v>
      </c>
      <c r="GP16" s="71">
        <v>12</v>
      </c>
      <c r="GQ16" s="72">
        <v>138</v>
      </c>
      <c r="GR16" s="73">
        <v>209</v>
      </c>
      <c r="GS16" s="123">
        <v>169</v>
      </c>
      <c r="GT16" s="82">
        <v>123</v>
      </c>
      <c r="GU16" s="83">
        <v>292</v>
      </c>
      <c r="GV16" s="241"/>
      <c r="GW16" s="82">
        <v>144</v>
      </c>
      <c r="GX16" s="82">
        <v>105</v>
      </c>
      <c r="GY16" s="82">
        <v>77</v>
      </c>
      <c r="GZ16" s="82">
        <v>95</v>
      </c>
      <c r="HA16" s="82">
        <v>46</v>
      </c>
      <c r="HB16" s="84">
        <v>467</v>
      </c>
      <c r="HC16" s="85">
        <v>759</v>
      </c>
      <c r="HD16" s="86">
        <v>4</v>
      </c>
      <c r="HE16" s="71">
        <v>2</v>
      </c>
      <c r="HF16" s="72">
        <v>6</v>
      </c>
      <c r="HG16" s="244"/>
      <c r="HH16" s="71">
        <v>3</v>
      </c>
      <c r="HI16" s="71">
        <v>3</v>
      </c>
      <c r="HJ16" s="71">
        <v>2</v>
      </c>
      <c r="HK16" s="71">
        <v>1</v>
      </c>
      <c r="HL16" s="71">
        <v>1</v>
      </c>
      <c r="HM16" s="72">
        <v>10</v>
      </c>
      <c r="HN16" s="73">
        <v>16</v>
      </c>
      <c r="HO16" s="70">
        <v>10</v>
      </c>
      <c r="HP16" s="71">
        <v>14</v>
      </c>
      <c r="HQ16" s="72">
        <v>24</v>
      </c>
      <c r="HR16" s="244"/>
      <c r="HS16" s="71">
        <v>7</v>
      </c>
      <c r="HT16" s="71">
        <v>6</v>
      </c>
      <c r="HU16" s="71">
        <v>1</v>
      </c>
      <c r="HV16" s="71">
        <v>5</v>
      </c>
      <c r="HW16" s="71">
        <v>3</v>
      </c>
      <c r="HX16" s="72">
        <v>22</v>
      </c>
      <c r="HY16" s="73">
        <v>46</v>
      </c>
      <c r="HZ16" s="86">
        <v>20</v>
      </c>
      <c r="IA16" s="71">
        <v>12</v>
      </c>
      <c r="IB16" s="72">
        <v>32</v>
      </c>
      <c r="IC16" s="244"/>
      <c r="ID16" s="71">
        <v>9</v>
      </c>
      <c r="IE16" s="71">
        <v>9</v>
      </c>
      <c r="IF16" s="71">
        <v>4</v>
      </c>
      <c r="IG16" s="71">
        <v>10</v>
      </c>
      <c r="IH16" s="71">
        <v>6</v>
      </c>
      <c r="II16" s="72">
        <v>38</v>
      </c>
      <c r="IJ16" s="73">
        <v>70</v>
      </c>
      <c r="IK16" s="70">
        <v>37</v>
      </c>
      <c r="IL16" s="71">
        <v>33</v>
      </c>
      <c r="IM16" s="72">
        <v>70</v>
      </c>
      <c r="IN16" s="244"/>
      <c r="IO16" s="71">
        <v>35</v>
      </c>
      <c r="IP16" s="71">
        <v>28</v>
      </c>
      <c r="IQ16" s="71">
        <v>17</v>
      </c>
      <c r="IR16" s="71">
        <v>18</v>
      </c>
      <c r="IS16" s="71">
        <v>15</v>
      </c>
      <c r="IT16" s="72">
        <v>113</v>
      </c>
      <c r="IU16" s="73">
        <v>183</v>
      </c>
      <c r="IV16" s="86">
        <v>53</v>
      </c>
      <c r="IW16" s="71">
        <v>26</v>
      </c>
      <c r="IX16" s="72">
        <v>79</v>
      </c>
      <c r="IY16" s="244"/>
      <c r="IZ16" s="71">
        <v>43</v>
      </c>
      <c r="JA16" s="71">
        <v>30</v>
      </c>
      <c r="JB16" s="71">
        <v>29</v>
      </c>
      <c r="JC16" s="71">
        <v>29</v>
      </c>
      <c r="JD16" s="71">
        <v>9</v>
      </c>
      <c r="JE16" s="72">
        <v>140</v>
      </c>
      <c r="JF16" s="73">
        <v>219</v>
      </c>
      <c r="JG16" s="70">
        <v>45</v>
      </c>
      <c r="JH16" s="71">
        <v>36</v>
      </c>
      <c r="JI16" s="72">
        <v>81</v>
      </c>
      <c r="JJ16" s="244"/>
      <c r="JK16" s="71">
        <v>47</v>
      </c>
      <c r="JL16" s="71">
        <v>29</v>
      </c>
      <c r="JM16" s="71">
        <v>24</v>
      </c>
      <c r="JN16" s="71">
        <v>32</v>
      </c>
      <c r="JO16" s="71">
        <v>12</v>
      </c>
      <c r="JP16" s="72">
        <v>144</v>
      </c>
      <c r="JQ16" s="73">
        <v>225</v>
      </c>
      <c r="JR16" s="70">
        <v>0</v>
      </c>
      <c r="JS16" s="71">
        <v>0</v>
      </c>
      <c r="JT16" s="72">
        <v>0</v>
      </c>
      <c r="JU16" s="244"/>
      <c r="JV16" s="71">
        <v>0</v>
      </c>
      <c r="JW16" s="71">
        <v>0</v>
      </c>
      <c r="JX16" s="71">
        <v>0</v>
      </c>
      <c r="JY16" s="71">
        <v>0</v>
      </c>
      <c r="JZ16" s="71">
        <v>0</v>
      </c>
      <c r="KA16" s="72">
        <v>0</v>
      </c>
      <c r="KB16" s="73">
        <v>0</v>
      </c>
      <c r="KC16" s="70">
        <v>169</v>
      </c>
      <c r="KD16" s="71">
        <v>123</v>
      </c>
      <c r="KE16" s="72">
        <v>292</v>
      </c>
      <c r="KF16" s="244"/>
      <c r="KG16" s="71">
        <v>144</v>
      </c>
      <c r="KH16" s="71">
        <v>105</v>
      </c>
      <c r="KI16" s="71">
        <v>77</v>
      </c>
      <c r="KJ16" s="71">
        <v>95</v>
      </c>
      <c r="KK16" s="71">
        <v>46</v>
      </c>
      <c r="KL16" s="72">
        <v>467</v>
      </c>
      <c r="KM16" s="73">
        <v>759</v>
      </c>
    </row>
    <row r="17" spans="2:299" ht="21" customHeight="1" x14ac:dyDescent="0.2">
      <c r="B17" s="126" t="s">
        <v>13</v>
      </c>
      <c r="C17" s="315">
        <v>40</v>
      </c>
      <c r="D17" s="82">
        <v>40</v>
      </c>
      <c r="E17" s="83">
        <v>80</v>
      </c>
      <c r="F17" s="241"/>
      <c r="G17" s="82">
        <v>62</v>
      </c>
      <c r="H17" s="82">
        <v>58</v>
      </c>
      <c r="I17" s="82">
        <v>37</v>
      </c>
      <c r="J17" s="82">
        <v>23</v>
      </c>
      <c r="K17" s="82">
        <v>18</v>
      </c>
      <c r="L17" s="84">
        <v>198</v>
      </c>
      <c r="M17" s="85">
        <v>278</v>
      </c>
      <c r="N17" s="70">
        <v>0</v>
      </c>
      <c r="O17" s="71">
        <v>1</v>
      </c>
      <c r="P17" s="72">
        <v>1</v>
      </c>
      <c r="Q17" s="244"/>
      <c r="R17" s="71">
        <v>3</v>
      </c>
      <c r="S17" s="71">
        <v>0</v>
      </c>
      <c r="T17" s="71">
        <v>0</v>
      </c>
      <c r="U17" s="71">
        <v>1</v>
      </c>
      <c r="V17" s="71">
        <v>0</v>
      </c>
      <c r="W17" s="72">
        <v>4</v>
      </c>
      <c r="X17" s="73">
        <v>5</v>
      </c>
      <c r="Y17" s="70">
        <v>2</v>
      </c>
      <c r="Z17" s="71">
        <v>2</v>
      </c>
      <c r="AA17" s="72">
        <v>4</v>
      </c>
      <c r="AB17" s="244"/>
      <c r="AC17" s="71">
        <v>3</v>
      </c>
      <c r="AD17" s="71">
        <v>1</v>
      </c>
      <c r="AE17" s="71">
        <v>0</v>
      </c>
      <c r="AF17" s="71">
        <v>0</v>
      </c>
      <c r="AG17" s="71">
        <v>0</v>
      </c>
      <c r="AH17" s="72">
        <v>4</v>
      </c>
      <c r="AI17" s="73">
        <v>8</v>
      </c>
      <c r="AJ17" s="70">
        <v>2</v>
      </c>
      <c r="AK17" s="71">
        <v>3</v>
      </c>
      <c r="AL17" s="72">
        <v>5</v>
      </c>
      <c r="AM17" s="244"/>
      <c r="AN17" s="71">
        <v>7</v>
      </c>
      <c r="AO17" s="71">
        <v>6</v>
      </c>
      <c r="AP17" s="71">
        <v>5</v>
      </c>
      <c r="AQ17" s="71">
        <v>2</v>
      </c>
      <c r="AR17" s="71">
        <v>1</v>
      </c>
      <c r="AS17" s="72">
        <v>21</v>
      </c>
      <c r="AT17" s="73">
        <v>26</v>
      </c>
      <c r="AU17" s="70">
        <v>10</v>
      </c>
      <c r="AV17" s="71">
        <v>10</v>
      </c>
      <c r="AW17" s="72">
        <v>20</v>
      </c>
      <c r="AX17" s="244"/>
      <c r="AY17" s="71">
        <v>15</v>
      </c>
      <c r="AZ17" s="71">
        <v>10</v>
      </c>
      <c r="BA17" s="71">
        <v>10</v>
      </c>
      <c r="BB17" s="71">
        <v>8</v>
      </c>
      <c r="BC17" s="71">
        <v>3</v>
      </c>
      <c r="BD17" s="72">
        <v>46</v>
      </c>
      <c r="BE17" s="73">
        <v>66</v>
      </c>
      <c r="BF17" s="70">
        <v>12</v>
      </c>
      <c r="BG17" s="71">
        <v>13</v>
      </c>
      <c r="BH17" s="72">
        <v>25</v>
      </c>
      <c r="BI17" s="244"/>
      <c r="BJ17" s="71">
        <v>16</v>
      </c>
      <c r="BK17" s="71">
        <v>18</v>
      </c>
      <c r="BL17" s="71">
        <v>11</v>
      </c>
      <c r="BM17" s="71">
        <v>5</v>
      </c>
      <c r="BN17" s="71">
        <v>7</v>
      </c>
      <c r="BO17" s="72">
        <v>57</v>
      </c>
      <c r="BP17" s="73">
        <v>82</v>
      </c>
      <c r="BQ17" s="70">
        <v>14</v>
      </c>
      <c r="BR17" s="71">
        <v>11</v>
      </c>
      <c r="BS17" s="72">
        <v>25</v>
      </c>
      <c r="BT17" s="244"/>
      <c r="BU17" s="71">
        <v>18</v>
      </c>
      <c r="BV17" s="71">
        <v>23</v>
      </c>
      <c r="BW17" s="71">
        <v>11</v>
      </c>
      <c r="BX17" s="71">
        <v>7</v>
      </c>
      <c r="BY17" s="71">
        <v>7</v>
      </c>
      <c r="BZ17" s="72">
        <v>66</v>
      </c>
      <c r="CA17" s="73">
        <v>91</v>
      </c>
      <c r="CB17" s="70">
        <v>0</v>
      </c>
      <c r="CC17" s="71">
        <v>0</v>
      </c>
      <c r="CD17" s="72">
        <v>0</v>
      </c>
      <c r="CE17" s="244"/>
      <c r="CF17" s="71">
        <v>0</v>
      </c>
      <c r="CG17" s="71">
        <v>0</v>
      </c>
      <c r="CH17" s="71">
        <v>0</v>
      </c>
      <c r="CI17" s="71">
        <v>0</v>
      </c>
      <c r="CJ17" s="71">
        <v>0</v>
      </c>
      <c r="CK17" s="72">
        <v>0</v>
      </c>
      <c r="CL17" s="73">
        <v>0</v>
      </c>
      <c r="CM17" s="70">
        <v>40</v>
      </c>
      <c r="CN17" s="71">
        <v>40</v>
      </c>
      <c r="CO17" s="72">
        <v>80</v>
      </c>
      <c r="CP17" s="244"/>
      <c r="CQ17" s="71">
        <v>62</v>
      </c>
      <c r="CR17" s="71">
        <v>58</v>
      </c>
      <c r="CS17" s="71">
        <v>37</v>
      </c>
      <c r="CT17" s="71">
        <v>23</v>
      </c>
      <c r="CU17" s="71">
        <v>18</v>
      </c>
      <c r="CV17" s="72">
        <v>198</v>
      </c>
      <c r="CW17" s="73">
        <v>278</v>
      </c>
      <c r="CX17" s="123">
        <v>15</v>
      </c>
      <c r="CY17" s="82">
        <v>13</v>
      </c>
      <c r="CZ17" s="83">
        <v>28</v>
      </c>
      <c r="DA17" s="241"/>
      <c r="DB17" s="82">
        <v>27</v>
      </c>
      <c r="DC17" s="82">
        <v>24</v>
      </c>
      <c r="DD17" s="82">
        <v>11</v>
      </c>
      <c r="DE17" s="82">
        <v>13</v>
      </c>
      <c r="DF17" s="82">
        <v>12</v>
      </c>
      <c r="DG17" s="84">
        <v>87</v>
      </c>
      <c r="DH17" s="85">
        <v>115</v>
      </c>
      <c r="DI17" s="70">
        <v>1</v>
      </c>
      <c r="DJ17" s="71">
        <v>0</v>
      </c>
      <c r="DK17" s="72">
        <v>1</v>
      </c>
      <c r="DL17" s="244"/>
      <c r="DM17" s="71">
        <v>0</v>
      </c>
      <c r="DN17" s="71">
        <v>0</v>
      </c>
      <c r="DO17" s="71">
        <v>0</v>
      </c>
      <c r="DP17" s="71">
        <v>0</v>
      </c>
      <c r="DQ17" s="71">
        <v>0</v>
      </c>
      <c r="DR17" s="72">
        <v>0</v>
      </c>
      <c r="DS17" s="73">
        <v>1</v>
      </c>
      <c r="DT17" s="70">
        <v>3</v>
      </c>
      <c r="DU17" s="71">
        <v>0</v>
      </c>
      <c r="DV17" s="72">
        <v>3</v>
      </c>
      <c r="DW17" s="244"/>
      <c r="DX17" s="71">
        <v>3</v>
      </c>
      <c r="DY17" s="71">
        <v>0</v>
      </c>
      <c r="DZ17" s="71">
        <v>1</v>
      </c>
      <c r="EA17" s="71">
        <v>0</v>
      </c>
      <c r="EB17" s="71">
        <v>1</v>
      </c>
      <c r="EC17" s="72">
        <v>5</v>
      </c>
      <c r="ED17" s="73">
        <v>8</v>
      </c>
      <c r="EE17" s="70">
        <v>1</v>
      </c>
      <c r="EF17" s="71">
        <v>0</v>
      </c>
      <c r="EG17" s="72">
        <v>1</v>
      </c>
      <c r="EH17" s="244"/>
      <c r="EI17" s="71">
        <v>4</v>
      </c>
      <c r="EJ17" s="71">
        <v>0</v>
      </c>
      <c r="EK17" s="71">
        <v>1</v>
      </c>
      <c r="EL17" s="71">
        <v>1</v>
      </c>
      <c r="EM17" s="71">
        <v>1</v>
      </c>
      <c r="EN17" s="72">
        <v>7</v>
      </c>
      <c r="EO17" s="73">
        <v>8</v>
      </c>
      <c r="EP17" s="70">
        <v>2</v>
      </c>
      <c r="EQ17" s="71">
        <v>3</v>
      </c>
      <c r="ER17" s="72">
        <v>5</v>
      </c>
      <c r="ES17" s="244"/>
      <c r="ET17" s="71">
        <v>8</v>
      </c>
      <c r="EU17" s="71">
        <v>5</v>
      </c>
      <c r="EV17" s="71">
        <v>2</v>
      </c>
      <c r="EW17" s="71">
        <v>0</v>
      </c>
      <c r="EX17" s="71">
        <v>1</v>
      </c>
      <c r="EY17" s="72">
        <v>16</v>
      </c>
      <c r="EZ17" s="73">
        <v>21</v>
      </c>
      <c r="FA17" s="70">
        <v>6</v>
      </c>
      <c r="FB17" s="71">
        <v>5</v>
      </c>
      <c r="FC17" s="72">
        <v>11</v>
      </c>
      <c r="FD17" s="244"/>
      <c r="FE17" s="71">
        <v>7</v>
      </c>
      <c r="FF17" s="71">
        <v>7</v>
      </c>
      <c r="FG17" s="71">
        <v>1</v>
      </c>
      <c r="FH17" s="71">
        <v>3</v>
      </c>
      <c r="FI17" s="71">
        <v>0</v>
      </c>
      <c r="FJ17" s="72">
        <v>18</v>
      </c>
      <c r="FK17" s="73">
        <v>29</v>
      </c>
      <c r="FL17" s="70">
        <v>2</v>
      </c>
      <c r="FM17" s="71">
        <v>5</v>
      </c>
      <c r="FN17" s="72">
        <v>7</v>
      </c>
      <c r="FO17" s="244"/>
      <c r="FP17" s="71">
        <v>5</v>
      </c>
      <c r="FQ17" s="71">
        <v>12</v>
      </c>
      <c r="FR17" s="71">
        <v>6</v>
      </c>
      <c r="FS17" s="71">
        <v>9</v>
      </c>
      <c r="FT17" s="71">
        <v>9</v>
      </c>
      <c r="FU17" s="72">
        <v>41</v>
      </c>
      <c r="FV17" s="73">
        <v>48</v>
      </c>
      <c r="FW17" s="70">
        <v>0</v>
      </c>
      <c r="FX17" s="71">
        <v>0</v>
      </c>
      <c r="FY17" s="72">
        <v>0</v>
      </c>
      <c r="FZ17" s="244"/>
      <c r="GA17" s="71">
        <v>0</v>
      </c>
      <c r="GB17" s="71">
        <v>0</v>
      </c>
      <c r="GC17" s="71">
        <v>0</v>
      </c>
      <c r="GD17" s="71">
        <v>0</v>
      </c>
      <c r="GE17" s="71">
        <v>0</v>
      </c>
      <c r="GF17" s="72">
        <v>0</v>
      </c>
      <c r="GG17" s="73">
        <v>0</v>
      </c>
      <c r="GH17" s="70">
        <v>15</v>
      </c>
      <c r="GI17" s="71">
        <v>13</v>
      </c>
      <c r="GJ17" s="72">
        <v>28</v>
      </c>
      <c r="GK17" s="244"/>
      <c r="GL17" s="71">
        <v>27</v>
      </c>
      <c r="GM17" s="71">
        <v>24</v>
      </c>
      <c r="GN17" s="71">
        <v>11</v>
      </c>
      <c r="GO17" s="71">
        <v>13</v>
      </c>
      <c r="GP17" s="71">
        <v>12</v>
      </c>
      <c r="GQ17" s="72">
        <v>87</v>
      </c>
      <c r="GR17" s="73">
        <v>115</v>
      </c>
      <c r="GS17" s="123">
        <v>55</v>
      </c>
      <c r="GT17" s="82">
        <v>53</v>
      </c>
      <c r="GU17" s="83">
        <v>108</v>
      </c>
      <c r="GV17" s="241"/>
      <c r="GW17" s="82">
        <v>89</v>
      </c>
      <c r="GX17" s="82">
        <v>82</v>
      </c>
      <c r="GY17" s="82">
        <v>48</v>
      </c>
      <c r="GZ17" s="82">
        <v>36</v>
      </c>
      <c r="HA17" s="82">
        <v>30</v>
      </c>
      <c r="HB17" s="84">
        <v>285</v>
      </c>
      <c r="HC17" s="85">
        <v>393</v>
      </c>
      <c r="HD17" s="70">
        <v>1</v>
      </c>
      <c r="HE17" s="71">
        <v>1</v>
      </c>
      <c r="HF17" s="72">
        <v>2</v>
      </c>
      <c r="HG17" s="244"/>
      <c r="HH17" s="71">
        <v>3</v>
      </c>
      <c r="HI17" s="71">
        <v>0</v>
      </c>
      <c r="HJ17" s="71">
        <v>0</v>
      </c>
      <c r="HK17" s="71">
        <v>1</v>
      </c>
      <c r="HL17" s="71">
        <v>0</v>
      </c>
      <c r="HM17" s="72">
        <v>4</v>
      </c>
      <c r="HN17" s="73">
        <v>6</v>
      </c>
      <c r="HO17" s="70">
        <v>5</v>
      </c>
      <c r="HP17" s="71">
        <v>2</v>
      </c>
      <c r="HQ17" s="72">
        <v>7</v>
      </c>
      <c r="HR17" s="244"/>
      <c r="HS17" s="71">
        <v>6</v>
      </c>
      <c r="HT17" s="71">
        <v>1</v>
      </c>
      <c r="HU17" s="71">
        <v>1</v>
      </c>
      <c r="HV17" s="71">
        <v>0</v>
      </c>
      <c r="HW17" s="71">
        <v>1</v>
      </c>
      <c r="HX17" s="72">
        <v>9</v>
      </c>
      <c r="HY17" s="73">
        <v>16</v>
      </c>
      <c r="HZ17" s="70">
        <v>3</v>
      </c>
      <c r="IA17" s="71">
        <v>3</v>
      </c>
      <c r="IB17" s="72">
        <v>6</v>
      </c>
      <c r="IC17" s="244"/>
      <c r="ID17" s="71">
        <v>11</v>
      </c>
      <c r="IE17" s="71">
        <v>6</v>
      </c>
      <c r="IF17" s="71">
        <v>6</v>
      </c>
      <c r="IG17" s="71">
        <v>3</v>
      </c>
      <c r="IH17" s="71">
        <v>2</v>
      </c>
      <c r="II17" s="72">
        <v>28</v>
      </c>
      <c r="IJ17" s="73">
        <v>34</v>
      </c>
      <c r="IK17" s="70">
        <v>12</v>
      </c>
      <c r="IL17" s="71">
        <v>13</v>
      </c>
      <c r="IM17" s="72">
        <v>25</v>
      </c>
      <c r="IN17" s="244"/>
      <c r="IO17" s="71">
        <v>23</v>
      </c>
      <c r="IP17" s="71">
        <v>15</v>
      </c>
      <c r="IQ17" s="71">
        <v>12</v>
      </c>
      <c r="IR17" s="71">
        <v>8</v>
      </c>
      <c r="IS17" s="71">
        <v>4</v>
      </c>
      <c r="IT17" s="72">
        <v>62</v>
      </c>
      <c r="IU17" s="73">
        <v>87</v>
      </c>
      <c r="IV17" s="70">
        <v>18</v>
      </c>
      <c r="IW17" s="71">
        <v>18</v>
      </c>
      <c r="IX17" s="72">
        <v>36</v>
      </c>
      <c r="IY17" s="244"/>
      <c r="IZ17" s="71">
        <v>23</v>
      </c>
      <c r="JA17" s="71">
        <v>25</v>
      </c>
      <c r="JB17" s="71">
        <v>12</v>
      </c>
      <c r="JC17" s="71">
        <v>8</v>
      </c>
      <c r="JD17" s="71">
        <v>7</v>
      </c>
      <c r="JE17" s="72">
        <v>75</v>
      </c>
      <c r="JF17" s="73">
        <v>111</v>
      </c>
      <c r="JG17" s="70">
        <v>16</v>
      </c>
      <c r="JH17" s="71">
        <v>16</v>
      </c>
      <c r="JI17" s="72">
        <v>32</v>
      </c>
      <c r="JJ17" s="244"/>
      <c r="JK17" s="71">
        <v>23</v>
      </c>
      <c r="JL17" s="71">
        <v>35</v>
      </c>
      <c r="JM17" s="71">
        <v>17</v>
      </c>
      <c r="JN17" s="71">
        <v>16</v>
      </c>
      <c r="JO17" s="71">
        <v>16</v>
      </c>
      <c r="JP17" s="72">
        <v>107</v>
      </c>
      <c r="JQ17" s="73">
        <v>139</v>
      </c>
      <c r="JR17" s="70">
        <v>0</v>
      </c>
      <c r="JS17" s="71">
        <v>0</v>
      </c>
      <c r="JT17" s="72">
        <v>0</v>
      </c>
      <c r="JU17" s="244"/>
      <c r="JV17" s="71">
        <v>0</v>
      </c>
      <c r="JW17" s="71">
        <v>0</v>
      </c>
      <c r="JX17" s="71">
        <v>0</v>
      </c>
      <c r="JY17" s="71">
        <v>0</v>
      </c>
      <c r="JZ17" s="71">
        <v>0</v>
      </c>
      <c r="KA17" s="72">
        <v>0</v>
      </c>
      <c r="KB17" s="73">
        <v>0</v>
      </c>
      <c r="KC17" s="70">
        <v>55</v>
      </c>
      <c r="KD17" s="71">
        <v>53</v>
      </c>
      <c r="KE17" s="72">
        <v>108</v>
      </c>
      <c r="KF17" s="244"/>
      <c r="KG17" s="71">
        <v>89</v>
      </c>
      <c r="KH17" s="71">
        <v>82</v>
      </c>
      <c r="KI17" s="71">
        <v>48</v>
      </c>
      <c r="KJ17" s="71">
        <v>36</v>
      </c>
      <c r="KK17" s="71">
        <v>30</v>
      </c>
      <c r="KL17" s="72">
        <v>285</v>
      </c>
      <c r="KM17" s="73">
        <v>393</v>
      </c>
    </row>
    <row r="18" spans="2:299" ht="21" customHeight="1" x14ac:dyDescent="0.2">
      <c r="B18" s="126" t="s">
        <v>15</v>
      </c>
      <c r="C18" s="315">
        <v>7</v>
      </c>
      <c r="D18" s="82">
        <v>10</v>
      </c>
      <c r="E18" s="83">
        <v>17</v>
      </c>
      <c r="F18" s="241"/>
      <c r="G18" s="82">
        <v>19</v>
      </c>
      <c r="H18" s="82">
        <v>14</v>
      </c>
      <c r="I18" s="82">
        <v>6</v>
      </c>
      <c r="J18" s="82">
        <v>11</v>
      </c>
      <c r="K18" s="82">
        <v>7</v>
      </c>
      <c r="L18" s="84">
        <v>57</v>
      </c>
      <c r="M18" s="85">
        <v>74</v>
      </c>
      <c r="N18" s="70">
        <v>0</v>
      </c>
      <c r="O18" s="71">
        <v>1</v>
      </c>
      <c r="P18" s="72">
        <v>1</v>
      </c>
      <c r="Q18" s="244"/>
      <c r="R18" s="71">
        <v>1</v>
      </c>
      <c r="S18" s="71">
        <v>2</v>
      </c>
      <c r="T18" s="71">
        <v>0</v>
      </c>
      <c r="U18" s="71">
        <v>2</v>
      </c>
      <c r="V18" s="71">
        <v>1</v>
      </c>
      <c r="W18" s="72">
        <v>6</v>
      </c>
      <c r="X18" s="73">
        <v>7</v>
      </c>
      <c r="Y18" s="70">
        <v>0</v>
      </c>
      <c r="Z18" s="71">
        <v>0</v>
      </c>
      <c r="AA18" s="72">
        <v>0</v>
      </c>
      <c r="AB18" s="244"/>
      <c r="AC18" s="71">
        <v>0</v>
      </c>
      <c r="AD18" s="71">
        <v>0</v>
      </c>
      <c r="AE18" s="71">
        <v>1</v>
      </c>
      <c r="AF18" s="71">
        <v>1</v>
      </c>
      <c r="AG18" s="71">
        <v>1</v>
      </c>
      <c r="AH18" s="72">
        <v>3</v>
      </c>
      <c r="AI18" s="73">
        <v>3</v>
      </c>
      <c r="AJ18" s="70">
        <v>0</v>
      </c>
      <c r="AK18" s="71">
        <v>1</v>
      </c>
      <c r="AL18" s="72">
        <v>1</v>
      </c>
      <c r="AM18" s="244"/>
      <c r="AN18" s="71">
        <v>4</v>
      </c>
      <c r="AO18" s="71">
        <v>4</v>
      </c>
      <c r="AP18" s="71">
        <v>1</v>
      </c>
      <c r="AQ18" s="71">
        <v>0</v>
      </c>
      <c r="AR18" s="71">
        <v>1</v>
      </c>
      <c r="AS18" s="72">
        <v>10</v>
      </c>
      <c r="AT18" s="73">
        <v>11</v>
      </c>
      <c r="AU18" s="70">
        <v>3</v>
      </c>
      <c r="AV18" s="71">
        <v>4</v>
      </c>
      <c r="AW18" s="72">
        <v>7</v>
      </c>
      <c r="AX18" s="244"/>
      <c r="AY18" s="71">
        <v>4</v>
      </c>
      <c r="AZ18" s="71">
        <v>3</v>
      </c>
      <c r="BA18" s="71">
        <v>2</v>
      </c>
      <c r="BB18" s="71">
        <v>2</v>
      </c>
      <c r="BC18" s="71">
        <v>1</v>
      </c>
      <c r="BD18" s="72">
        <v>12</v>
      </c>
      <c r="BE18" s="73">
        <v>19</v>
      </c>
      <c r="BF18" s="70">
        <v>1</v>
      </c>
      <c r="BG18" s="71">
        <v>3</v>
      </c>
      <c r="BH18" s="72">
        <v>4</v>
      </c>
      <c r="BI18" s="244"/>
      <c r="BJ18" s="71">
        <v>5</v>
      </c>
      <c r="BK18" s="71">
        <v>2</v>
      </c>
      <c r="BL18" s="71">
        <v>2</v>
      </c>
      <c r="BM18" s="71">
        <v>4</v>
      </c>
      <c r="BN18" s="71">
        <v>0</v>
      </c>
      <c r="BO18" s="72">
        <v>13</v>
      </c>
      <c r="BP18" s="73">
        <v>17</v>
      </c>
      <c r="BQ18" s="70">
        <v>3</v>
      </c>
      <c r="BR18" s="71">
        <v>1</v>
      </c>
      <c r="BS18" s="72">
        <v>4</v>
      </c>
      <c r="BT18" s="244"/>
      <c r="BU18" s="71">
        <v>5</v>
      </c>
      <c r="BV18" s="71">
        <v>3</v>
      </c>
      <c r="BW18" s="71">
        <v>0</v>
      </c>
      <c r="BX18" s="71">
        <v>2</v>
      </c>
      <c r="BY18" s="71">
        <v>3</v>
      </c>
      <c r="BZ18" s="72">
        <v>13</v>
      </c>
      <c r="CA18" s="73">
        <v>17</v>
      </c>
      <c r="CB18" s="70">
        <v>0</v>
      </c>
      <c r="CC18" s="71">
        <v>0</v>
      </c>
      <c r="CD18" s="72">
        <v>0</v>
      </c>
      <c r="CE18" s="244"/>
      <c r="CF18" s="71">
        <v>0</v>
      </c>
      <c r="CG18" s="71">
        <v>0</v>
      </c>
      <c r="CH18" s="71">
        <v>0</v>
      </c>
      <c r="CI18" s="71">
        <v>0</v>
      </c>
      <c r="CJ18" s="71">
        <v>0</v>
      </c>
      <c r="CK18" s="72">
        <v>0</v>
      </c>
      <c r="CL18" s="73">
        <v>0</v>
      </c>
      <c r="CM18" s="70">
        <v>7</v>
      </c>
      <c r="CN18" s="71">
        <v>10</v>
      </c>
      <c r="CO18" s="72">
        <v>17</v>
      </c>
      <c r="CP18" s="244"/>
      <c r="CQ18" s="71">
        <v>19</v>
      </c>
      <c r="CR18" s="71">
        <v>14</v>
      </c>
      <c r="CS18" s="71">
        <v>6</v>
      </c>
      <c r="CT18" s="71">
        <v>11</v>
      </c>
      <c r="CU18" s="71">
        <v>7</v>
      </c>
      <c r="CV18" s="72">
        <v>57</v>
      </c>
      <c r="CW18" s="73">
        <v>74</v>
      </c>
      <c r="CX18" s="123">
        <v>2</v>
      </c>
      <c r="CY18" s="82">
        <v>7</v>
      </c>
      <c r="CZ18" s="83">
        <v>9</v>
      </c>
      <c r="DA18" s="241"/>
      <c r="DB18" s="82">
        <v>11</v>
      </c>
      <c r="DC18" s="82">
        <v>9</v>
      </c>
      <c r="DD18" s="82">
        <v>6</v>
      </c>
      <c r="DE18" s="82">
        <v>3</v>
      </c>
      <c r="DF18" s="82">
        <v>4</v>
      </c>
      <c r="DG18" s="84">
        <v>33</v>
      </c>
      <c r="DH18" s="85">
        <v>42</v>
      </c>
      <c r="DI18" s="70">
        <v>0</v>
      </c>
      <c r="DJ18" s="71">
        <v>0</v>
      </c>
      <c r="DK18" s="72">
        <v>0</v>
      </c>
      <c r="DL18" s="244"/>
      <c r="DM18" s="71">
        <v>0</v>
      </c>
      <c r="DN18" s="71">
        <v>0</v>
      </c>
      <c r="DO18" s="71">
        <v>0</v>
      </c>
      <c r="DP18" s="71">
        <v>0</v>
      </c>
      <c r="DQ18" s="71">
        <v>0</v>
      </c>
      <c r="DR18" s="72">
        <v>0</v>
      </c>
      <c r="DS18" s="73">
        <v>0</v>
      </c>
      <c r="DT18" s="70">
        <v>0</v>
      </c>
      <c r="DU18" s="71">
        <v>1</v>
      </c>
      <c r="DV18" s="72">
        <v>1</v>
      </c>
      <c r="DW18" s="244"/>
      <c r="DX18" s="71">
        <v>0</v>
      </c>
      <c r="DY18" s="71">
        <v>1</v>
      </c>
      <c r="DZ18" s="71">
        <v>0</v>
      </c>
      <c r="EA18" s="71">
        <v>0</v>
      </c>
      <c r="EB18" s="71">
        <v>0</v>
      </c>
      <c r="EC18" s="72">
        <v>1</v>
      </c>
      <c r="ED18" s="73">
        <v>2</v>
      </c>
      <c r="EE18" s="70">
        <v>0</v>
      </c>
      <c r="EF18" s="71">
        <v>3</v>
      </c>
      <c r="EG18" s="72">
        <v>3</v>
      </c>
      <c r="EH18" s="244"/>
      <c r="EI18" s="71">
        <v>4</v>
      </c>
      <c r="EJ18" s="71">
        <v>0</v>
      </c>
      <c r="EK18" s="71">
        <v>1</v>
      </c>
      <c r="EL18" s="71">
        <v>0</v>
      </c>
      <c r="EM18" s="71">
        <v>2</v>
      </c>
      <c r="EN18" s="72">
        <v>7</v>
      </c>
      <c r="EO18" s="73">
        <v>10</v>
      </c>
      <c r="EP18" s="70">
        <v>0</v>
      </c>
      <c r="EQ18" s="71">
        <v>1</v>
      </c>
      <c r="ER18" s="72">
        <v>1</v>
      </c>
      <c r="ES18" s="244"/>
      <c r="ET18" s="71">
        <v>1</v>
      </c>
      <c r="EU18" s="71">
        <v>0</v>
      </c>
      <c r="EV18" s="71">
        <v>0</v>
      </c>
      <c r="EW18" s="71">
        <v>1</v>
      </c>
      <c r="EX18" s="71">
        <v>0</v>
      </c>
      <c r="EY18" s="72">
        <v>2</v>
      </c>
      <c r="EZ18" s="73">
        <v>3</v>
      </c>
      <c r="FA18" s="70">
        <v>0</v>
      </c>
      <c r="FB18" s="71">
        <v>1</v>
      </c>
      <c r="FC18" s="72">
        <v>1</v>
      </c>
      <c r="FD18" s="244"/>
      <c r="FE18" s="71">
        <v>3</v>
      </c>
      <c r="FF18" s="71">
        <v>1</v>
      </c>
      <c r="FG18" s="71">
        <v>1</v>
      </c>
      <c r="FH18" s="71">
        <v>0</v>
      </c>
      <c r="FI18" s="71">
        <v>0</v>
      </c>
      <c r="FJ18" s="72">
        <v>5</v>
      </c>
      <c r="FK18" s="73">
        <v>6</v>
      </c>
      <c r="FL18" s="70">
        <v>2</v>
      </c>
      <c r="FM18" s="71">
        <v>1</v>
      </c>
      <c r="FN18" s="72">
        <v>3</v>
      </c>
      <c r="FO18" s="244"/>
      <c r="FP18" s="71">
        <v>3</v>
      </c>
      <c r="FQ18" s="71">
        <v>7</v>
      </c>
      <c r="FR18" s="71">
        <v>4</v>
      </c>
      <c r="FS18" s="71">
        <v>2</v>
      </c>
      <c r="FT18" s="71">
        <v>2</v>
      </c>
      <c r="FU18" s="72">
        <v>18</v>
      </c>
      <c r="FV18" s="73">
        <v>21</v>
      </c>
      <c r="FW18" s="70">
        <v>0</v>
      </c>
      <c r="FX18" s="71">
        <v>0</v>
      </c>
      <c r="FY18" s="72">
        <v>0</v>
      </c>
      <c r="FZ18" s="244"/>
      <c r="GA18" s="71">
        <v>0</v>
      </c>
      <c r="GB18" s="71">
        <v>0</v>
      </c>
      <c r="GC18" s="71">
        <v>0</v>
      </c>
      <c r="GD18" s="71">
        <v>0</v>
      </c>
      <c r="GE18" s="71">
        <v>0</v>
      </c>
      <c r="GF18" s="72">
        <v>0</v>
      </c>
      <c r="GG18" s="73">
        <v>0</v>
      </c>
      <c r="GH18" s="70">
        <v>2</v>
      </c>
      <c r="GI18" s="71">
        <v>7</v>
      </c>
      <c r="GJ18" s="72">
        <v>9</v>
      </c>
      <c r="GK18" s="244"/>
      <c r="GL18" s="71">
        <v>11</v>
      </c>
      <c r="GM18" s="71">
        <v>9</v>
      </c>
      <c r="GN18" s="71">
        <v>6</v>
      </c>
      <c r="GO18" s="71">
        <v>3</v>
      </c>
      <c r="GP18" s="71">
        <v>4</v>
      </c>
      <c r="GQ18" s="72">
        <v>33</v>
      </c>
      <c r="GR18" s="73">
        <v>42</v>
      </c>
      <c r="GS18" s="123">
        <v>9</v>
      </c>
      <c r="GT18" s="82">
        <v>17</v>
      </c>
      <c r="GU18" s="83">
        <v>26</v>
      </c>
      <c r="GV18" s="241"/>
      <c r="GW18" s="82">
        <v>30</v>
      </c>
      <c r="GX18" s="82">
        <v>23</v>
      </c>
      <c r="GY18" s="82">
        <v>12</v>
      </c>
      <c r="GZ18" s="82">
        <v>14</v>
      </c>
      <c r="HA18" s="82">
        <v>11</v>
      </c>
      <c r="HB18" s="84">
        <v>90</v>
      </c>
      <c r="HC18" s="85">
        <v>116</v>
      </c>
      <c r="HD18" s="70">
        <v>0</v>
      </c>
      <c r="HE18" s="71">
        <v>1</v>
      </c>
      <c r="HF18" s="72">
        <v>1</v>
      </c>
      <c r="HG18" s="244"/>
      <c r="HH18" s="71">
        <v>1</v>
      </c>
      <c r="HI18" s="71">
        <v>2</v>
      </c>
      <c r="HJ18" s="71">
        <v>0</v>
      </c>
      <c r="HK18" s="71">
        <v>2</v>
      </c>
      <c r="HL18" s="71">
        <v>1</v>
      </c>
      <c r="HM18" s="72">
        <v>6</v>
      </c>
      <c r="HN18" s="73">
        <v>7</v>
      </c>
      <c r="HO18" s="70">
        <v>0</v>
      </c>
      <c r="HP18" s="71">
        <v>1</v>
      </c>
      <c r="HQ18" s="72">
        <v>1</v>
      </c>
      <c r="HR18" s="244"/>
      <c r="HS18" s="71">
        <v>0</v>
      </c>
      <c r="HT18" s="71">
        <v>1</v>
      </c>
      <c r="HU18" s="71">
        <v>1</v>
      </c>
      <c r="HV18" s="71">
        <v>1</v>
      </c>
      <c r="HW18" s="71">
        <v>1</v>
      </c>
      <c r="HX18" s="72">
        <v>4</v>
      </c>
      <c r="HY18" s="73">
        <v>5</v>
      </c>
      <c r="HZ18" s="70">
        <v>0</v>
      </c>
      <c r="IA18" s="71">
        <v>4</v>
      </c>
      <c r="IB18" s="72">
        <v>4</v>
      </c>
      <c r="IC18" s="244"/>
      <c r="ID18" s="71">
        <v>8</v>
      </c>
      <c r="IE18" s="71">
        <v>4</v>
      </c>
      <c r="IF18" s="71">
        <v>2</v>
      </c>
      <c r="IG18" s="71">
        <v>0</v>
      </c>
      <c r="IH18" s="71">
        <v>3</v>
      </c>
      <c r="II18" s="72">
        <v>17</v>
      </c>
      <c r="IJ18" s="73">
        <v>21</v>
      </c>
      <c r="IK18" s="70">
        <v>3</v>
      </c>
      <c r="IL18" s="71">
        <v>5</v>
      </c>
      <c r="IM18" s="72">
        <v>8</v>
      </c>
      <c r="IN18" s="244"/>
      <c r="IO18" s="71">
        <v>5</v>
      </c>
      <c r="IP18" s="71">
        <v>3</v>
      </c>
      <c r="IQ18" s="71">
        <v>2</v>
      </c>
      <c r="IR18" s="71">
        <v>3</v>
      </c>
      <c r="IS18" s="71">
        <v>1</v>
      </c>
      <c r="IT18" s="72">
        <v>14</v>
      </c>
      <c r="IU18" s="73">
        <v>22</v>
      </c>
      <c r="IV18" s="70">
        <v>1</v>
      </c>
      <c r="IW18" s="71">
        <v>4</v>
      </c>
      <c r="IX18" s="72">
        <v>5</v>
      </c>
      <c r="IY18" s="244"/>
      <c r="IZ18" s="71">
        <v>8</v>
      </c>
      <c r="JA18" s="71">
        <v>3</v>
      </c>
      <c r="JB18" s="71">
        <v>3</v>
      </c>
      <c r="JC18" s="71">
        <v>4</v>
      </c>
      <c r="JD18" s="71">
        <v>0</v>
      </c>
      <c r="JE18" s="72">
        <v>18</v>
      </c>
      <c r="JF18" s="73">
        <v>23</v>
      </c>
      <c r="JG18" s="70">
        <v>5</v>
      </c>
      <c r="JH18" s="71">
        <v>2</v>
      </c>
      <c r="JI18" s="72">
        <v>7</v>
      </c>
      <c r="JJ18" s="244"/>
      <c r="JK18" s="71">
        <v>8</v>
      </c>
      <c r="JL18" s="71">
        <v>10</v>
      </c>
      <c r="JM18" s="71">
        <v>4</v>
      </c>
      <c r="JN18" s="71">
        <v>4</v>
      </c>
      <c r="JO18" s="71">
        <v>5</v>
      </c>
      <c r="JP18" s="72">
        <v>31</v>
      </c>
      <c r="JQ18" s="73">
        <v>38</v>
      </c>
      <c r="JR18" s="70">
        <v>0</v>
      </c>
      <c r="JS18" s="71">
        <v>0</v>
      </c>
      <c r="JT18" s="72">
        <v>0</v>
      </c>
      <c r="JU18" s="244"/>
      <c r="JV18" s="71">
        <v>0</v>
      </c>
      <c r="JW18" s="71">
        <v>0</v>
      </c>
      <c r="JX18" s="71">
        <v>0</v>
      </c>
      <c r="JY18" s="71">
        <v>0</v>
      </c>
      <c r="JZ18" s="71">
        <v>0</v>
      </c>
      <c r="KA18" s="72">
        <v>0</v>
      </c>
      <c r="KB18" s="73">
        <v>0</v>
      </c>
      <c r="KC18" s="70">
        <v>9</v>
      </c>
      <c r="KD18" s="71">
        <v>17</v>
      </c>
      <c r="KE18" s="72">
        <v>26</v>
      </c>
      <c r="KF18" s="244"/>
      <c r="KG18" s="71">
        <v>30</v>
      </c>
      <c r="KH18" s="71">
        <v>23</v>
      </c>
      <c r="KI18" s="71">
        <v>12</v>
      </c>
      <c r="KJ18" s="71">
        <v>14</v>
      </c>
      <c r="KK18" s="71">
        <v>11</v>
      </c>
      <c r="KL18" s="72">
        <v>90</v>
      </c>
      <c r="KM18" s="73">
        <v>116</v>
      </c>
    </row>
    <row r="19" spans="2:299" ht="21" customHeight="1" x14ac:dyDescent="0.2">
      <c r="B19" s="126" t="s">
        <v>16</v>
      </c>
      <c r="C19" s="315">
        <v>28</v>
      </c>
      <c r="D19" s="82">
        <v>30</v>
      </c>
      <c r="E19" s="83">
        <v>58</v>
      </c>
      <c r="F19" s="241"/>
      <c r="G19" s="82">
        <v>54</v>
      </c>
      <c r="H19" s="82">
        <v>59</v>
      </c>
      <c r="I19" s="82">
        <v>42</v>
      </c>
      <c r="J19" s="82">
        <v>31</v>
      </c>
      <c r="K19" s="82">
        <v>21</v>
      </c>
      <c r="L19" s="84">
        <v>207</v>
      </c>
      <c r="M19" s="85">
        <v>265</v>
      </c>
      <c r="N19" s="70">
        <v>0</v>
      </c>
      <c r="O19" s="71">
        <v>2</v>
      </c>
      <c r="P19" s="72">
        <v>2</v>
      </c>
      <c r="Q19" s="244"/>
      <c r="R19" s="71">
        <v>2</v>
      </c>
      <c r="S19" s="71">
        <v>2</v>
      </c>
      <c r="T19" s="71">
        <v>1</v>
      </c>
      <c r="U19" s="71">
        <v>0</v>
      </c>
      <c r="V19" s="71">
        <v>3</v>
      </c>
      <c r="W19" s="72">
        <v>8</v>
      </c>
      <c r="X19" s="73">
        <v>10</v>
      </c>
      <c r="Y19" s="70">
        <v>4</v>
      </c>
      <c r="Z19" s="71">
        <v>7</v>
      </c>
      <c r="AA19" s="72">
        <v>11</v>
      </c>
      <c r="AB19" s="244"/>
      <c r="AC19" s="71">
        <v>5</v>
      </c>
      <c r="AD19" s="71">
        <v>8</v>
      </c>
      <c r="AE19" s="71">
        <v>3</v>
      </c>
      <c r="AF19" s="71">
        <v>5</v>
      </c>
      <c r="AG19" s="71">
        <v>1</v>
      </c>
      <c r="AH19" s="72">
        <v>22</v>
      </c>
      <c r="AI19" s="73">
        <v>33</v>
      </c>
      <c r="AJ19" s="70">
        <v>7</v>
      </c>
      <c r="AK19" s="71">
        <v>5</v>
      </c>
      <c r="AL19" s="72">
        <v>12</v>
      </c>
      <c r="AM19" s="244"/>
      <c r="AN19" s="71">
        <v>5</v>
      </c>
      <c r="AO19" s="71">
        <v>11</v>
      </c>
      <c r="AP19" s="71">
        <v>7</v>
      </c>
      <c r="AQ19" s="71">
        <v>5</v>
      </c>
      <c r="AR19" s="71">
        <v>1</v>
      </c>
      <c r="AS19" s="72">
        <v>29</v>
      </c>
      <c r="AT19" s="73">
        <v>41</v>
      </c>
      <c r="AU19" s="70">
        <v>6</v>
      </c>
      <c r="AV19" s="71">
        <v>4</v>
      </c>
      <c r="AW19" s="72">
        <v>10</v>
      </c>
      <c r="AX19" s="244"/>
      <c r="AY19" s="71">
        <v>16</v>
      </c>
      <c r="AZ19" s="71">
        <v>16</v>
      </c>
      <c r="BA19" s="71">
        <v>12</v>
      </c>
      <c r="BB19" s="71">
        <v>2</v>
      </c>
      <c r="BC19" s="71">
        <v>6</v>
      </c>
      <c r="BD19" s="72">
        <v>52</v>
      </c>
      <c r="BE19" s="73">
        <v>62</v>
      </c>
      <c r="BF19" s="70">
        <v>9</v>
      </c>
      <c r="BG19" s="71">
        <v>10</v>
      </c>
      <c r="BH19" s="72">
        <v>19</v>
      </c>
      <c r="BI19" s="244"/>
      <c r="BJ19" s="71">
        <v>11</v>
      </c>
      <c r="BK19" s="71">
        <v>8</v>
      </c>
      <c r="BL19" s="71">
        <v>13</v>
      </c>
      <c r="BM19" s="71">
        <v>5</v>
      </c>
      <c r="BN19" s="71">
        <v>6</v>
      </c>
      <c r="BO19" s="72">
        <v>43</v>
      </c>
      <c r="BP19" s="73">
        <v>62</v>
      </c>
      <c r="BQ19" s="70">
        <v>2</v>
      </c>
      <c r="BR19" s="71">
        <v>2</v>
      </c>
      <c r="BS19" s="72">
        <v>4</v>
      </c>
      <c r="BT19" s="244"/>
      <c r="BU19" s="71">
        <v>15</v>
      </c>
      <c r="BV19" s="71">
        <v>14</v>
      </c>
      <c r="BW19" s="71">
        <v>6</v>
      </c>
      <c r="BX19" s="71">
        <v>14</v>
      </c>
      <c r="BY19" s="71">
        <v>4</v>
      </c>
      <c r="BZ19" s="72">
        <v>53</v>
      </c>
      <c r="CA19" s="73">
        <v>57</v>
      </c>
      <c r="CB19" s="70">
        <v>0</v>
      </c>
      <c r="CC19" s="71">
        <v>0</v>
      </c>
      <c r="CD19" s="72">
        <v>0</v>
      </c>
      <c r="CE19" s="244"/>
      <c r="CF19" s="71">
        <v>0</v>
      </c>
      <c r="CG19" s="71">
        <v>0</v>
      </c>
      <c r="CH19" s="71">
        <v>0</v>
      </c>
      <c r="CI19" s="71">
        <v>0</v>
      </c>
      <c r="CJ19" s="71">
        <v>0</v>
      </c>
      <c r="CK19" s="72">
        <v>0</v>
      </c>
      <c r="CL19" s="73">
        <v>0</v>
      </c>
      <c r="CM19" s="70">
        <v>28</v>
      </c>
      <c r="CN19" s="71">
        <v>30</v>
      </c>
      <c r="CO19" s="72">
        <v>58</v>
      </c>
      <c r="CP19" s="244"/>
      <c r="CQ19" s="71">
        <v>54</v>
      </c>
      <c r="CR19" s="71">
        <v>59</v>
      </c>
      <c r="CS19" s="71">
        <v>42</v>
      </c>
      <c r="CT19" s="71">
        <v>31</v>
      </c>
      <c r="CU19" s="71">
        <v>21</v>
      </c>
      <c r="CV19" s="72">
        <v>207</v>
      </c>
      <c r="CW19" s="73">
        <v>265</v>
      </c>
      <c r="CX19" s="123">
        <v>10</v>
      </c>
      <c r="CY19" s="82">
        <v>13</v>
      </c>
      <c r="CZ19" s="83">
        <v>23</v>
      </c>
      <c r="DA19" s="241"/>
      <c r="DB19" s="82">
        <v>26</v>
      </c>
      <c r="DC19" s="82">
        <v>21</v>
      </c>
      <c r="DD19" s="82">
        <v>18</v>
      </c>
      <c r="DE19" s="82">
        <v>15</v>
      </c>
      <c r="DF19" s="82">
        <v>10</v>
      </c>
      <c r="DG19" s="84">
        <v>90</v>
      </c>
      <c r="DH19" s="85">
        <v>113</v>
      </c>
      <c r="DI19" s="70">
        <v>0</v>
      </c>
      <c r="DJ19" s="71">
        <v>0</v>
      </c>
      <c r="DK19" s="72">
        <v>0</v>
      </c>
      <c r="DL19" s="244"/>
      <c r="DM19" s="71">
        <v>1</v>
      </c>
      <c r="DN19" s="71">
        <v>0</v>
      </c>
      <c r="DO19" s="71">
        <v>0</v>
      </c>
      <c r="DP19" s="71">
        <v>1</v>
      </c>
      <c r="DQ19" s="71">
        <v>0</v>
      </c>
      <c r="DR19" s="72">
        <v>2</v>
      </c>
      <c r="DS19" s="73">
        <v>2</v>
      </c>
      <c r="DT19" s="70">
        <v>1</v>
      </c>
      <c r="DU19" s="71">
        <v>2</v>
      </c>
      <c r="DV19" s="72">
        <v>3</v>
      </c>
      <c r="DW19" s="244"/>
      <c r="DX19" s="71">
        <v>3</v>
      </c>
      <c r="DY19" s="71">
        <v>3</v>
      </c>
      <c r="DZ19" s="71">
        <v>2</v>
      </c>
      <c r="EA19" s="71">
        <v>0</v>
      </c>
      <c r="EB19" s="71">
        <v>1</v>
      </c>
      <c r="EC19" s="72">
        <v>9</v>
      </c>
      <c r="ED19" s="73">
        <v>12</v>
      </c>
      <c r="EE19" s="70">
        <v>1</v>
      </c>
      <c r="EF19" s="71">
        <v>2</v>
      </c>
      <c r="EG19" s="72">
        <v>3</v>
      </c>
      <c r="EH19" s="244"/>
      <c r="EI19" s="71">
        <v>2</v>
      </c>
      <c r="EJ19" s="71">
        <v>1</v>
      </c>
      <c r="EK19" s="71">
        <v>2</v>
      </c>
      <c r="EL19" s="71">
        <v>1</v>
      </c>
      <c r="EM19" s="71">
        <v>1</v>
      </c>
      <c r="EN19" s="72">
        <v>7</v>
      </c>
      <c r="EO19" s="73">
        <v>10</v>
      </c>
      <c r="EP19" s="70">
        <v>6</v>
      </c>
      <c r="EQ19" s="71">
        <v>4</v>
      </c>
      <c r="ER19" s="72">
        <v>10</v>
      </c>
      <c r="ES19" s="244"/>
      <c r="ET19" s="71">
        <v>5</v>
      </c>
      <c r="EU19" s="71">
        <v>6</v>
      </c>
      <c r="EV19" s="71">
        <v>0</v>
      </c>
      <c r="EW19" s="71">
        <v>0</v>
      </c>
      <c r="EX19" s="71">
        <v>1</v>
      </c>
      <c r="EY19" s="72">
        <v>12</v>
      </c>
      <c r="EZ19" s="73">
        <v>22</v>
      </c>
      <c r="FA19" s="70">
        <v>0</v>
      </c>
      <c r="FB19" s="71">
        <v>3</v>
      </c>
      <c r="FC19" s="72">
        <v>3</v>
      </c>
      <c r="FD19" s="244"/>
      <c r="FE19" s="71">
        <v>9</v>
      </c>
      <c r="FF19" s="71">
        <v>5</v>
      </c>
      <c r="FG19" s="71">
        <v>7</v>
      </c>
      <c r="FH19" s="71">
        <v>3</v>
      </c>
      <c r="FI19" s="71">
        <v>1</v>
      </c>
      <c r="FJ19" s="72">
        <v>25</v>
      </c>
      <c r="FK19" s="73">
        <v>28</v>
      </c>
      <c r="FL19" s="70">
        <v>2</v>
      </c>
      <c r="FM19" s="71">
        <v>2</v>
      </c>
      <c r="FN19" s="72">
        <v>4</v>
      </c>
      <c r="FO19" s="244"/>
      <c r="FP19" s="71">
        <v>6</v>
      </c>
      <c r="FQ19" s="71">
        <v>6</v>
      </c>
      <c r="FR19" s="71">
        <v>7</v>
      </c>
      <c r="FS19" s="71">
        <v>10</v>
      </c>
      <c r="FT19" s="71">
        <v>6</v>
      </c>
      <c r="FU19" s="72">
        <v>35</v>
      </c>
      <c r="FV19" s="73">
        <v>39</v>
      </c>
      <c r="FW19" s="70">
        <v>0</v>
      </c>
      <c r="FX19" s="71">
        <v>0</v>
      </c>
      <c r="FY19" s="72">
        <v>0</v>
      </c>
      <c r="FZ19" s="244"/>
      <c r="GA19" s="71">
        <v>0</v>
      </c>
      <c r="GB19" s="71">
        <v>0</v>
      </c>
      <c r="GC19" s="71">
        <v>0</v>
      </c>
      <c r="GD19" s="71">
        <v>0</v>
      </c>
      <c r="GE19" s="71">
        <v>0</v>
      </c>
      <c r="GF19" s="72">
        <v>0</v>
      </c>
      <c r="GG19" s="73">
        <v>0</v>
      </c>
      <c r="GH19" s="70">
        <v>10</v>
      </c>
      <c r="GI19" s="71">
        <v>13</v>
      </c>
      <c r="GJ19" s="72">
        <v>23</v>
      </c>
      <c r="GK19" s="244"/>
      <c r="GL19" s="71">
        <v>26</v>
      </c>
      <c r="GM19" s="71">
        <v>21</v>
      </c>
      <c r="GN19" s="71">
        <v>18</v>
      </c>
      <c r="GO19" s="71">
        <v>15</v>
      </c>
      <c r="GP19" s="71">
        <v>10</v>
      </c>
      <c r="GQ19" s="72">
        <v>90</v>
      </c>
      <c r="GR19" s="73">
        <v>113</v>
      </c>
      <c r="GS19" s="123">
        <v>38</v>
      </c>
      <c r="GT19" s="82">
        <v>43</v>
      </c>
      <c r="GU19" s="83">
        <v>81</v>
      </c>
      <c r="GV19" s="241"/>
      <c r="GW19" s="82">
        <v>80</v>
      </c>
      <c r="GX19" s="82">
        <v>80</v>
      </c>
      <c r="GY19" s="82">
        <v>60</v>
      </c>
      <c r="GZ19" s="82">
        <v>46</v>
      </c>
      <c r="HA19" s="82">
        <v>31</v>
      </c>
      <c r="HB19" s="84">
        <v>297</v>
      </c>
      <c r="HC19" s="85">
        <v>378</v>
      </c>
      <c r="HD19" s="70">
        <v>0</v>
      </c>
      <c r="HE19" s="71">
        <v>2</v>
      </c>
      <c r="HF19" s="72">
        <v>2</v>
      </c>
      <c r="HG19" s="244"/>
      <c r="HH19" s="71">
        <v>3</v>
      </c>
      <c r="HI19" s="71">
        <v>2</v>
      </c>
      <c r="HJ19" s="71">
        <v>1</v>
      </c>
      <c r="HK19" s="71">
        <v>1</v>
      </c>
      <c r="HL19" s="71">
        <v>3</v>
      </c>
      <c r="HM19" s="72">
        <v>10</v>
      </c>
      <c r="HN19" s="73">
        <v>12</v>
      </c>
      <c r="HO19" s="70">
        <v>5</v>
      </c>
      <c r="HP19" s="71">
        <v>9</v>
      </c>
      <c r="HQ19" s="72">
        <v>14</v>
      </c>
      <c r="HR19" s="244"/>
      <c r="HS19" s="71">
        <v>8</v>
      </c>
      <c r="HT19" s="71">
        <v>11</v>
      </c>
      <c r="HU19" s="71">
        <v>5</v>
      </c>
      <c r="HV19" s="71">
        <v>5</v>
      </c>
      <c r="HW19" s="71">
        <v>2</v>
      </c>
      <c r="HX19" s="72">
        <v>31</v>
      </c>
      <c r="HY19" s="73">
        <v>45</v>
      </c>
      <c r="HZ19" s="70">
        <v>8</v>
      </c>
      <c r="IA19" s="71">
        <v>7</v>
      </c>
      <c r="IB19" s="72">
        <v>15</v>
      </c>
      <c r="IC19" s="244"/>
      <c r="ID19" s="71">
        <v>7</v>
      </c>
      <c r="IE19" s="71">
        <v>12</v>
      </c>
      <c r="IF19" s="71">
        <v>9</v>
      </c>
      <c r="IG19" s="71">
        <v>6</v>
      </c>
      <c r="IH19" s="71">
        <v>2</v>
      </c>
      <c r="II19" s="72">
        <v>36</v>
      </c>
      <c r="IJ19" s="73">
        <v>51</v>
      </c>
      <c r="IK19" s="70">
        <v>12</v>
      </c>
      <c r="IL19" s="71">
        <v>8</v>
      </c>
      <c r="IM19" s="72">
        <v>20</v>
      </c>
      <c r="IN19" s="244"/>
      <c r="IO19" s="71">
        <v>21</v>
      </c>
      <c r="IP19" s="71">
        <v>22</v>
      </c>
      <c r="IQ19" s="71">
        <v>12</v>
      </c>
      <c r="IR19" s="71">
        <v>2</v>
      </c>
      <c r="IS19" s="71">
        <v>7</v>
      </c>
      <c r="IT19" s="72">
        <v>64</v>
      </c>
      <c r="IU19" s="73">
        <v>84</v>
      </c>
      <c r="IV19" s="70">
        <v>9</v>
      </c>
      <c r="IW19" s="71">
        <v>13</v>
      </c>
      <c r="IX19" s="72">
        <v>22</v>
      </c>
      <c r="IY19" s="244"/>
      <c r="IZ19" s="71">
        <v>20</v>
      </c>
      <c r="JA19" s="71">
        <v>13</v>
      </c>
      <c r="JB19" s="71">
        <v>20</v>
      </c>
      <c r="JC19" s="71">
        <v>8</v>
      </c>
      <c r="JD19" s="71">
        <v>7</v>
      </c>
      <c r="JE19" s="72">
        <v>68</v>
      </c>
      <c r="JF19" s="73">
        <v>90</v>
      </c>
      <c r="JG19" s="70">
        <v>4</v>
      </c>
      <c r="JH19" s="71">
        <v>4</v>
      </c>
      <c r="JI19" s="72">
        <v>8</v>
      </c>
      <c r="JJ19" s="244"/>
      <c r="JK19" s="71">
        <v>21</v>
      </c>
      <c r="JL19" s="71">
        <v>20</v>
      </c>
      <c r="JM19" s="71">
        <v>13</v>
      </c>
      <c r="JN19" s="71">
        <v>24</v>
      </c>
      <c r="JO19" s="71">
        <v>10</v>
      </c>
      <c r="JP19" s="72">
        <v>88</v>
      </c>
      <c r="JQ19" s="73">
        <v>96</v>
      </c>
      <c r="JR19" s="70">
        <v>0</v>
      </c>
      <c r="JS19" s="71">
        <v>0</v>
      </c>
      <c r="JT19" s="72">
        <v>0</v>
      </c>
      <c r="JU19" s="244"/>
      <c r="JV19" s="71">
        <v>0</v>
      </c>
      <c r="JW19" s="71">
        <v>0</v>
      </c>
      <c r="JX19" s="71">
        <v>0</v>
      </c>
      <c r="JY19" s="71">
        <v>0</v>
      </c>
      <c r="JZ19" s="71">
        <v>0</v>
      </c>
      <c r="KA19" s="72">
        <v>0</v>
      </c>
      <c r="KB19" s="73">
        <v>0</v>
      </c>
      <c r="KC19" s="70">
        <v>38</v>
      </c>
      <c r="KD19" s="71">
        <v>43</v>
      </c>
      <c r="KE19" s="72">
        <v>81</v>
      </c>
      <c r="KF19" s="244"/>
      <c r="KG19" s="71">
        <v>80</v>
      </c>
      <c r="KH19" s="71">
        <v>80</v>
      </c>
      <c r="KI19" s="71">
        <v>60</v>
      </c>
      <c r="KJ19" s="71">
        <v>46</v>
      </c>
      <c r="KK19" s="71">
        <v>31</v>
      </c>
      <c r="KL19" s="72">
        <v>297</v>
      </c>
      <c r="KM19" s="73">
        <v>378</v>
      </c>
    </row>
    <row r="20" spans="2:299" ht="21" customHeight="1" x14ac:dyDescent="0.2">
      <c r="B20" s="126" t="s">
        <v>17</v>
      </c>
      <c r="C20" s="315">
        <v>38</v>
      </c>
      <c r="D20" s="82">
        <v>41</v>
      </c>
      <c r="E20" s="83">
        <v>79</v>
      </c>
      <c r="F20" s="241"/>
      <c r="G20" s="82">
        <v>74</v>
      </c>
      <c r="H20" s="82">
        <v>87</v>
      </c>
      <c r="I20" s="82">
        <v>58</v>
      </c>
      <c r="J20" s="82">
        <v>50</v>
      </c>
      <c r="K20" s="82">
        <v>23</v>
      </c>
      <c r="L20" s="84">
        <v>292</v>
      </c>
      <c r="M20" s="85">
        <v>371</v>
      </c>
      <c r="N20" s="70">
        <v>0</v>
      </c>
      <c r="O20" s="71">
        <v>1</v>
      </c>
      <c r="P20" s="72">
        <v>1</v>
      </c>
      <c r="Q20" s="244"/>
      <c r="R20" s="71">
        <v>3</v>
      </c>
      <c r="S20" s="71">
        <v>3</v>
      </c>
      <c r="T20" s="71">
        <v>3</v>
      </c>
      <c r="U20" s="71">
        <v>4</v>
      </c>
      <c r="V20" s="71">
        <v>0</v>
      </c>
      <c r="W20" s="72">
        <v>13</v>
      </c>
      <c r="X20" s="73">
        <v>14</v>
      </c>
      <c r="Y20" s="70">
        <v>3</v>
      </c>
      <c r="Z20" s="71">
        <v>6</v>
      </c>
      <c r="AA20" s="72">
        <v>9</v>
      </c>
      <c r="AB20" s="244"/>
      <c r="AC20" s="71">
        <v>5</v>
      </c>
      <c r="AD20" s="71">
        <v>9</v>
      </c>
      <c r="AE20" s="71">
        <v>7</v>
      </c>
      <c r="AF20" s="71">
        <v>4</v>
      </c>
      <c r="AG20" s="71">
        <v>1</v>
      </c>
      <c r="AH20" s="72">
        <v>26</v>
      </c>
      <c r="AI20" s="73">
        <v>35</v>
      </c>
      <c r="AJ20" s="70">
        <v>7</v>
      </c>
      <c r="AK20" s="71">
        <v>5</v>
      </c>
      <c r="AL20" s="72">
        <v>12</v>
      </c>
      <c r="AM20" s="244"/>
      <c r="AN20" s="71">
        <v>10</v>
      </c>
      <c r="AO20" s="71">
        <v>9</v>
      </c>
      <c r="AP20" s="71">
        <v>13</v>
      </c>
      <c r="AQ20" s="71">
        <v>10</v>
      </c>
      <c r="AR20" s="71">
        <v>4</v>
      </c>
      <c r="AS20" s="72">
        <v>46</v>
      </c>
      <c r="AT20" s="73">
        <v>58</v>
      </c>
      <c r="AU20" s="70">
        <v>5</v>
      </c>
      <c r="AV20" s="71">
        <v>6</v>
      </c>
      <c r="AW20" s="72">
        <v>11</v>
      </c>
      <c r="AX20" s="244"/>
      <c r="AY20" s="71">
        <v>20</v>
      </c>
      <c r="AZ20" s="71">
        <v>20</v>
      </c>
      <c r="BA20" s="71">
        <v>12</v>
      </c>
      <c r="BB20" s="71">
        <v>7</v>
      </c>
      <c r="BC20" s="71">
        <v>4</v>
      </c>
      <c r="BD20" s="72">
        <v>63</v>
      </c>
      <c r="BE20" s="73">
        <v>74</v>
      </c>
      <c r="BF20" s="70">
        <v>13</v>
      </c>
      <c r="BG20" s="71">
        <v>12</v>
      </c>
      <c r="BH20" s="72">
        <v>25</v>
      </c>
      <c r="BI20" s="244"/>
      <c r="BJ20" s="71">
        <v>23</v>
      </c>
      <c r="BK20" s="71">
        <v>23</v>
      </c>
      <c r="BL20" s="71">
        <v>10</v>
      </c>
      <c r="BM20" s="71">
        <v>12</v>
      </c>
      <c r="BN20" s="71">
        <v>5</v>
      </c>
      <c r="BO20" s="72">
        <v>73</v>
      </c>
      <c r="BP20" s="73">
        <v>98</v>
      </c>
      <c r="BQ20" s="70">
        <v>10</v>
      </c>
      <c r="BR20" s="71">
        <v>11</v>
      </c>
      <c r="BS20" s="72">
        <v>21</v>
      </c>
      <c r="BT20" s="244"/>
      <c r="BU20" s="71">
        <v>13</v>
      </c>
      <c r="BV20" s="71">
        <v>23</v>
      </c>
      <c r="BW20" s="71">
        <v>13</v>
      </c>
      <c r="BX20" s="71">
        <v>13</v>
      </c>
      <c r="BY20" s="71">
        <v>9</v>
      </c>
      <c r="BZ20" s="72">
        <v>71</v>
      </c>
      <c r="CA20" s="73">
        <v>92</v>
      </c>
      <c r="CB20" s="70">
        <v>0</v>
      </c>
      <c r="CC20" s="71">
        <v>0</v>
      </c>
      <c r="CD20" s="72">
        <v>0</v>
      </c>
      <c r="CE20" s="244"/>
      <c r="CF20" s="71">
        <v>0</v>
      </c>
      <c r="CG20" s="71">
        <v>0</v>
      </c>
      <c r="CH20" s="71">
        <v>0</v>
      </c>
      <c r="CI20" s="71">
        <v>0</v>
      </c>
      <c r="CJ20" s="71">
        <v>0</v>
      </c>
      <c r="CK20" s="72">
        <v>0</v>
      </c>
      <c r="CL20" s="73">
        <v>0</v>
      </c>
      <c r="CM20" s="70">
        <v>38</v>
      </c>
      <c r="CN20" s="71">
        <v>41</v>
      </c>
      <c r="CO20" s="72">
        <v>79</v>
      </c>
      <c r="CP20" s="244"/>
      <c r="CQ20" s="71">
        <v>74</v>
      </c>
      <c r="CR20" s="71">
        <v>87</v>
      </c>
      <c r="CS20" s="71">
        <v>58</v>
      </c>
      <c r="CT20" s="71">
        <v>50</v>
      </c>
      <c r="CU20" s="71">
        <v>23</v>
      </c>
      <c r="CV20" s="72">
        <v>292</v>
      </c>
      <c r="CW20" s="73">
        <v>371</v>
      </c>
      <c r="CX20" s="123">
        <v>25</v>
      </c>
      <c r="CY20" s="82">
        <v>19</v>
      </c>
      <c r="CZ20" s="83">
        <v>44</v>
      </c>
      <c r="DA20" s="241"/>
      <c r="DB20" s="82">
        <v>31</v>
      </c>
      <c r="DC20" s="82">
        <v>31</v>
      </c>
      <c r="DD20" s="82">
        <v>36</v>
      </c>
      <c r="DE20" s="82">
        <v>23</v>
      </c>
      <c r="DF20" s="82">
        <v>26</v>
      </c>
      <c r="DG20" s="84">
        <v>147</v>
      </c>
      <c r="DH20" s="85">
        <v>191</v>
      </c>
      <c r="DI20" s="70">
        <v>2</v>
      </c>
      <c r="DJ20" s="71">
        <v>1</v>
      </c>
      <c r="DK20" s="72">
        <v>3</v>
      </c>
      <c r="DL20" s="244"/>
      <c r="DM20" s="71">
        <v>0</v>
      </c>
      <c r="DN20" s="71">
        <v>0</v>
      </c>
      <c r="DO20" s="71">
        <v>0</v>
      </c>
      <c r="DP20" s="71">
        <v>0</v>
      </c>
      <c r="DQ20" s="71">
        <v>1</v>
      </c>
      <c r="DR20" s="72">
        <v>1</v>
      </c>
      <c r="DS20" s="73">
        <v>4</v>
      </c>
      <c r="DT20" s="70">
        <v>1</v>
      </c>
      <c r="DU20" s="71">
        <v>1</v>
      </c>
      <c r="DV20" s="72">
        <v>2</v>
      </c>
      <c r="DW20" s="244"/>
      <c r="DX20" s="71">
        <v>0</v>
      </c>
      <c r="DY20" s="71">
        <v>2</v>
      </c>
      <c r="DZ20" s="71">
        <v>0</v>
      </c>
      <c r="EA20" s="71">
        <v>3</v>
      </c>
      <c r="EB20" s="71">
        <v>0</v>
      </c>
      <c r="EC20" s="72">
        <v>5</v>
      </c>
      <c r="ED20" s="73">
        <v>7</v>
      </c>
      <c r="EE20" s="70">
        <v>6</v>
      </c>
      <c r="EF20" s="71">
        <v>2</v>
      </c>
      <c r="EG20" s="72">
        <v>8</v>
      </c>
      <c r="EH20" s="244"/>
      <c r="EI20" s="71">
        <v>5</v>
      </c>
      <c r="EJ20" s="71">
        <v>5</v>
      </c>
      <c r="EK20" s="71">
        <v>1</v>
      </c>
      <c r="EL20" s="71">
        <v>1</v>
      </c>
      <c r="EM20" s="71">
        <v>1</v>
      </c>
      <c r="EN20" s="72">
        <v>13</v>
      </c>
      <c r="EO20" s="73">
        <v>21</v>
      </c>
      <c r="EP20" s="70">
        <v>4</v>
      </c>
      <c r="EQ20" s="71">
        <v>10</v>
      </c>
      <c r="ER20" s="72">
        <v>14</v>
      </c>
      <c r="ES20" s="244"/>
      <c r="ET20" s="71">
        <v>9</v>
      </c>
      <c r="EU20" s="71">
        <v>5</v>
      </c>
      <c r="EV20" s="71">
        <v>8</v>
      </c>
      <c r="EW20" s="71">
        <v>3</v>
      </c>
      <c r="EX20" s="71">
        <v>10</v>
      </c>
      <c r="EY20" s="72">
        <v>35</v>
      </c>
      <c r="EZ20" s="73">
        <v>49</v>
      </c>
      <c r="FA20" s="70">
        <v>5</v>
      </c>
      <c r="FB20" s="71">
        <v>4</v>
      </c>
      <c r="FC20" s="72">
        <v>9</v>
      </c>
      <c r="FD20" s="244"/>
      <c r="FE20" s="71">
        <v>10</v>
      </c>
      <c r="FF20" s="71">
        <v>5</v>
      </c>
      <c r="FG20" s="71">
        <v>11</v>
      </c>
      <c r="FH20" s="71">
        <v>2</v>
      </c>
      <c r="FI20" s="71">
        <v>2</v>
      </c>
      <c r="FJ20" s="72">
        <v>30</v>
      </c>
      <c r="FK20" s="73">
        <v>39</v>
      </c>
      <c r="FL20" s="70">
        <v>7</v>
      </c>
      <c r="FM20" s="71">
        <v>1</v>
      </c>
      <c r="FN20" s="72">
        <v>8</v>
      </c>
      <c r="FO20" s="244"/>
      <c r="FP20" s="71">
        <v>7</v>
      </c>
      <c r="FQ20" s="71">
        <v>14</v>
      </c>
      <c r="FR20" s="71">
        <v>16</v>
      </c>
      <c r="FS20" s="71">
        <v>14</v>
      </c>
      <c r="FT20" s="71">
        <v>12</v>
      </c>
      <c r="FU20" s="72">
        <v>63</v>
      </c>
      <c r="FV20" s="73">
        <v>71</v>
      </c>
      <c r="FW20" s="70">
        <v>0</v>
      </c>
      <c r="FX20" s="71">
        <v>0</v>
      </c>
      <c r="FY20" s="72">
        <v>0</v>
      </c>
      <c r="FZ20" s="244"/>
      <c r="GA20" s="71">
        <v>0</v>
      </c>
      <c r="GB20" s="71">
        <v>0</v>
      </c>
      <c r="GC20" s="71">
        <v>0</v>
      </c>
      <c r="GD20" s="71">
        <v>0</v>
      </c>
      <c r="GE20" s="71">
        <v>0</v>
      </c>
      <c r="GF20" s="72">
        <v>0</v>
      </c>
      <c r="GG20" s="73">
        <v>0</v>
      </c>
      <c r="GH20" s="70">
        <v>25</v>
      </c>
      <c r="GI20" s="71">
        <v>19</v>
      </c>
      <c r="GJ20" s="72">
        <v>44</v>
      </c>
      <c r="GK20" s="244"/>
      <c r="GL20" s="71">
        <v>31</v>
      </c>
      <c r="GM20" s="71">
        <v>31</v>
      </c>
      <c r="GN20" s="71">
        <v>36</v>
      </c>
      <c r="GO20" s="71">
        <v>23</v>
      </c>
      <c r="GP20" s="71">
        <v>26</v>
      </c>
      <c r="GQ20" s="72">
        <v>147</v>
      </c>
      <c r="GR20" s="73">
        <v>191</v>
      </c>
      <c r="GS20" s="123">
        <v>63</v>
      </c>
      <c r="GT20" s="82">
        <v>60</v>
      </c>
      <c r="GU20" s="83">
        <v>123</v>
      </c>
      <c r="GV20" s="241"/>
      <c r="GW20" s="82">
        <v>105</v>
      </c>
      <c r="GX20" s="82">
        <v>118</v>
      </c>
      <c r="GY20" s="82">
        <v>94</v>
      </c>
      <c r="GZ20" s="82">
        <v>73</v>
      </c>
      <c r="HA20" s="82">
        <v>49</v>
      </c>
      <c r="HB20" s="84">
        <v>439</v>
      </c>
      <c r="HC20" s="85">
        <v>562</v>
      </c>
      <c r="HD20" s="70">
        <v>2</v>
      </c>
      <c r="HE20" s="71">
        <v>2</v>
      </c>
      <c r="HF20" s="72">
        <v>4</v>
      </c>
      <c r="HG20" s="244"/>
      <c r="HH20" s="71">
        <v>3</v>
      </c>
      <c r="HI20" s="71">
        <v>3</v>
      </c>
      <c r="HJ20" s="71">
        <v>3</v>
      </c>
      <c r="HK20" s="71">
        <v>4</v>
      </c>
      <c r="HL20" s="71">
        <v>1</v>
      </c>
      <c r="HM20" s="72">
        <v>14</v>
      </c>
      <c r="HN20" s="73">
        <v>18</v>
      </c>
      <c r="HO20" s="70">
        <v>4</v>
      </c>
      <c r="HP20" s="71">
        <v>7</v>
      </c>
      <c r="HQ20" s="72">
        <v>11</v>
      </c>
      <c r="HR20" s="244"/>
      <c r="HS20" s="71">
        <v>5</v>
      </c>
      <c r="HT20" s="71">
        <v>11</v>
      </c>
      <c r="HU20" s="71">
        <v>7</v>
      </c>
      <c r="HV20" s="71">
        <v>7</v>
      </c>
      <c r="HW20" s="71">
        <v>1</v>
      </c>
      <c r="HX20" s="72">
        <v>31</v>
      </c>
      <c r="HY20" s="73">
        <v>42</v>
      </c>
      <c r="HZ20" s="70">
        <v>13</v>
      </c>
      <c r="IA20" s="71">
        <v>7</v>
      </c>
      <c r="IB20" s="72">
        <v>20</v>
      </c>
      <c r="IC20" s="244"/>
      <c r="ID20" s="71">
        <v>15</v>
      </c>
      <c r="IE20" s="71">
        <v>14</v>
      </c>
      <c r="IF20" s="71">
        <v>14</v>
      </c>
      <c r="IG20" s="71">
        <v>11</v>
      </c>
      <c r="IH20" s="71">
        <v>5</v>
      </c>
      <c r="II20" s="72">
        <v>59</v>
      </c>
      <c r="IJ20" s="73">
        <v>79</v>
      </c>
      <c r="IK20" s="70">
        <v>9</v>
      </c>
      <c r="IL20" s="71">
        <v>16</v>
      </c>
      <c r="IM20" s="72">
        <v>25</v>
      </c>
      <c r="IN20" s="244"/>
      <c r="IO20" s="71">
        <v>29</v>
      </c>
      <c r="IP20" s="71">
        <v>25</v>
      </c>
      <c r="IQ20" s="71">
        <v>20</v>
      </c>
      <c r="IR20" s="71">
        <v>10</v>
      </c>
      <c r="IS20" s="71">
        <v>14</v>
      </c>
      <c r="IT20" s="72">
        <v>98</v>
      </c>
      <c r="IU20" s="73">
        <v>123</v>
      </c>
      <c r="IV20" s="70">
        <v>18</v>
      </c>
      <c r="IW20" s="71">
        <v>16</v>
      </c>
      <c r="IX20" s="72">
        <v>34</v>
      </c>
      <c r="IY20" s="244"/>
      <c r="IZ20" s="71">
        <v>33</v>
      </c>
      <c r="JA20" s="71">
        <v>28</v>
      </c>
      <c r="JB20" s="71">
        <v>21</v>
      </c>
      <c r="JC20" s="71">
        <v>14</v>
      </c>
      <c r="JD20" s="71">
        <v>7</v>
      </c>
      <c r="JE20" s="72">
        <v>103</v>
      </c>
      <c r="JF20" s="73">
        <v>137</v>
      </c>
      <c r="JG20" s="70">
        <v>17</v>
      </c>
      <c r="JH20" s="71">
        <v>12</v>
      </c>
      <c r="JI20" s="72">
        <v>29</v>
      </c>
      <c r="JJ20" s="244"/>
      <c r="JK20" s="71">
        <v>20</v>
      </c>
      <c r="JL20" s="71">
        <v>37</v>
      </c>
      <c r="JM20" s="71">
        <v>29</v>
      </c>
      <c r="JN20" s="71">
        <v>27</v>
      </c>
      <c r="JO20" s="71">
        <v>21</v>
      </c>
      <c r="JP20" s="72">
        <v>134</v>
      </c>
      <c r="JQ20" s="73">
        <v>163</v>
      </c>
      <c r="JR20" s="70">
        <v>0</v>
      </c>
      <c r="JS20" s="71">
        <v>0</v>
      </c>
      <c r="JT20" s="72">
        <v>0</v>
      </c>
      <c r="JU20" s="244"/>
      <c r="JV20" s="71">
        <v>0</v>
      </c>
      <c r="JW20" s="71">
        <v>0</v>
      </c>
      <c r="JX20" s="71">
        <v>0</v>
      </c>
      <c r="JY20" s="71">
        <v>0</v>
      </c>
      <c r="JZ20" s="71">
        <v>0</v>
      </c>
      <c r="KA20" s="72">
        <v>0</v>
      </c>
      <c r="KB20" s="73">
        <v>0</v>
      </c>
      <c r="KC20" s="70">
        <v>63</v>
      </c>
      <c r="KD20" s="71">
        <v>60</v>
      </c>
      <c r="KE20" s="72">
        <v>123</v>
      </c>
      <c r="KF20" s="244"/>
      <c r="KG20" s="71">
        <v>105</v>
      </c>
      <c r="KH20" s="71">
        <v>118</v>
      </c>
      <c r="KI20" s="71">
        <v>94</v>
      </c>
      <c r="KJ20" s="71">
        <v>73</v>
      </c>
      <c r="KK20" s="71">
        <v>49</v>
      </c>
      <c r="KL20" s="72">
        <v>439</v>
      </c>
      <c r="KM20" s="73">
        <v>562</v>
      </c>
    </row>
    <row r="21" spans="2:299" ht="21" customHeight="1" x14ac:dyDescent="0.2">
      <c r="B21" s="126" t="s">
        <v>18</v>
      </c>
      <c r="C21" s="315">
        <v>55</v>
      </c>
      <c r="D21" s="82">
        <v>65</v>
      </c>
      <c r="E21" s="83">
        <v>120</v>
      </c>
      <c r="F21" s="241"/>
      <c r="G21" s="82">
        <v>100</v>
      </c>
      <c r="H21" s="82">
        <v>95</v>
      </c>
      <c r="I21" s="82">
        <v>50</v>
      </c>
      <c r="J21" s="82">
        <v>47</v>
      </c>
      <c r="K21" s="82">
        <v>27</v>
      </c>
      <c r="L21" s="84">
        <v>319</v>
      </c>
      <c r="M21" s="85">
        <v>439</v>
      </c>
      <c r="N21" s="70">
        <v>3</v>
      </c>
      <c r="O21" s="71">
        <v>3</v>
      </c>
      <c r="P21" s="72">
        <v>6</v>
      </c>
      <c r="Q21" s="244"/>
      <c r="R21" s="71">
        <v>2</v>
      </c>
      <c r="S21" s="71">
        <v>7</v>
      </c>
      <c r="T21" s="71">
        <v>5</v>
      </c>
      <c r="U21" s="71">
        <v>2</v>
      </c>
      <c r="V21" s="71">
        <v>0</v>
      </c>
      <c r="W21" s="72">
        <v>16</v>
      </c>
      <c r="X21" s="73">
        <v>22</v>
      </c>
      <c r="Y21" s="70">
        <v>10</v>
      </c>
      <c r="Z21" s="71">
        <v>7</v>
      </c>
      <c r="AA21" s="72">
        <v>17</v>
      </c>
      <c r="AB21" s="244"/>
      <c r="AC21" s="71">
        <v>11</v>
      </c>
      <c r="AD21" s="71">
        <v>13</v>
      </c>
      <c r="AE21" s="71">
        <v>6</v>
      </c>
      <c r="AF21" s="71">
        <v>4</v>
      </c>
      <c r="AG21" s="71">
        <v>3</v>
      </c>
      <c r="AH21" s="72">
        <v>37</v>
      </c>
      <c r="AI21" s="73">
        <v>54</v>
      </c>
      <c r="AJ21" s="70">
        <v>6</v>
      </c>
      <c r="AK21" s="71">
        <v>8</v>
      </c>
      <c r="AL21" s="72">
        <v>14</v>
      </c>
      <c r="AM21" s="244"/>
      <c r="AN21" s="71">
        <v>15</v>
      </c>
      <c r="AO21" s="71">
        <v>13</v>
      </c>
      <c r="AP21" s="71">
        <v>5</v>
      </c>
      <c r="AQ21" s="71">
        <v>5</v>
      </c>
      <c r="AR21" s="71">
        <v>5</v>
      </c>
      <c r="AS21" s="72">
        <v>43</v>
      </c>
      <c r="AT21" s="73">
        <v>57</v>
      </c>
      <c r="AU21" s="70">
        <v>13</v>
      </c>
      <c r="AV21" s="71">
        <v>14</v>
      </c>
      <c r="AW21" s="72">
        <v>27</v>
      </c>
      <c r="AX21" s="244"/>
      <c r="AY21" s="71">
        <v>21</v>
      </c>
      <c r="AZ21" s="71">
        <v>18</v>
      </c>
      <c r="BA21" s="71">
        <v>11</v>
      </c>
      <c r="BB21" s="71">
        <v>12</v>
      </c>
      <c r="BC21" s="71">
        <v>7</v>
      </c>
      <c r="BD21" s="72">
        <v>69</v>
      </c>
      <c r="BE21" s="73">
        <v>96</v>
      </c>
      <c r="BF21" s="70">
        <v>11</v>
      </c>
      <c r="BG21" s="71">
        <v>16</v>
      </c>
      <c r="BH21" s="72">
        <v>27</v>
      </c>
      <c r="BI21" s="244"/>
      <c r="BJ21" s="71">
        <v>28</v>
      </c>
      <c r="BK21" s="71">
        <v>25</v>
      </c>
      <c r="BL21" s="71">
        <v>12</v>
      </c>
      <c r="BM21" s="71">
        <v>10</v>
      </c>
      <c r="BN21" s="71">
        <v>6</v>
      </c>
      <c r="BO21" s="72">
        <v>81</v>
      </c>
      <c r="BP21" s="73">
        <v>108</v>
      </c>
      <c r="BQ21" s="70">
        <v>12</v>
      </c>
      <c r="BR21" s="71">
        <v>17</v>
      </c>
      <c r="BS21" s="72">
        <v>29</v>
      </c>
      <c r="BT21" s="244"/>
      <c r="BU21" s="71">
        <v>23</v>
      </c>
      <c r="BV21" s="71">
        <v>19</v>
      </c>
      <c r="BW21" s="71">
        <v>11</v>
      </c>
      <c r="BX21" s="71">
        <v>14</v>
      </c>
      <c r="BY21" s="71">
        <v>6</v>
      </c>
      <c r="BZ21" s="72">
        <v>73</v>
      </c>
      <c r="CA21" s="73">
        <v>102</v>
      </c>
      <c r="CB21" s="70">
        <v>0</v>
      </c>
      <c r="CC21" s="71">
        <v>0</v>
      </c>
      <c r="CD21" s="72">
        <v>0</v>
      </c>
      <c r="CE21" s="244"/>
      <c r="CF21" s="71">
        <v>0</v>
      </c>
      <c r="CG21" s="71">
        <v>0</v>
      </c>
      <c r="CH21" s="71">
        <v>0</v>
      </c>
      <c r="CI21" s="71">
        <v>0</v>
      </c>
      <c r="CJ21" s="71">
        <v>0</v>
      </c>
      <c r="CK21" s="72">
        <v>0</v>
      </c>
      <c r="CL21" s="73">
        <v>0</v>
      </c>
      <c r="CM21" s="70">
        <v>55</v>
      </c>
      <c r="CN21" s="71">
        <v>65</v>
      </c>
      <c r="CO21" s="72">
        <v>120</v>
      </c>
      <c r="CP21" s="244"/>
      <c r="CQ21" s="71">
        <v>100</v>
      </c>
      <c r="CR21" s="71">
        <v>95</v>
      </c>
      <c r="CS21" s="71">
        <v>50</v>
      </c>
      <c r="CT21" s="71">
        <v>47</v>
      </c>
      <c r="CU21" s="71">
        <v>27</v>
      </c>
      <c r="CV21" s="72">
        <v>319</v>
      </c>
      <c r="CW21" s="73">
        <v>439</v>
      </c>
      <c r="CX21" s="123">
        <v>21</v>
      </c>
      <c r="CY21" s="82">
        <v>29</v>
      </c>
      <c r="CZ21" s="83">
        <v>50</v>
      </c>
      <c r="DA21" s="241"/>
      <c r="DB21" s="82">
        <v>40</v>
      </c>
      <c r="DC21" s="82">
        <v>46</v>
      </c>
      <c r="DD21" s="82">
        <v>34</v>
      </c>
      <c r="DE21" s="82">
        <v>26</v>
      </c>
      <c r="DF21" s="82">
        <v>26</v>
      </c>
      <c r="DG21" s="84">
        <v>172</v>
      </c>
      <c r="DH21" s="85">
        <v>222</v>
      </c>
      <c r="DI21" s="70">
        <v>1</v>
      </c>
      <c r="DJ21" s="71">
        <v>2</v>
      </c>
      <c r="DK21" s="72">
        <v>3</v>
      </c>
      <c r="DL21" s="244"/>
      <c r="DM21" s="71">
        <v>1</v>
      </c>
      <c r="DN21" s="71">
        <v>1</v>
      </c>
      <c r="DO21" s="71">
        <v>0</v>
      </c>
      <c r="DP21" s="71">
        <v>0</v>
      </c>
      <c r="DQ21" s="71">
        <v>2</v>
      </c>
      <c r="DR21" s="72">
        <v>4</v>
      </c>
      <c r="DS21" s="73">
        <v>7</v>
      </c>
      <c r="DT21" s="70">
        <v>0</v>
      </c>
      <c r="DU21" s="71">
        <v>4</v>
      </c>
      <c r="DV21" s="72">
        <v>4</v>
      </c>
      <c r="DW21" s="244"/>
      <c r="DX21" s="71">
        <v>1</v>
      </c>
      <c r="DY21" s="71">
        <v>4</v>
      </c>
      <c r="DZ21" s="71">
        <v>0</v>
      </c>
      <c r="EA21" s="71">
        <v>0</v>
      </c>
      <c r="EB21" s="71">
        <v>1</v>
      </c>
      <c r="EC21" s="72">
        <v>6</v>
      </c>
      <c r="ED21" s="73">
        <v>10</v>
      </c>
      <c r="EE21" s="70">
        <v>8</v>
      </c>
      <c r="EF21" s="71">
        <v>5</v>
      </c>
      <c r="EG21" s="72">
        <v>13</v>
      </c>
      <c r="EH21" s="244"/>
      <c r="EI21" s="71">
        <v>3</v>
      </c>
      <c r="EJ21" s="71">
        <v>4</v>
      </c>
      <c r="EK21" s="71">
        <v>5</v>
      </c>
      <c r="EL21" s="71">
        <v>2</v>
      </c>
      <c r="EM21" s="71">
        <v>2</v>
      </c>
      <c r="EN21" s="72">
        <v>16</v>
      </c>
      <c r="EO21" s="73">
        <v>29</v>
      </c>
      <c r="EP21" s="70">
        <v>8</v>
      </c>
      <c r="EQ21" s="71">
        <v>4</v>
      </c>
      <c r="ER21" s="72">
        <v>12</v>
      </c>
      <c r="ES21" s="244"/>
      <c r="ET21" s="71">
        <v>12</v>
      </c>
      <c r="EU21" s="71">
        <v>8</v>
      </c>
      <c r="EV21" s="71">
        <v>3</v>
      </c>
      <c r="EW21" s="71">
        <v>6</v>
      </c>
      <c r="EX21" s="71">
        <v>2</v>
      </c>
      <c r="EY21" s="72">
        <v>31</v>
      </c>
      <c r="EZ21" s="73">
        <v>43</v>
      </c>
      <c r="FA21" s="70">
        <v>4</v>
      </c>
      <c r="FB21" s="71">
        <v>10</v>
      </c>
      <c r="FC21" s="72">
        <v>14</v>
      </c>
      <c r="FD21" s="244"/>
      <c r="FE21" s="71">
        <v>14</v>
      </c>
      <c r="FF21" s="71">
        <v>13</v>
      </c>
      <c r="FG21" s="71">
        <v>11</v>
      </c>
      <c r="FH21" s="71">
        <v>5</v>
      </c>
      <c r="FI21" s="71">
        <v>7</v>
      </c>
      <c r="FJ21" s="72">
        <v>50</v>
      </c>
      <c r="FK21" s="73">
        <v>64</v>
      </c>
      <c r="FL21" s="70">
        <v>0</v>
      </c>
      <c r="FM21" s="71">
        <v>4</v>
      </c>
      <c r="FN21" s="72">
        <v>4</v>
      </c>
      <c r="FO21" s="244"/>
      <c r="FP21" s="71">
        <v>9</v>
      </c>
      <c r="FQ21" s="71">
        <v>16</v>
      </c>
      <c r="FR21" s="71">
        <v>15</v>
      </c>
      <c r="FS21" s="71">
        <v>13</v>
      </c>
      <c r="FT21" s="71">
        <v>12</v>
      </c>
      <c r="FU21" s="72">
        <v>65</v>
      </c>
      <c r="FV21" s="73">
        <v>69</v>
      </c>
      <c r="FW21" s="70">
        <v>0</v>
      </c>
      <c r="FX21" s="71">
        <v>0</v>
      </c>
      <c r="FY21" s="72">
        <v>0</v>
      </c>
      <c r="FZ21" s="244"/>
      <c r="GA21" s="71">
        <v>0</v>
      </c>
      <c r="GB21" s="71">
        <v>0</v>
      </c>
      <c r="GC21" s="71">
        <v>0</v>
      </c>
      <c r="GD21" s="71">
        <v>0</v>
      </c>
      <c r="GE21" s="71">
        <v>0</v>
      </c>
      <c r="GF21" s="72">
        <v>0</v>
      </c>
      <c r="GG21" s="73">
        <v>0</v>
      </c>
      <c r="GH21" s="70">
        <v>21</v>
      </c>
      <c r="GI21" s="71">
        <v>29</v>
      </c>
      <c r="GJ21" s="72">
        <v>50</v>
      </c>
      <c r="GK21" s="244"/>
      <c r="GL21" s="71">
        <v>40</v>
      </c>
      <c r="GM21" s="71">
        <v>46</v>
      </c>
      <c r="GN21" s="71">
        <v>34</v>
      </c>
      <c r="GO21" s="71">
        <v>26</v>
      </c>
      <c r="GP21" s="71">
        <v>26</v>
      </c>
      <c r="GQ21" s="72">
        <v>172</v>
      </c>
      <c r="GR21" s="73">
        <v>222</v>
      </c>
      <c r="GS21" s="123">
        <v>76</v>
      </c>
      <c r="GT21" s="82">
        <v>94</v>
      </c>
      <c r="GU21" s="83">
        <v>170</v>
      </c>
      <c r="GV21" s="241"/>
      <c r="GW21" s="82">
        <v>140</v>
      </c>
      <c r="GX21" s="82">
        <v>141</v>
      </c>
      <c r="GY21" s="82">
        <v>84</v>
      </c>
      <c r="GZ21" s="82">
        <v>73</v>
      </c>
      <c r="HA21" s="82">
        <v>53</v>
      </c>
      <c r="HB21" s="84">
        <v>491</v>
      </c>
      <c r="HC21" s="85">
        <v>661</v>
      </c>
      <c r="HD21" s="70">
        <v>4</v>
      </c>
      <c r="HE21" s="71">
        <v>5</v>
      </c>
      <c r="HF21" s="72">
        <v>9</v>
      </c>
      <c r="HG21" s="244"/>
      <c r="HH21" s="71">
        <v>3</v>
      </c>
      <c r="HI21" s="71">
        <v>8</v>
      </c>
      <c r="HJ21" s="71">
        <v>5</v>
      </c>
      <c r="HK21" s="71">
        <v>2</v>
      </c>
      <c r="HL21" s="71">
        <v>2</v>
      </c>
      <c r="HM21" s="72">
        <v>20</v>
      </c>
      <c r="HN21" s="73">
        <v>29</v>
      </c>
      <c r="HO21" s="70">
        <v>10</v>
      </c>
      <c r="HP21" s="71">
        <v>11</v>
      </c>
      <c r="HQ21" s="72">
        <v>21</v>
      </c>
      <c r="HR21" s="244"/>
      <c r="HS21" s="71">
        <v>12</v>
      </c>
      <c r="HT21" s="71">
        <v>17</v>
      </c>
      <c r="HU21" s="71">
        <v>6</v>
      </c>
      <c r="HV21" s="71">
        <v>4</v>
      </c>
      <c r="HW21" s="71">
        <v>4</v>
      </c>
      <c r="HX21" s="72">
        <v>43</v>
      </c>
      <c r="HY21" s="73">
        <v>64</v>
      </c>
      <c r="HZ21" s="70">
        <v>14</v>
      </c>
      <c r="IA21" s="71">
        <v>13</v>
      </c>
      <c r="IB21" s="72">
        <v>27</v>
      </c>
      <c r="IC21" s="244"/>
      <c r="ID21" s="71">
        <v>18</v>
      </c>
      <c r="IE21" s="71">
        <v>17</v>
      </c>
      <c r="IF21" s="71">
        <v>10</v>
      </c>
      <c r="IG21" s="71">
        <v>7</v>
      </c>
      <c r="IH21" s="71">
        <v>7</v>
      </c>
      <c r="II21" s="72">
        <v>59</v>
      </c>
      <c r="IJ21" s="73">
        <v>86</v>
      </c>
      <c r="IK21" s="70">
        <v>21</v>
      </c>
      <c r="IL21" s="71">
        <v>18</v>
      </c>
      <c r="IM21" s="72">
        <v>39</v>
      </c>
      <c r="IN21" s="244"/>
      <c r="IO21" s="71">
        <v>33</v>
      </c>
      <c r="IP21" s="71">
        <v>26</v>
      </c>
      <c r="IQ21" s="71">
        <v>14</v>
      </c>
      <c r="IR21" s="71">
        <v>18</v>
      </c>
      <c r="IS21" s="71">
        <v>9</v>
      </c>
      <c r="IT21" s="72">
        <v>100</v>
      </c>
      <c r="IU21" s="73">
        <v>139</v>
      </c>
      <c r="IV21" s="70">
        <v>15</v>
      </c>
      <c r="IW21" s="71">
        <v>26</v>
      </c>
      <c r="IX21" s="72">
        <v>41</v>
      </c>
      <c r="IY21" s="244"/>
      <c r="IZ21" s="71">
        <v>42</v>
      </c>
      <c r="JA21" s="71">
        <v>38</v>
      </c>
      <c r="JB21" s="71">
        <v>23</v>
      </c>
      <c r="JC21" s="71">
        <v>15</v>
      </c>
      <c r="JD21" s="71">
        <v>13</v>
      </c>
      <c r="JE21" s="72">
        <v>131</v>
      </c>
      <c r="JF21" s="73">
        <v>172</v>
      </c>
      <c r="JG21" s="70">
        <v>12</v>
      </c>
      <c r="JH21" s="71">
        <v>21</v>
      </c>
      <c r="JI21" s="72">
        <v>33</v>
      </c>
      <c r="JJ21" s="244"/>
      <c r="JK21" s="71">
        <v>32</v>
      </c>
      <c r="JL21" s="71">
        <v>35</v>
      </c>
      <c r="JM21" s="71">
        <v>26</v>
      </c>
      <c r="JN21" s="71">
        <v>27</v>
      </c>
      <c r="JO21" s="71">
        <v>18</v>
      </c>
      <c r="JP21" s="72">
        <v>138</v>
      </c>
      <c r="JQ21" s="73">
        <v>171</v>
      </c>
      <c r="JR21" s="70">
        <v>0</v>
      </c>
      <c r="JS21" s="71">
        <v>0</v>
      </c>
      <c r="JT21" s="72">
        <v>0</v>
      </c>
      <c r="JU21" s="244"/>
      <c r="JV21" s="71">
        <v>0</v>
      </c>
      <c r="JW21" s="71">
        <v>0</v>
      </c>
      <c r="JX21" s="71">
        <v>0</v>
      </c>
      <c r="JY21" s="71">
        <v>0</v>
      </c>
      <c r="JZ21" s="71">
        <v>0</v>
      </c>
      <c r="KA21" s="72">
        <v>0</v>
      </c>
      <c r="KB21" s="73">
        <v>0</v>
      </c>
      <c r="KC21" s="70">
        <v>76</v>
      </c>
      <c r="KD21" s="71">
        <v>94</v>
      </c>
      <c r="KE21" s="72">
        <v>170</v>
      </c>
      <c r="KF21" s="244"/>
      <c r="KG21" s="71">
        <v>140</v>
      </c>
      <c r="KH21" s="71">
        <v>141</v>
      </c>
      <c r="KI21" s="71">
        <v>84</v>
      </c>
      <c r="KJ21" s="71">
        <v>73</v>
      </c>
      <c r="KK21" s="71">
        <v>53</v>
      </c>
      <c r="KL21" s="72">
        <v>491</v>
      </c>
      <c r="KM21" s="73">
        <v>661</v>
      </c>
    </row>
    <row r="22" spans="2:299" ht="21" customHeight="1" x14ac:dyDescent="0.2">
      <c r="B22" s="126" t="s">
        <v>19</v>
      </c>
      <c r="C22" s="315">
        <v>29</v>
      </c>
      <c r="D22" s="82">
        <v>26</v>
      </c>
      <c r="E22" s="83">
        <v>55</v>
      </c>
      <c r="F22" s="241"/>
      <c r="G22" s="82">
        <v>47</v>
      </c>
      <c r="H22" s="82">
        <v>39</v>
      </c>
      <c r="I22" s="82">
        <v>22</v>
      </c>
      <c r="J22" s="82">
        <v>16</v>
      </c>
      <c r="K22" s="82">
        <v>12</v>
      </c>
      <c r="L22" s="84">
        <v>136</v>
      </c>
      <c r="M22" s="85">
        <v>191</v>
      </c>
      <c r="N22" s="86">
        <v>1</v>
      </c>
      <c r="O22" s="71">
        <v>1</v>
      </c>
      <c r="P22" s="72">
        <v>2</v>
      </c>
      <c r="Q22" s="244"/>
      <c r="R22" s="71">
        <v>1</v>
      </c>
      <c r="S22" s="71">
        <v>2</v>
      </c>
      <c r="T22" s="71">
        <v>1</v>
      </c>
      <c r="U22" s="71">
        <v>1</v>
      </c>
      <c r="V22" s="71">
        <v>0</v>
      </c>
      <c r="W22" s="72">
        <v>5</v>
      </c>
      <c r="X22" s="73">
        <v>7</v>
      </c>
      <c r="Y22" s="70">
        <v>2</v>
      </c>
      <c r="Z22" s="71">
        <v>1</v>
      </c>
      <c r="AA22" s="72">
        <v>3</v>
      </c>
      <c r="AB22" s="244"/>
      <c r="AC22" s="71">
        <v>5</v>
      </c>
      <c r="AD22" s="71">
        <v>4</v>
      </c>
      <c r="AE22" s="71">
        <v>4</v>
      </c>
      <c r="AF22" s="71">
        <v>2</v>
      </c>
      <c r="AG22" s="71">
        <v>1</v>
      </c>
      <c r="AH22" s="72">
        <v>16</v>
      </c>
      <c r="AI22" s="73">
        <v>19</v>
      </c>
      <c r="AJ22" s="86">
        <v>8</v>
      </c>
      <c r="AK22" s="71">
        <v>2</v>
      </c>
      <c r="AL22" s="72">
        <v>10</v>
      </c>
      <c r="AM22" s="244"/>
      <c r="AN22" s="71">
        <v>4</v>
      </c>
      <c r="AO22" s="71">
        <v>4</v>
      </c>
      <c r="AP22" s="71">
        <v>0</v>
      </c>
      <c r="AQ22" s="71">
        <v>4</v>
      </c>
      <c r="AR22" s="71">
        <v>0</v>
      </c>
      <c r="AS22" s="72">
        <v>12</v>
      </c>
      <c r="AT22" s="73">
        <v>22</v>
      </c>
      <c r="AU22" s="70">
        <v>4</v>
      </c>
      <c r="AV22" s="71">
        <v>5</v>
      </c>
      <c r="AW22" s="72">
        <v>9</v>
      </c>
      <c r="AX22" s="244"/>
      <c r="AY22" s="71">
        <v>9</v>
      </c>
      <c r="AZ22" s="71">
        <v>8</v>
      </c>
      <c r="BA22" s="71">
        <v>4</v>
      </c>
      <c r="BB22" s="71">
        <v>3</v>
      </c>
      <c r="BC22" s="71">
        <v>4</v>
      </c>
      <c r="BD22" s="72">
        <v>28</v>
      </c>
      <c r="BE22" s="73">
        <v>37</v>
      </c>
      <c r="BF22" s="86">
        <v>10</v>
      </c>
      <c r="BG22" s="71">
        <v>8</v>
      </c>
      <c r="BH22" s="72">
        <v>18</v>
      </c>
      <c r="BI22" s="244"/>
      <c r="BJ22" s="71">
        <v>11</v>
      </c>
      <c r="BK22" s="71">
        <v>8</v>
      </c>
      <c r="BL22" s="71">
        <v>6</v>
      </c>
      <c r="BM22" s="71">
        <v>1</v>
      </c>
      <c r="BN22" s="71">
        <v>4</v>
      </c>
      <c r="BO22" s="72">
        <v>30</v>
      </c>
      <c r="BP22" s="73">
        <v>48</v>
      </c>
      <c r="BQ22" s="70">
        <v>4</v>
      </c>
      <c r="BR22" s="71">
        <v>9</v>
      </c>
      <c r="BS22" s="72">
        <v>13</v>
      </c>
      <c r="BT22" s="244"/>
      <c r="BU22" s="71">
        <v>17</v>
      </c>
      <c r="BV22" s="71">
        <v>13</v>
      </c>
      <c r="BW22" s="71">
        <v>7</v>
      </c>
      <c r="BX22" s="71">
        <v>5</v>
      </c>
      <c r="BY22" s="71">
        <v>3</v>
      </c>
      <c r="BZ22" s="72">
        <v>45</v>
      </c>
      <c r="CA22" s="73">
        <v>58</v>
      </c>
      <c r="CB22" s="70">
        <v>0</v>
      </c>
      <c r="CC22" s="71">
        <v>0</v>
      </c>
      <c r="CD22" s="72">
        <v>0</v>
      </c>
      <c r="CE22" s="244"/>
      <c r="CF22" s="71">
        <v>0</v>
      </c>
      <c r="CG22" s="71">
        <v>0</v>
      </c>
      <c r="CH22" s="71">
        <v>0</v>
      </c>
      <c r="CI22" s="71">
        <v>0</v>
      </c>
      <c r="CJ22" s="71">
        <v>0</v>
      </c>
      <c r="CK22" s="72">
        <v>0</v>
      </c>
      <c r="CL22" s="73">
        <v>0</v>
      </c>
      <c r="CM22" s="70">
        <v>29</v>
      </c>
      <c r="CN22" s="71">
        <v>26</v>
      </c>
      <c r="CO22" s="72">
        <v>55</v>
      </c>
      <c r="CP22" s="244"/>
      <c r="CQ22" s="71">
        <v>47</v>
      </c>
      <c r="CR22" s="71">
        <v>39</v>
      </c>
      <c r="CS22" s="71">
        <v>22</v>
      </c>
      <c r="CT22" s="71">
        <v>16</v>
      </c>
      <c r="CU22" s="71">
        <v>12</v>
      </c>
      <c r="CV22" s="72">
        <v>136</v>
      </c>
      <c r="CW22" s="73">
        <v>191</v>
      </c>
      <c r="CX22" s="123">
        <v>8</v>
      </c>
      <c r="CY22" s="82">
        <v>9</v>
      </c>
      <c r="CZ22" s="83">
        <v>17</v>
      </c>
      <c r="DA22" s="241"/>
      <c r="DB22" s="82">
        <v>15</v>
      </c>
      <c r="DC22" s="82">
        <v>7</v>
      </c>
      <c r="DD22" s="82">
        <v>8</v>
      </c>
      <c r="DE22" s="82">
        <v>12</v>
      </c>
      <c r="DF22" s="82">
        <v>8</v>
      </c>
      <c r="DG22" s="84">
        <v>50</v>
      </c>
      <c r="DH22" s="85">
        <v>67</v>
      </c>
      <c r="DI22" s="86">
        <v>0</v>
      </c>
      <c r="DJ22" s="71">
        <v>0</v>
      </c>
      <c r="DK22" s="72">
        <v>0</v>
      </c>
      <c r="DL22" s="244"/>
      <c r="DM22" s="71">
        <v>1</v>
      </c>
      <c r="DN22" s="71">
        <v>0</v>
      </c>
      <c r="DO22" s="71">
        <v>1</v>
      </c>
      <c r="DP22" s="71">
        <v>0</v>
      </c>
      <c r="DQ22" s="71">
        <v>1</v>
      </c>
      <c r="DR22" s="72">
        <v>3</v>
      </c>
      <c r="DS22" s="73">
        <v>3</v>
      </c>
      <c r="DT22" s="70">
        <v>1</v>
      </c>
      <c r="DU22" s="71">
        <v>1</v>
      </c>
      <c r="DV22" s="72">
        <v>2</v>
      </c>
      <c r="DW22" s="244"/>
      <c r="DX22" s="71">
        <v>1</v>
      </c>
      <c r="DY22" s="71">
        <v>1</v>
      </c>
      <c r="DZ22" s="71">
        <v>0</v>
      </c>
      <c r="EA22" s="71">
        <v>0</v>
      </c>
      <c r="EB22" s="71">
        <v>0</v>
      </c>
      <c r="EC22" s="72">
        <v>2</v>
      </c>
      <c r="ED22" s="73">
        <v>4</v>
      </c>
      <c r="EE22" s="86">
        <v>2</v>
      </c>
      <c r="EF22" s="71">
        <v>1</v>
      </c>
      <c r="EG22" s="72">
        <v>3</v>
      </c>
      <c r="EH22" s="244"/>
      <c r="EI22" s="71">
        <v>2</v>
      </c>
      <c r="EJ22" s="71">
        <v>0</v>
      </c>
      <c r="EK22" s="71">
        <v>0</v>
      </c>
      <c r="EL22" s="71">
        <v>2</v>
      </c>
      <c r="EM22" s="71">
        <v>1</v>
      </c>
      <c r="EN22" s="72">
        <v>5</v>
      </c>
      <c r="EO22" s="73">
        <v>8</v>
      </c>
      <c r="EP22" s="70">
        <v>2</v>
      </c>
      <c r="EQ22" s="71">
        <v>2</v>
      </c>
      <c r="ER22" s="72">
        <v>4</v>
      </c>
      <c r="ES22" s="244"/>
      <c r="ET22" s="71">
        <v>3</v>
      </c>
      <c r="EU22" s="71">
        <v>1</v>
      </c>
      <c r="EV22" s="71">
        <v>3</v>
      </c>
      <c r="EW22" s="71">
        <v>4</v>
      </c>
      <c r="EX22" s="71">
        <v>1</v>
      </c>
      <c r="EY22" s="72">
        <v>12</v>
      </c>
      <c r="EZ22" s="73">
        <v>16</v>
      </c>
      <c r="FA22" s="86">
        <v>0</v>
      </c>
      <c r="FB22" s="71">
        <v>1</v>
      </c>
      <c r="FC22" s="72">
        <v>1</v>
      </c>
      <c r="FD22" s="244"/>
      <c r="FE22" s="71">
        <v>1</v>
      </c>
      <c r="FF22" s="71">
        <v>1</v>
      </c>
      <c r="FG22" s="71">
        <v>0</v>
      </c>
      <c r="FH22" s="71">
        <v>3</v>
      </c>
      <c r="FI22" s="71">
        <v>2</v>
      </c>
      <c r="FJ22" s="72">
        <v>7</v>
      </c>
      <c r="FK22" s="73">
        <v>8</v>
      </c>
      <c r="FL22" s="70">
        <v>3</v>
      </c>
      <c r="FM22" s="71">
        <v>4</v>
      </c>
      <c r="FN22" s="72">
        <v>7</v>
      </c>
      <c r="FO22" s="244"/>
      <c r="FP22" s="71">
        <v>7</v>
      </c>
      <c r="FQ22" s="71">
        <v>4</v>
      </c>
      <c r="FR22" s="71">
        <v>4</v>
      </c>
      <c r="FS22" s="71">
        <v>3</v>
      </c>
      <c r="FT22" s="71">
        <v>3</v>
      </c>
      <c r="FU22" s="72">
        <v>21</v>
      </c>
      <c r="FV22" s="73">
        <v>28</v>
      </c>
      <c r="FW22" s="70">
        <v>0</v>
      </c>
      <c r="FX22" s="71">
        <v>0</v>
      </c>
      <c r="FY22" s="72">
        <v>0</v>
      </c>
      <c r="FZ22" s="244"/>
      <c r="GA22" s="71">
        <v>0</v>
      </c>
      <c r="GB22" s="71">
        <v>0</v>
      </c>
      <c r="GC22" s="71">
        <v>0</v>
      </c>
      <c r="GD22" s="71">
        <v>0</v>
      </c>
      <c r="GE22" s="71">
        <v>0</v>
      </c>
      <c r="GF22" s="72">
        <v>0</v>
      </c>
      <c r="GG22" s="73">
        <v>0</v>
      </c>
      <c r="GH22" s="70">
        <v>8</v>
      </c>
      <c r="GI22" s="71">
        <v>9</v>
      </c>
      <c r="GJ22" s="72">
        <v>17</v>
      </c>
      <c r="GK22" s="244"/>
      <c r="GL22" s="71">
        <v>15</v>
      </c>
      <c r="GM22" s="71">
        <v>7</v>
      </c>
      <c r="GN22" s="71">
        <v>8</v>
      </c>
      <c r="GO22" s="71">
        <v>12</v>
      </c>
      <c r="GP22" s="71">
        <v>8</v>
      </c>
      <c r="GQ22" s="72">
        <v>50</v>
      </c>
      <c r="GR22" s="73">
        <v>67</v>
      </c>
      <c r="GS22" s="123">
        <v>37</v>
      </c>
      <c r="GT22" s="82">
        <v>35</v>
      </c>
      <c r="GU22" s="83">
        <v>72</v>
      </c>
      <c r="GV22" s="241"/>
      <c r="GW22" s="82">
        <v>62</v>
      </c>
      <c r="GX22" s="82">
        <v>46</v>
      </c>
      <c r="GY22" s="82">
        <v>30</v>
      </c>
      <c r="GZ22" s="82">
        <v>28</v>
      </c>
      <c r="HA22" s="82">
        <v>20</v>
      </c>
      <c r="HB22" s="84">
        <v>186</v>
      </c>
      <c r="HC22" s="85">
        <v>258</v>
      </c>
      <c r="HD22" s="86">
        <v>1</v>
      </c>
      <c r="HE22" s="71">
        <v>1</v>
      </c>
      <c r="HF22" s="72">
        <v>2</v>
      </c>
      <c r="HG22" s="244"/>
      <c r="HH22" s="71">
        <v>2</v>
      </c>
      <c r="HI22" s="71">
        <v>2</v>
      </c>
      <c r="HJ22" s="71">
        <v>2</v>
      </c>
      <c r="HK22" s="71">
        <v>1</v>
      </c>
      <c r="HL22" s="71">
        <v>1</v>
      </c>
      <c r="HM22" s="72">
        <v>8</v>
      </c>
      <c r="HN22" s="73">
        <v>10</v>
      </c>
      <c r="HO22" s="70">
        <v>3</v>
      </c>
      <c r="HP22" s="71">
        <v>2</v>
      </c>
      <c r="HQ22" s="72">
        <v>5</v>
      </c>
      <c r="HR22" s="244"/>
      <c r="HS22" s="71">
        <v>6</v>
      </c>
      <c r="HT22" s="71">
        <v>5</v>
      </c>
      <c r="HU22" s="71">
        <v>4</v>
      </c>
      <c r="HV22" s="71">
        <v>2</v>
      </c>
      <c r="HW22" s="71">
        <v>1</v>
      </c>
      <c r="HX22" s="72">
        <v>18</v>
      </c>
      <c r="HY22" s="73">
        <v>23</v>
      </c>
      <c r="HZ22" s="86">
        <v>10</v>
      </c>
      <c r="IA22" s="71">
        <v>3</v>
      </c>
      <c r="IB22" s="72">
        <v>13</v>
      </c>
      <c r="IC22" s="244"/>
      <c r="ID22" s="71">
        <v>6</v>
      </c>
      <c r="IE22" s="71">
        <v>4</v>
      </c>
      <c r="IF22" s="71">
        <v>0</v>
      </c>
      <c r="IG22" s="71">
        <v>6</v>
      </c>
      <c r="IH22" s="71">
        <v>1</v>
      </c>
      <c r="II22" s="72">
        <v>17</v>
      </c>
      <c r="IJ22" s="73">
        <v>30</v>
      </c>
      <c r="IK22" s="70">
        <v>6</v>
      </c>
      <c r="IL22" s="71">
        <v>7</v>
      </c>
      <c r="IM22" s="72">
        <v>13</v>
      </c>
      <c r="IN22" s="244"/>
      <c r="IO22" s="71">
        <v>12</v>
      </c>
      <c r="IP22" s="71">
        <v>9</v>
      </c>
      <c r="IQ22" s="71">
        <v>7</v>
      </c>
      <c r="IR22" s="71">
        <v>7</v>
      </c>
      <c r="IS22" s="71">
        <v>5</v>
      </c>
      <c r="IT22" s="72">
        <v>40</v>
      </c>
      <c r="IU22" s="73">
        <v>53</v>
      </c>
      <c r="IV22" s="86">
        <v>10</v>
      </c>
      <c r="IW22" s="71">
        <v>9</v>
      </c>
      <c r="IX22" s="72">
        <v>19</v>
      </c>
      <c r="IY22" s="244"/>
      <c r="IZ22" s="71">
        <v>12</v>
      </c>
      <c r="JA22" s="71">
        <v>9</v>
      </c>
      <c r="JB22" s="71">
        <v>6</v>
      </c>
      <c r="JC22" s="71">
        <v>4</v>
      </c>
      <c r="JD22" s="71">
        <v>6</v>
      </c>
      <c r="JE22" s="72">
        <v>37</v>
      </c>
      <c r="JF22" s="73">
        <v>56</v>
      </c>
      <c r="JG22" s="70">
        <v>7</v>
      </c>
      <c r="JH22" s="71">
        <v>13</v>
      </c>
      <c r="JI22" s="72">
        <v>20</v>
      </c>
      <c r="JJ22" s="244"/>
      <c r="JK22" s="71">
        <v>24</v>
      </c>
      <c r="JL22" s="71">
        <v>17</v>
      </c>
      <c r="JM22" s="71">
        <v>11</v>
      </c>
      <c r="JN22" s="71">
        <v>8</v>
      </c>
      <c r="JO22" s="71">
        <v>6</v>
      </c>
      <c r="JP22" s="72">
        <v>66</v>
      </c>
      <c r="JQ22" s="73">
        <v>86</v>
      </c>
      <c r="JR22" s="70">
        <v>0</v>
      </c>
      <c r="JS22" s="71">
        <v>0</v>
      </c>
      <c r="JT22" s="72">
        <v>0</v>
      </c>
      <c r="JU22" s="244"/>
      <c r="JV22" s="71">
        <v>0</v>
      </c>
      <c r="JW22" s="71">
        <v>0</v>
      </c>
      <c r="JX22" s="71">
        <v>0</v>
      </c>
      <c r="JY22" s="71">
        <v>0</v>
      </c>
      <c r="JZ22" s="71">
        <v>0</v>
      </c>
      <c r="KA22" s="72">
        <v>0</v>
      </c>
      <c r="KB22" s="73">
        <v>0</v>
      </c>
      <c r="KC22" s="70">
        <v>37</v>
      </c>
      <c r="KD22" s="71">
        <v>35</v>
      </c>
      <c r="KE22" s="72">
        <v>72</v>
      </c>
      <c r="KF22" s="244"/>
      <c r="KG22" s="71">
        <v>62</v>
      </c>
      <c r="KH22" s="71">
        <v>46</v>
      </c>
      <c r="KI22" s="71">
        <v>30</v>
      </c>
      <c r="KJ22" s="71">
        <v>28</v>
      </c>
      <c r="KK22" s="71">
        <v>20</v>
      </c>
      <c r="KL22" s="72">
        <v>186</v>
      </c>
      <c r="KM22" s="73">
        <v>258</v>
      </c>
    </row>
    <row r="23" spans="2:299" ht="21" customHeight="1" x14ac:dyDescent="0.2">
      <c r="B23" s="126" t="s">
        <v>20</v>
      </c>
      <c r="C23" s="315">
        <v>32</v>
      </c>
      <c r="D23" s="82">
        <v>51</v>
      </c>
      <c r="E23" s="83">
        <v>83</v>
      </c>
      <c r="F23" s="241"/>
      <c r="G23" s="82">
        <v>53</v>
      </c>
      <c r="H23" s="82">
        <v>49</v>
      </c>
      <c r="I23" s="82">
        <v>26</v>
      </c>
      <c r="J23" s="82">
        <v>20</v>
      </c>
      <c r="K23" s="82">
        <v>17</v>
      </c>
      <c r="L23" s="84">
        <v>165</v>
      </c>
      <c r="M23" s="85">
        <v>248</v>
      </c>
      <c r="N23" s="70">
        <v>0</v>
      </c>
      <c r="O23" s="71">
        <v>1</v>
      </c>
      <c r="P23" s="72">
        <v>1</v>
      </c>
      <c r="Q23" s="244"/>
      <c r="R23" s="71">
        <v>3</v>
      </c>
      <c r="S23" s="71">
        <v>1</v>
      </c>
      <c r="T23" s="71">
        <v>2</v>
      </c>
      <c r="U23" s="71">
        <v>1</v>
      </c>
      <c r="V23" s="71">
        <v>1</v>
      </c>
      <c r="W23" s="72">
        <v>8</v>
      </c>
      <c r="X23" s="73">
        <v>9</v>
      </c>
      <c r="Y23" s="70">
        <v>5</v>
      </c>
      <c r="Z23" s="71">
        <v>4</v>
      </c>
      <c r="AA23" s="72">
        <v>9</v>
      </c>
      <c r="AB23" s="244"/>
      <c r="AC23" s="71">
        <v>6</v>
      </c>
      <c r="AD23" s="71">
        <v>8</v>
      </c>
      <c r="AE23" s="71">
        <v>3</v>
      </c>
      <c r="AF23" s="71">
        <v>2</v>
      </c>
      <c r="AG23" s="71">
        <v>2</v>
      </c>
      <c r="AH23" s="72">
        <v>21</v>
      </c>
      <c r="AI23" s="73">
        <v>30</v>
      </c>
      <c r="AJ23" s="70">
        <v>5</v>
      </c>
      <c r="AK23" s="71">
        <v>7</v>
      </c>
      <c r="AL23" s="72">
        <v>12</v>
      </c>
      <c r="AM23" s="244"/>
      <c r="AN23" s="71">
        <v>3</v>
      </c>
      <c r="AO23" s="71">
        <v>8</v>
      </c>
      <c r="AP23" s="71">
        <v>4</v>
      </c>
      <c r="AQ23" s="71">
        <v>2</v>
      </c>
      <c r="AR23" s="71">
        <v>3</v>
      </c>
      <c r="AS23" s="72">
        <v>20</v>
      </c>
      <c r="AT23" s="73">
        <v>32</v>
      </c>
      <c r="AU23" s="70">
        <v>9</v>
      </c>
      <c r="AV23" s="71">
        <v>19</v>
      </c>
      <c r="AW23" s="72">
        <v>28</v>
      </c>
      <c r="AX23" s="244"/>
      <c r="AY23" s="71">
        <v>20</v>
      </c>
      <c r="AZ23" s="71">
        <v>15</v>
      </c>
      <c r="BA23" s="71">
        <v>5</v>
      </c>
      <c r="BB23" s="71">
        <v>7</v>
      </c>
      <c r="BC23" s="71">
        <v>5</v>
      </c>
      <c r="BD23" s="72">
        <v>52</v>
      </c>
      <c r="BE23" s="73">
        <v>80</v>
      </c>
      <c r="BF23" s="70">
        <v>5</v>
      </c>
      <c r="BG23" s="71">
        <v>13</v>
      </c>
      <c r="BH23" s="72">
        <v>18</v>
      </c>
      <c r="BI23" s="244"/>
      <c r="BJ23" s="71">
        <v>14</v>
      </c>
      <c r="BK23" s="71">
        <v>10</v>
      </c>
      <c r="BL23" s="71">
        <v>7</v>
      </c>
      <c r="BM23" s="71">
        <v>3</v>
      </c>
      <c r="BN23" s="71">
        <v>3</v>
      </c>
      <c r="BO23" s="72">
        <v>37</v>
      </c>
      <c r="BP23" s="73">
        <v>55</v>
      </c>
      <c r="BQ23" s="70">
        <v>8</v>
      </c>
      <c r="BR23" s="71">
        <v>7</v>
      </c>
      <c r="BS23" s="72">
        <v>15</v>
      </c>
      <c r="BT23" s="244"/>
      <c r="BU23" s="71">
        <v>7</v>
      </c>
      <c r="BV23" s="71">
        <v>7</v>
      </c>
      <c r="BW23" s="71">
        <v>5</v>
      </c>
      <c r="BX23" s="71">
        <v>5</v>
      </c>
      <c r="BY23" s="71">
        <v>3</v>
      </c>
      <c r="BZ23" s="72">
        <v>27</v>
      </c>
      <c r="CA23" s="73">
        <v>42</v>
      </c>
      <c r="CB23" s="70">
        <v>0</v>
      </c>
      <c r="CC23" s="71">
        <v>0</v>
      </c>
      <c r="CD23" s="72">
        <v>0</v>
      </c>
      <c r="CE23" s="244"/>
      <c r="CF23" s="71">
        <v>0</v>
      </c>
      <c r="CG23" s="71">
        <v>0</v>
      </c>
      <c r="CH23" s="71">
        <v>0</v>
      </c>
      <c r="CI23" s="71">
        <v>0</v>
      </c>
      <c r="CJ23" s="71">
        <v>0</v>
      </c>
      <c r="CK23" s="72">
        <v>0</v>
      </c>
      <c r="CL23" s="73">
        <v>0</v>
      </c>
      <c r="CM23" s="70">
        <v>32</v>
      </c>
      <c r="CN23" s="71">
        <v>51</v>
      </c>
      <c r="CO23" s="72">
        <v>83</v>
      </c>
      <c r="CP23" s="244"/>
      <c r="CQ23" s="71">
        <v>53</v>
      </c>
      <c r="CR23" s="71">
        <v>49</v>
      </c>
      <c r="CS23" s="71">
        <v>26</v>
      </c>
      <c r="CT23" s="71">
        <v>20</v>
      </c>
      <c r="CU23" s="71">
        <v>17</v>
      </c>
      <c r="CV23" s="72">
        <v>165</v>
      </c>
      <c r="CW23" s="73">
        <v>248</v>
      </c>
      <c r="CX23" s="123">
        <v>12</v>
      </c>
      <c r="CY23" s="82">
        <v>22</v>
      </c>
      <c r="CZ23" s="83">
        <v>34</v>
      </c>
      <c r="DA23" s="241"/>
      <c r="DB23" s="82">
        <v>19</v>
      </c>
      <c r="DC23" s="82">
        <v>18</v>
      </c>
      <c r="DD23" s="82">
        <v>13</v>
      </c>
      <c r="DE23" s="82">
        <v>13</v>
      </c>
      <c r="DF23" s="82">
        <v>8</v>
      </c>
      <c r="DG23" s="84">
        <v>71</v>
      </c>
      <c r="DH23" s="85">
        <v>105</v>
      </c>
      <c r="DI23" s="70">
        <v>1</v>
      </c>
      <c r="DJ23" s="71">
        <v>0</v>
      </c>
      <c r="DK23" s="72">
        <v>1</v>
      </c>
      <c r="DL23" s="244"/>
      <c r="DM23" s="71">
        <v>0</v>
      </c>
      <c r="DN23" s="71">
        <v>0</v>
      </c>
      <c r="DO23" s="71">
        <v>0</v>
      </c>
      <c r="DP23" s="71">
        <v>0</v>
      </c>
      <c r="DQ23" s="71">
        <v>0</v>
      </c>
      <c r="DR23" s="72">
        <v>0</v>
      </c>
      <c r="DS23" s="73">
        <v>1</v>
      </c>
      <c r="DT23" s="70">
        <v>1</v>
      </c>
      <c r="DU23" s="71">
        <v>2</v>
      </c>
      <c r="DV23" s="72">
        <v>3</v>
      </c>
      <c r="DW23" s="244"/>
      <c r="DX23" s="71">
        <v>0</v>
      </c>
      <c r="DY23" s="71">
        <v>1</v>
      </c>
      <c r="DZ23" s="71">
        <v>2</v>
      </c>
      <c r="EA23" s="71">
        <v>1</v>
      </c>
      <c r="EB23" s="71">
        <v>1</v>
      </c>
      <c r="EC23" s="72">
        <v>5</v>
      </c>
      <c r="ED23" s="73">
        <v>8</v>
      </c>
      <c r="EE23" s="70">
        <v>2</v>
      </c>
      <c r="EF23" s="71">
        <v>2</v>
      </c>
      <c r="EG23" s="72">
        <v>4</v>
      </c>
      <c r="EH23" s="244"/>
      <c r="EI23" s="71">
        <v>2</v>
      </c>
      <c r="EJ23" s="71">
        <v>1</v>
      </c>
      <c r="EK23" s="71">
        <v>2</v>
      </c>
      <c r="EL23" s="71">
        <v>0</v>
      </c>
      <c r="EM23" s="71">
        <v>1</v>
      </c>
      <c r="EN23" s="72">
        <v>6</v>
      </c>
      <c r="EO23" s="73">
        <v>10</v>
      </c>
      <c r="EP23" s="70">
        <v>3</v>
      </c>
      <c r="EQ23" s="71">
        <v>6</v>
      </c>
      <c r="ER23" s="72">
        <v>9</v>
      </c>
      <c r="ES23" s="244"/>
      <c r="ET23" s="71">
        <v>3</v>
      </c>
      <c r="EU23" s="71">
        <v>4</v>
      </c>
      <c r="EV23" s="71">
        <v>1</v>
      </c>
      <c r="EW23" s="71">
        <v>3</v>
      </c>
      <c r="EX23" s="71">
        <v>1</v>
      </c>
      <c r="EY23" s="72">
        <v>12</v>
      </c>
      <c r="EZ23" s="73">
        <v>21</v>
      </c>
      <c r="FA23" s="70">
        <v>4</v>
      </c>
      <c r="FB23" s="71">
        <v>4</v>
      </c>
      <c r="FC23" s="72">
        <v>8</v>
      </c>
      <c r="FD23" s="244"/>
      <c r="FE23" s="71">
        <v>8</v>
      </c>
      <c r="FF23" s="71">
        <v>5</v>
      </c>
      <c r="FG23" s="71">
        <v>4</v>
      </c>
      <c r="FH23" s="71">
        <v>2</v>
      </c>
      <c r="FI23" s="71">
        <v>2</v>
      </c>
      <c r="FJ23" s="72">
        <v>21</v>
      </c>
      <c r="FK23" s="73">
        <v>29</v>
      </c>
      <c r="FL23" s="70">
        <v>1</v>
      </c>
      <c r="FM23" s="71">
        <v>8</v>
      </c>
      <c r="FN23" s="72">
        <v>9</v>
      </c>
      <c r="FO23" s="244"/>
      <c r="FP23" s="71">
        <v>6</v>
      </c>
      <c r="FQ23" s="71">
        <v>7</v>
      </c>
      <c r="FR23" s="71">
        <v>4</v>
      </c>
      <c r="FS23" s="71">
        <v>7</v>
      </c>
      <c r="FT23" s="71">
        <v>3</v>
      </c>
      <c r="FU23" s="72">
        <v>27</v>
      </c>
      <c r="FV23" s="73">
        <v>36</v>
      </c>
      <c r="FW23" s="70">
        <v>0</v>
      </c>
      <c r="FX23" s="71">
        <v>0</v>
      </c>
      <c r="FY23" s="72">
        <v>0</v>
      </c>
      <c r="FZ23" s="244"/>
      <c r="GA23" s="71">
        <v>0</v>
      </c>
      <c r="GB23" s="71">
        <v>0</v>
      </c>
      <c r="GC23" s="71">
        <v>0</v>
      </c>
      <c r="GD23" s="71">
        <v>0</v>
      </c>
      <c r="GE23" s="71">
        <v>0</v>
      </c>
      <c r="GF23" s="72">
        <v>0</v>
      </c>
      <c r="GG23" s="73">
        <v>0</v>
      </c>
      <c r="GH23" s="70">
        <v>12</v>
      </c>
      <c r="GI23" s="71">
        <v>22</v>
      </c>
      <c r="GJ23" s="72">
        <v>34</v>
      </c>
      <c r="GK23" s="244"/>
      <c r="GL23" s="71">
        <v>19</v>
      </c>
      <c r="GM23" s="71">
        <v>18</v>
      </c>
      <c r="GN23" s="71">
        <v>13</v>
      </c>
      <c r="GO23" s="71">
        <v>13</v>
      </c>
      <c r="GP23" s="71">
        <v>8</v>
      </c>
      <c r="GQ23" s="72">
        <v>71</v>
      </c>
      <c r="GR23" s="73">
        <v>105</v>
      </c>
      <c r="GS23" s="123">
        <v>44</v>
      </c>
      <c r="GT23" s="82">
        <v>73</v>
      </c>
      <c r="GU23" s="83">
        <v>117</v>
      </c>
      <c r="GV23" s="241"/>
      <c r="GW23" s="82">
        <v>72</v>
      </c>
      <c r="GX23" s="82">
        <v>67</v>
      </c>
      <c r="GY23" s="82">
        <v>39</v>
      </c>
      <c r="GZ23" s="82">
        <v>33</v>
      </c>
      <c r="HA23" s="82">
        <v>25</v>
      </c>
      <c r="HB23" s="84">
        <v>236</v>
      </c>
      <c r="HC23" s="85">
        <v>353</v>
      </c>
      <c r="HD23" s="70">
        <v>1</v>
      </c>
      <c r="HE23" s="71">
        <v>1</v>
      </c>
      <c r="HF23" s="72">
        <v>2</v>
      </c>
      <c r="HG23" s="244"/>
      <c r="HH23" s="71">
        <v>3</v>
      </c>
      <c r="HI23" s="71">
        <v>1</v>
      </c>
      <c r="HJ23" s="71">
        <v>2</v>
      </c>
      <c r="HK23" s="71">
        <v>1</v>
      </c>
      <c r="HL23" s="71">
        <v>1</v>
      </c>
      <c r="HM23" s="72">
        <v>8</v>
      </c>
      <c r="HN23" s="73">
        <v>10</v>
      </c>
      <c r="HO23" s="70">
        <v>6</v>
      </c>
      <c r="HP23" s="71">
        <v>6</v>
      </c>
      <c r="HQ23" s="72">
        <v>12</v>
      </c>
      <c r="HR23" s="244"/>
      <c r="HS23" s="71">
        <v>6</v>
      </c>
      <c r="HT23" s="71">
        <v>9</v>
      </c>
      <c r="HU23" s="71">
        <v>5</v>
      </c>
      <c r="HV23" s="71">
        <v>3</v>
      </c>
      <c r="HW23" s="71">
        <v>3</v>
      </c>
      <c r="HX23" s="72">
        <v>26</v>
      </c>
      <c r="HY23" s="73">
        <v>38</v>
      </c>
      <c r="HZ23" s="70">
        <v>7</v>
      </c>
      <c r="IA23" s="71">
        <v>9</v>
      </c>
      <c r="IB23" s="72">
        <v>16</v>
      </c>
      <c r="IC23" s="244"/>
      <c r="ID23" s="71">
        <v>5</v>
      </c>
      <c r="IE23" s="71">
        <v>9</v>
      </c>
      <c r="IF23" s="71">
        <v>6</v>
      </c>
      <c r="IG23" s="71">
        <v>2</v>
      </c>
      <c r="IH23" s="71">
        <v>4</v>
      </c>
      <c r="II23" s="72">
        <v>26</v>
      </c>
      <c r="IJ23" s="73">
        <v>42</v>
      </c>
      <c r="IK23" s="70">
        <v>12</v>
      </c>
      <c r="IL23" s="71">
        <v>25</v>
      </c>
      <c r="IM23" s="72">
        <v>37</v>
      </c>
      <c r="IN23" s="244"/>
      <c r="IO23" s="71">
        <v>23</v>
      </c>
      <c r="IP23" s="71">
        <v>19</v>
      </c>
      <c r="IQ23" s="71">
        <v>6</v>
      </c>
      <c r="IR23" s="71">
        <v>10</v>
      </c>
      <c r="IS23" s="71">
        <v>6</v>
      </c>
      <c r="IT23" s="72">
        <v>64</v>
      </c>
      <c r="IU23" s="73">
        <v>101</v>
      </c>
      <c r="IV23" s="70">
        <v>9</v>
      </c>
      <c r="IW23" s="71">
        <v>17</v>
      </c>
      <c r="IX23" s="72">
        <v>26</v>
      </c>
      <c r="IY23" s="244"/>
      <c r="IZ23" s="71">
        <v>22</v>
      </c>
      <c r="JA23" s="71">
        <v>15</v>
      </c>
      <c r="JB23" s="71">
        <v>11</v>
      </c>
      <c r="JC23" s="71">
        <v>5</v>
      </c>
      <c r="JD23" s="71">
        <v>5</v>
      </c>
      <c r="JE23" s="72">
        <v>58</v>
      </c>
      <c r="JF23" s="73">
        <v>84</v>
      </c>
      <c r="JG23" s="70">
        <v>9</v>
      </c>
      <c r="JH23" s="71">
        <v>15</v>
      </c>
      <c r="JI23" s="72">
        <v>24</v>
      </c>
      <c r="JJ23" s="244"/>
      <c r="JK23" s="71">
        <v>13</v>
      </c>
      <c r="JL23" s="71">
        <v>14</v>
      </c>
      <c r="JM23" s="71">
        <v>9</v>
      </c>
      <c r="JN23" s="71">
        <v>12</v>
      </c>
      <c r="JO23" s="71">
        <v>6</v>
      </c>
      <c r="JP23" s="72">
        <v>54</v>
      </c>
      <c r="JQ23" s="73">
        <v>78</v>
      </c>
      <c r="JR23" s="70">
        <v>0</v>
      </c>
      <c r="JS23" s="71">
        <v>0</v>
      </c>
      <c r="JT23" s="72">
        <v>0</v>
      </c>
      <c r="JU23" s="244"/>
      <c r="JV23" s="71">
        <v>0</v>
      </c>
      <c r="JW23" s="71">
        <v>0</v>
      </c>
      <c r="JX23" s="71">
        <v>0</v>
      </c>
      <c r="JY23" s="71">
        <v>0</v>
      </c>
      <c r="JZ23" s="71">
        <v>0</v>
      </c>
      <c r="KA23" s="72">
        <v>0</v>
      </c>
      <c r="KB23" s="73">
        <v>0</v>
      </c>
      <c r="KC23" s="70">
        <v>44</v>
      </c>
      <c r="KD23" s="71">
        <v>73</v>
      </c>
      <c r="KE23" s="72">
        <v>117</v>
      </c>
      <c r="KF23" s="244"/>
      <c r="KG23" s="71">
        <v>72</v>
      </c>
      <c r="KH23" s="71">
        <v>67</v>
      </c>
      <c r="KI23" s="71">
        <v>39</v>
      </c>
      <c r="KJ23" s="71">
        <v>33</v>
      </c>
      <c r="KK23" s="71">
        <v>25</v>
      </c>
      <c r="KL23" s="72">
        <v>236</v>
      </c>
      <c r="KM23" s="73">
        <v>353</v>
      </c>
    </row>
    <row r="24" spans="2:299" ht="21" customHeight="1" x14ac:dyDescent="0.2">
      <c r="B24" s="126" t="s">
        <v>21</v>
      </c>
      <c r="C24" s="315">
        <v>30</v>
      </c>
      <c r="D24" s="82">
        <v>19</v>
      </c>
      <c r="E24" s="83">
        <v>49</v>
      </c>
      <c r="F24" s="241"/>
      <c r="G24" s="82">
        <v>53</v>
      </c>
      <c r="H24" s="82">
        <v>35</v>
      </c>
      <c r="I24" s="82">
        <v>23</v>
      </c>
      <c r="J24" s="82">
        <v>24</v>
      </c>
      <c r="K24" s="82">
        <v>18</v>
      </c>
      <c r="L24" s="84">
        <v>153</v>
      </c>
      <c r="M24" s="85">
        <v>202</v>
      </c>
      <c r="N24" s="70">
        <v>1</v>
      </c>
      <c r="O24" s="71">
        <v>2</v>
      </c>
      <c r="P24" s="72">
        <v>3</v>
      </c>
      <c r="Q24" s="244"/>
      <c r="R24" s="71">
        <v>3</v>
      </c>
      <c r="S24" s="71">
        <v>2</v>
      </c>
      <c r="T24" s="71">
        <v>0</v>
      </c>
      <c r="U24" s="71">
        <v>0</v>
      </c>
      <c r="V24" s="71">
        <v>4</v>
      </c>
      <c r="W24" s="72">
        <v>9</v>
      </c>
      <c r="X24" s="73">
        <v>12</v>
      </c>
      <c r="Y24" s="70">
        <v>3</v>
      </c>
      <c r="Z24" s="71">
        <v>1</v>
      </c>
      <c r="AA24" s="72">
        <v>4</v>
      </c>
      <c r="AB24" s="244"/>
      <c r="AC24" s="71">
        <v>4</v>
      </c>
      <c r="AD24" s="71">
        <v>1</v>
      </c>
      <c r="AE24" s="71">
        <v>2</v>
      </c>
      <c r="AF24" s="71">
        <v>2</v>
      </c>
      <c r="AG24" s="71">
        <v>2</v>
      </c>
      <c r="AH24" s="72">
        <v>11</v>
      </c>
      <c r="AI24" s="73">
        <v>15</v>
      </c>
      <c r="AJ24" s="70">
        <v>2</v>
      </c>
      <c r="AK24" s="71">
        <v>3</v>
      </c>
      <c r="AL24" s="72">
        <v>5</v>
      </c>
      <c r="AM24" s="244"/>
      <c r="AN24" s="71">
        <v>7</v>
      </c>
      <c r="AO24" s="71">
        <v>5</v>
      </c>
      <c r="AP24" s="71">
        <v>3</v>
      </c>
      <c r="AQ24" s="71">
        <v>6</v>
      </c>
      <c r="AR24" s="71">
        <v>1</v>
      </c>
      <c r="AS24" s="72">
        <v>22</v>
      </c>
      <c r="AT24" s="73">
        <v>27</v>
      </c>
      <c r="AU24" s="70">
        <v>5</v>
      </c>
      <c r="AV24" s="71">
        <v>5</v>
      </c>
      <c r="AW24" s="72">
        <v>10</v>
      </c>
      <c r="AX24" s="244"/>
      <c r="AY24" s="71">
        <v>15</v>
      </c>
      <c r="AZ24" s="71">
        <v>10</v>
      </c>
      <c r="BA24" s="71">
        <v>3</v>
      </c>
      <c r="BB24" s="71">
        <v>4</v>
      </c>
      <c r="BC24" s="71">
        <v>2</v>
      </c>
      <c r="BD24" s="72">
        <v>34</v>
      </c>
      <c r="BE24" s="73">
        <v>44</v>
      </c>
      <c r="BF24" s="70">
        <v>12</v>
      </c>
      <c r="BG24" s="71">
        <v>2</v>
      </c>
      <c r="BH24" s="72">
        <v>14</v>
      </c>
      <c r="BI24" s="244"/>
      <c r="BJ24" s="71">
        <v>18</v>
      </c>
      <c r="BK24" s="71">
        <v>10</v>
      </c>
      <c r="BL24" s="71">
        <v>8</v>
      </c>
      <c r="BM24" s="71">
        <v>4</v>
      </c>
      <c r="BN24" s="71">
        <v>4</v>
      </c>
      <c r="BO24" s="72">
        <v>44</v>
      </c>
      <c r="BP24" s="73">
        <v>58</v>
      </c>
      <c r="BQ24" s="70">
        <v>7</v>
      </c>
      <c r="BR24" s="71">
        <v>6</v>
      </c>
      <c r="BS24" s="72">
        <v>13</v>
      </c>
      <c r="BT24" s="244"/>
      <c r="BU24" s="71">
        <v>6</v>
      </c>
      <c r="BV24" s="71">
        <v>7</v>
      </c>
      <c r="BW24" s="71">
        <v>7</v>
      </c>
      <c r="BX24" s="71">
        <v>8</v>
      </c>
      <c r="BY24" s="71">
        <v>5</v>
      </c>
      <c r="BZ24" s="72">
        <v>33</v>
      </c>
      <c r="CA24" s="73">
        <v>46</v>
      </c>
      <c r="CB24" s="70">
        <v>0</v>
      </c>
      <c r="CC24" s="71">
        <v>0</v>
      </c>
      <c r="CD24" s="72">
        <v>0</v>
      </c>
      <c r="CE24" s="244"/>
      <c r="CF24" s="71">
        <v>0</v>
      </c>
      <c r="CG24" s="71">
        <v>0</v>
      </c>
      <c r="CH24" s="71">
        <v>0</v>
      </c>
      <c r="CI24" s="71">
        <v>0</v>
      </c>
      <c r="CJ24" s="71">
        <v>0</v>
      </c>
      <c r="CK24" s="72">
        <v>0</v>
      </c>
      <c r="CL24" s="73">
        <v>0</v>
      </c>
      <c r="CM24" s="70">
        <v>30</v>
      </c>
      <c r="CN24" s="71">
        <v>19</v>
      </c>
      <c r="CO24" s="72">
        <v>49</v>
      </c>
      <c r="CP24" s="244"/>
      <c r="CQ24" s="71">
        <v>53</v>
      </c>
      <c r="CR24" s="71">
        <v>35</v>
      </c>
      <c r="CS24" s="71">
        <v>23</v>
      </c>
      <c r="CT24" s="71">
        <v>24</v>
      </c>
      <c r="CU24" s="71">
        <v>18</v>
      </c>
      <c r="CV24" s="72">
        <v>153</v>
      </c>
      <c r="CW24" s="73">
        <v>202</v>
      </c>
      <c r="CX24" s="123">
        <v>12</v>
      </c>
      <c r="CY24" s="82">
        <v>13</v>
      </c>
      <c r="CZ24" s="83">
        <v>25</v>
      </c>
      <c r="DA24" s="241"/>
      <c r="DB24" s="82">
        <v>14</v>
      </c>
      <c r="DC24" s="82">
        <v>17</v>
      </c>
      <c r="DD24" s="82">
        <v>11</v>
      </c>
      <c r="DE24" s="82">
        <v>8</v>
      </c>
      <c r="DF24" s="82">
        <v>5</v>
      </c>
      <c r="DG24" s="84">
        <v>55</v>
      </c>
      <c r="DH24" s="85">
        <v>80</v>
      </c>
      <c r="DI24" s="70">
        <v>0</v>
      </c>
      <c r="DJ24" s="71">
        <v>1</v>
      </c>
      <c r="DK24" s="72">
        <v>1</v>
      </c>
      <c r="DL24" s="244"/>
      <c r="DM24" s="71">
        <v>0</v>
      </c>
      <c r="DN24" s="71">
        <v>0</v>
      </c>
      <c r="DO24" s="71">
        <v>0</v>
      </c>
      <c r="DP24" s="71">
        <v>0</v>
      </c>
      <c r="DQ24" s="71">
        <v>1</v>
      </c>
      <c r="DR24" s="72">
        <v>1</v>
      </c>
      <c r="DS24" s="73">
        <v>2</v>
      </c>
      <c r="DT24" s="70">
        <v>2</v>
      </c>
      <c r="DU24" s="71">
        <v>0</v>
      </c>
      <c r="DV24" s="72">
        <v>2</v>
      </c>
      <c r="DW24" s="244"/>
      <c r="DX24" s="71">
        <v>1</v>
      </c>
      <c r="DY24" s="71">
        <v>2</v>
      </c>
      <c r="DZ24" s="71">
        <v>1</v>
      </c>
      <c r="EA24" s="71">
        <v>0</v>
      </c>
      <c r="EB24" s="71">
        <v>1</v>
      </c>
      <c r="EC24" s="72">
        <v>5</v>
      </c>
      <c r="ED24" s="73">
        <v>7</v>
      </c>
      <c r="EE24" s="70">
        <v>1</v>
      </c>
      <c r="EF24" s="71">
        <v>2</v>
      </c>
      <c r="EG24" s="72">
        <v>3</v>
      </c>
      <c r="EH24" s="244"/>
      <c r="EI24" s="71">
        <v>2</v>
      </c>
      <c r="EJ24" s="71">
        <v>3</v>
      </c>
      <c r="EK24" s="71">
        <v>1</v>
      </c>
      <c r="EL24" s="71">
        <v>0</v>
      </c>
      <c r="EM24" s="71">
        <v>0</v>
      </c>
      <c r="EN24" s="72">
        <v>6</v>
      </c>
      <c r="EO24" s="73">
        <v>9</v>
      </c>
      <c r="EP24" s="70">
        <v>7</v>
      </c>
      <c r="EQ24" s="71">
        <v>6</v>
      </c>
      <c r="ER24" s="72">
        <v>13</v>
      </c>
      <c r="ES24" s="244"/>
      <c r="ET24" s="71">
        <v>3</v>
      </c>
      <c r="EU24" s="71">
        <v>1</v>
      </c>
      <c r="EV24" s="71">
        <v>1</v>
      </c>
      <c r="EW24" s="71">
        <v>0</v>
      </c>
      <c r="EX24" s="71">
        <v>0</v>
      </c>
      <c r="EY24" s="72">
        <v>5</v>
      </c>
      <c r="EZ24" s="73">
        <v>18</v>
      </c>
      <c r="FA24" s="70">
        <v>0</v>
      </c>
      <c r="FB24" s="71">
        <v>4</v>
      </c>
      <c r="FC24" s="72">
        <v>4</v>
      </c>
      <c r="FD24" s="244"/>
      <c r="FE24" s="71">
        <v>3</v>
      </c>
      <c r="FF24" s="71">
        <v>5</v>
      </c>
      <c r="FG24" s="71">
        <v>1</v>
      </c>
      <c r="FH24" s="71">
        <v>2</v>
      </c>
      <c r="FI24" s="71">
        <v>1</v>
      </c>
      <c r="FJ24" s="72">
        <v>12</v>
      </c>
      <c r="FK24" s="73">
        <v>16</v>
      </c>
      <c r="FL24" s="70">
        <v>2</v>
      </c>
      <c r="FM24" s="71">
        <v>0</v>
      </c>
      <c r="FN24" s="72">
        <v>2</v>
      </c>
      <c r="FO24" s="244"/>
      <c r="FP24" s="71">
        <v>5</v>
      </c>
      <c r="FQ24" s="71">
        <v>6</v>
      </c>
      <c r="FR24" s="71">
        <v>7</v>
      </c>
      <c r="FS24" s="71">
        <v>6</v>
      </c>
      <c r="FT24" s="71">
        <v>2</v>
      </c>
      <c r="FU24" s="72">
        <v>26</v>
      </c>
      <c r="FV24" s="73">
        <v>28</v>
      </c>
      <c r="FW24" s="70">
        <v>0</v>
      </c>
      <c r="FX24" s="71">
        <v>0</v>
      </c>
      <c r="FY24" s="72">
        <v>0</v>
      </c>
      <c r="FZ24" s="244"/>
      <c r="GA24" s="71">
        <v>0</v>
      </c>
      <c r="GB24" s="71">
        <v>0</v>
      </c>
      <c r="GC24" s="71">
        <v>0</v>
      </c>
      <c r="GD24" s="71">
        <v>0</v>
      </c>
      <c r="GE24" s="71">
        <v>0</v>
      </c>
      <c r="GF24" s="72">
        <v>0</v>
      </c>
      <c r="GG24" s="73">
        <v>0</v>
      </c>
      <c r="GH24" s="70">
        <v>12</v>
      </c>
      <c r="GI24" s="71">
        <v>13</v>
      </c>
      <c r="GJ24" s="72">
        <v>25</v>
      </c>
      <c r="GK24" s="244"/>
      <c r="GL24" s="71">
        <v>14</v>
      </c>
      <c r="GM24" s="71">
        <v>17</v>
      </c>
      <c r="GN24" s="71">
        <v>11</v>
      </c>
      <c r="GO24" s="71">
        <v>8</v>
      </c>
      <c r="GP24" s="71">
        <v>5</v>
      </c>
      <c r="GQ24" s="72">
        <v>55</v>
      </c>
      <c r="GR24" s="73">
        <v>80</v>
      </c>
      <c r="GS24" s="123">
        <v>42</v>
      </c>
      <c r="GT24" s="82">
        <v>32</v>
      </c>
      <c r="GU24" s="83">
        <v>74</v>
      </c>
      <c r="GV24" s="241"/>
      <c r="GW24" s="82">
        <v>67</v>
      </c>
      <c r="GX24" s="82">
        <v>52</v>
      </c>
      <c r="GY24" s="82">
        <v>34</v>
      </c>
      <c r="GZ24" s="82">
        <v>32</v>
      </c>
      <c r="HA24" s="82">
        <v>23</v>
      </c>
      <c r="HB24" s="84">
        <v>208</v>
      </c>
      <c r="HC24" s="85">
        <v>282</v>
      </c>
      <c r="HD24" s="70">
        <v>1</v>
      </c>
      <c r="HE24" s="71">
        <v>3</v>
      </c>
      <c r="HF24" s="72">
        <v>4</v>
      </c>
      <c r="HG24" s="244"/>
      <c r="HH24" s="71">
        <v>3</v>
      </c>
      <c r="HI24" s="71">
        <v>2</v>
      </c>
      <c r="HJ24" s="71">
        <v>0</v>
      </c>
      <c r="HK24" s="71">
        <v>0</v>
      </c>
      <c r="HL24" s="71">
        <v>5</v>
      </c>
      <c r="HM24" s="72">
        <v>10</v>
      </c>
      <c r="HN24" s="73">
        <v>14</v>
      </c>
      <c r="HO24" s="70">
        <v>5</v>
      </c>
      <c r="HP24" s="71">
        <v>1</v>
      </c>
      <c r="HQ24" s="72">
        <v>6</v>
      </c>
      <c r="HR24" s="244"/>
      <c r="HS24" s="71">
        <v>5</v>
      </c>
      <c r="HT24" s="71">
        <v>3</v>
      </c>
      <c r="HU24" s="71">
        <v>3</v>
      </c>
      <c r="HV24" s="71">
        <v>2</v>
      </c>
      <c r="HW24" s="71">
        <v>3</v>
      </c>
      <c r="HX24" s="72">
        <v>16</v>
      </c>
      <c r="HY24" s="73">
        <v>22</v>
      </c>
      <c r="HZ24" s="70">
        <v>3</v>
      </c>
      <c r="IA24" s="71">
        <v>5</v>
      </c>
      <c r="IB24" s="72">
        <v>8</v>
      </c>
      <c r="IC24" s="244"/>
      <c r="ID24" s="71">
        <v>9</v>
      </c>
      <c r="IE24" s="71">
        <v>8</v>
      </c>
      <c r="IF24" s="71">
        <v>4</v>
      </c>
      <c r="IG24" s="71">
        <v>6</v>
      </c>
      <c r="IH24" s="71">
        <v>1</v>
      </c>
      <c r="II24" s="72">
        <v>28</v>
      </c>
      <c r="IJ24" s="73">
        <v>36</v>
      </c>
      <c r="IK24" s="70">
        <v>12</v>
      </c>
      <c r="IL24" s="71">
        <v>11</v>
      </c>
      <c r="IM24" s="72">
        <v>23</v>
      </c>
      <c r="IN24" s="244"/>
      <c r="IO24" s="71">
        <v>18</v>
      </c>
      <c r="IP24" s="71">
        <v>11</v>
      </c>
      <c r="IQ24" s="71">
        <v>4</v>
      </c>
      <c r="IR24" s="71">
        <v>4</v>
      </c>
      <c r="IS24" s="71">
        <v>2</v>
      </c>
      <c r="IT24" s="72">
        <v>39</v>
      </c>
      <c r="IU24" s="73">
        <v>62</v>
      </c>
      <c r="IV24" s="70">
        <v>12</v>
      </c>
      <c r="IW24" s="71">
        <v>6</v>
      </c>
      <c r="IX24" s="72">
        <v>18</v>
      </c>
      <c r="IY24" s="244"/>
      <c r="IZ24" s="71">
        <v>21</v>
      </c>
      <c r="JA24" s="71">
        <v>15</v>
      </c>
      <c r="JB24" s="71">
        <v>9</v>
      </c>
      <c r="JC24" s="71">
        <v>6</v>
      </c>
      <c r="JD24" s="71">
        <v>5</v>
      </c>
      <c r="JE24" s="72">
        <v>56</v>
      </c>
      <c r="JF24" s="73">
        <v>74</v>
      </c>
      <c r="JG24" s="70">
        <v>9</v>
      </c>
      <c r="JH24" s="71">
        <v>6</v>
      </c>
      <c r="JI24" s="72">
        <v>15</v>
      </c>
      <c r="JJ24" s="244"/>
      <c r="JK24" s="71">
        <v>11</v>
      </c>
      <c r="JL24" s="71">
        <v>13</v>
      </c>
      <c r="JM24" s="71">
        <v>14</v>
      </c>
      <c r="JN24" s="71">
        <v>14</v>
      </c>
      <c r="JO24" s="71">
        <v>7</v>
      </c>
      <c r="JP24" s="72">
        <v>59</v>
      </c>
      <c r="JQ24" s="73">
        <v>74</v>
      </c>
      <c r="JR24" s="70">
        <v>0</v>
      </c>
      <c r="JS24" s="71">
        <v>0</v>
      </c>
      <c r="JT24" s="72">
        <v>0</v>
      </c>
      <c r="JU24" s="244"/>
      <c r="JV24" s="71">
        <v>0</v>
      </c>
      <c r="JW24" s="71">
        <v>0</v>
      </c>
      <c r="JX24" s="71">
        <v>0</v>
      </c>
      <c r="JY24" s="71">
        <v>0</v>
      </c>
      <c r="JZ24" s="71">
        <v>0</v>
      </c>
      <c r="KA24" s="72">
        <v>0</v>
      </c>
      <c r="KB24" s="73">
        <v>0</v>
      </c>
      <c r="KC24" s="70">
        <v>42</v>
      </c>
      <c r="KD24" s="71">
        <v>32</v>
      </c>
      <c r="KE24" s="72">
        <v>74</v>
      </c>
      <c r="KF24" s="244"/>
      <c r="KG24" s="71">
        <v>67</v>
      </c>
      <c r="KH24" s="71">
        <v>52</v>
      </c>
      <c r="KI24" s="71">
        <v>34</v>
      </c>
      <c r="KJ24" s="71">
        <v>32</v>
      </c>
      <c r="KK24" s="71">
        <v>23</v>
      </c>
      <c r="KL24" s="72">
        <v>208</v>
      </c>
      <c r="KM24" s="73">
        <v>282</v>
      </c>
    </row>
    <row r="25" spans="2:299" ht="21" customHeight="1" x14ac:dyDescent="0.2">
      <c r="B25" s="126" t="s">
        <v>22</v>
      </c>
      <c r="C25" s="315">
        <v>11</v>
      </c>
      <c r="D25" s="82">
        <v>11</v>
      </c>
      <c r="E25" s="83">
        <v>22</v>
      </c>
      <c r="F25" s="241"/>
      <c r="G25" s="82">
        <v>26</v>
      </c>
      <c r="H25" s="82">
        <v>19</v>
      </c>
      <c r="I25" s="82">
        <v>10</v>
      </c>
      <c r="J25" s="82">
        <v>9</v>
      </c>
      <c r="K25" s="82">
        <v>7</v>
      </c>
      <c r="L25" s="84">
        <v>71</v>
      </c>
      <c r="M25" s="85">
        <v>93</v>
      </c>
      <c r="N25" s="70">
        <v>0</v>
      </c>
      <c r="O25" s="71">
        <v>0</v>
      </c>
      <c r="P25" s="72">
        <v>0</v>
      </c>
      <c r="Q25" s="244"/>
      <c r="R25" s="71">
        <v>1</v>
      </c>
      <c r="S25" s="71">
        <v>0</v>
      </c>
      <c r="T25" s="71">
        <v>0</v>
      </c>
      <c r="U25" s="71">
        <v>0</v>
      </c>
      <c r="V25" s="71">
        <v>0</v>
      </c>
      <c r="W25" s="72">
        <v>1</v>
      </c>
      <c r="X25" s="73">
        <v>1</v>
      </c>
      <c r="Y25" s="70">
        <v>1</v>
      </c>
      <c r="Z25" s="71">
        <v>2</v>
      </c>
      <c r="AA25" s="72">
        <v>3</v>
      </c>
      <c r="AB25" s="244"/>
      <c r="AC25" s="71">
        <v>5</v>
      </c>
      <c r="AD25" s="71">
        <v>1</v>
      </c>
      <c r="AE25" s="71">
        <v>1</v>
      </c>
      <c r="AF25" s="71">
        <v>0</v>
      </c>
      <c r="AG25" s="71">
        <v>1</v>
      </c>
      <c r="AH25" s="72">
        <v>8</v>
      </c>
      <c r="AI25" s="73">
        <v>11</v>
      </c>
      <c r="AJ25" s="70">
        <v>2</v>
      </c>
      <c r="AK25" s="71">
        <v>0</v>
      </c>
      <c r="AL25" s="72">
        <v>2</v>
      </c>
      <c r="AM25" s="244"/>
      <c r="AN25" s="71">
        <v>1</v>
      </c>
      <c r="AO25" s="71">
        <v>1</v>
      </c>
      <c r="AP25" s="71">
        <v>0</v>
      </c>
      <c r="AQ25" s="71">
        <v>0</v>
      </c>
      <c r="AR25" s="71">
        <v>1</v>
      </c>
      <c r="AS25" s="72">
        <v>3</v>
      </c>
      <c r="AT25" s="73">
        <v>5</v>
      </c>
      <c r="AU25" s="70">
        <v>4</v>
      </c>
      <c r="AV25" s="71">
        <v>5</v>
      </c>
      <c r="AW25" s="72">
        <v>9</v>
      </c>
      <c r="AX25" s="244"/>
      <c r="AY25" s="71">
        <v>6</v>
      </c>
      <c r="AZ25" s="71">
        <v>6</v>
      </c>
      <c r="BA25" s="71">
        <v>3</v>
      </c>
      <c r="BB25" s="71">
        <v>3</v>
      </c>
      <c r="BC25" s="71">
        <v>2</v>
      </c>
      <c r="BD25" s="72">
        <v>20</v>
      </c>
      <c r="BE25" s="73">
        <v>29</v>
      </c>
      <c r="BF25" s="70">
        <v>2</v>
      </c>
      <c r="BG25" s="71">
        <v>2</v>
      </c>
      <c r="BH25" s="72">
        <v>4</v>
      </c>
      <c r="BI25" s="244"/>
      <c r="BJ25" s="71">
        <v>5</v>
      </c>
      <c r="BK25" s="71">
        <v>6</v>
      </c>
      <c r="BL25" s="71">
        <v>2</v>
      </c>
      <c r="BM25" s="71">
        <v>2</v>
      </c>
      <c r="BN25" s="71">
        <v>1</v>
      </c>
      <c r="BO25" s="72">
        <v>16</v>
      </c>
      <c r="BP25" s="73">
        <v>20</v>
      </c>
      <c r="BQ25" s="70">
        <v>2</v>
      </c>
      <c r="BR25" s="71">
        <v>2</v>
      </c>
      <c r="BS25" s="72">
        <v>4</v>
      </c>
      <c r="BT25" s="244"/>
      <c r="BU25" s="71">
        <v>8</v>
      </c>
      <c r="BV25" s="71">
        <v>5</v>
      </c>
      <c r="BW25" s="71">
        <v>4</v>
      </c>
      <c r="BX25" s="71">
        <v>4</v>
      </c>
      <c r="BY25" s="71">
        <v>2</v>
      </c>
      <c r="BZ25" s="72">
        <v>23</v>
      </c>
      <c r="CA25" s="73">
        <v>27</v>
      </c>
      <c r="CB25" s="70">
        <v>0</v>
      </c>
      <c r="CC25" s="71">
        <v>0</v>
      </c>
      <c r="CD25" s="72">
        <v>0</v>
      </c>
      <c r="CE25" s="244"/>
      <c r="CF25" s="71">
        <v>0</v>
      </c>
      <c r="CG25" s="71">
        <v>0</v>
      </c>
      <c r="CH25" s="71">
        <v>0</v>
      </c>
      <c r="CI25" s="71">
        <v>0</v>
      </c>
      <c r="CJ25" s="71">
        <v>0</v>
      </c>
      <c r="CK25" s="72">
        <v>0</v>
      </c>
      <c r="CL25" s="73">
        <v>0</v>
      </c>
      <c r="CM25" s="70">
        <v>11</v>
      </c>
      <c r="CN25" s="71">
        <v>11</v>
      </c>
      <c r="CO25" s="72">
        <v>22</v>
      </c>
      <c r="CP25" s="244"/>
      <c r="CQ25" s="71">
        <v>26</v>
      </c>
      <c r="CR25" s="71">
        <v>19</v>
      </c>
      <c r="CS25" s="71">
        <v>10</v>
      </c>
      <c r="CT25" s="71">
        <v>9</v>
      </c>
      <c r="CU25" s="71">
        <v>7</v>
      </c>
      <c r="CV25" s="72">
        <v>71</v>
      </c>
      <c r="CW25" s="73">
        <v>93</v>
      </c>
      <c r="CX25" s="123">
        <v>3</v>
      </c>
      <c r="CY25" s="82">
        <v>5</v>
      </c>
      <c r="CZ25" s="83">
        <v>8</v>
      </c>
      <c r="DA25" s="241"/>
      <c r="DB25" s="82">
        <v>9</v>
      </c>
      <c r="DC25" s="82">
        <v>3</v>
      </c>
      <c r="DD25" s="82">
        <v>3</v>
      </c>
      <c r="DE25" s="82">
        <v>3</v>
      </c>
      <c r="DF25" s="82">
        <v>3</v>
      </c>
      <c r="DG25" s="84">
        <v>21</v>
      </c>
      <c r="DH25" s="85">
        <v>29</v>
      </c>
      <c r="DI25" s="70">
        <v>0</v>
      </c>
      <c r="DJ25" s="71">
        <v>1</v>
      </c>
      <c r="DK25" s="72">
        <v>1</v>
      </c>
      <c r="DL25" s="244"/>
      <c r="DM25" s="71">
        <v>0</v>
      </c>
      <c r="DN25" s="71">
        <v>0</v>
      </c>
      <c r="DO25" s="71">
        <v>0</v>
      </c>
      <c r="DP25" s="71">
        <v>0</v>
      </c>
      <c r="DQ25" s="71">
        <v>0</v>
      </c>
      <c r="DR25" s="72">
        <v>0</v>
      </c>
      <c r="DS25" s="73">
        <v>1</v>
      </c>
      <c r="DT25" s="70">
        <v>0</v>
      </c>
      <c r="DU25" s="71">
        <v>0</v>
      </c>
      <c r="DV25" s="72">
        <v>0</v>
      </c>
      <c r="DW25" s="244"/>
      <c r="DX25" s="71">
        <v>0</v>
      </c>
      <c r="DY25" s="71">
        <v>0</v>
      </c>
      <c r="DZ25" s="71">
        <v>1</v>
      </c>
      <c r="EA25" s="71">
        <v>0</v>
      </c>
      <c r="EB25" s="71">
        <v>0</v>
      </c>
      <c r="EC25" s="72">
        <v>1</v>
      </c>
      <c r="ED25" s="73">
        <v>1</v>
      </c>
      <c r="EE25" s="70">
        <v>1</v>
      </c>
      <c r="EF25" s="71">
        <v>2</v>
      </c>
      <c r="EG25" s="72">
        <v>3</v>
      </c>
      <c r="EH25" s="244"/>
      <c r="EI25" s="71">
        <v>1</v>
      </c>
      <c r="EJ25" s="71">
        <v>0</v>
      </c>
      <c r="EK25" s="71">
        <v>0</v>
      </c>
      <c r="EL25" s="71">
        <v>0</v>
      </c>
      <c r="EM25" s="71">
        <v>1</v>
      </c>
      <c r="EN25" s="72">
        <v>2</v>
      </c>
      <c r="EO25" s="73">
        <v>5</v>
      </c>
      <c r="EP25" s="70">
        <v>2</v>
      </c>
      <c r="EQ25" s="71">
        <v>1</v>
      </c>
      <c r="ER25" s="72">
        <v>3</v>
      </c>
      <c r="ES25" s="244"/>
      <c r="ET25" s="71">
        <v>4</v>
      </c>
      <c r="EU25" s="71">
        <v>1</v>
      </c>
      <c r="EV25" s="71">
        <v>1</v>
      </c>
      <c r="EW25" s="71">
        <v>1</v>
      </c>
      <c r="EX25" s="71">
        <v>0</v>
      </c>
      <c r="EY25" s="72">
        <v>7</v>
      </c>
      <c r="EZ25" s="73">
        <v>10</v>
      </c>
      <c r="FA25" s="70">
        <v>0</v>
      </c>
      <c r="FB25" s="71">
        <v>0</v>
      </c>
      <c r="FC25" s="72">
        <v>0</v>
      </c>
      <c r="FD25" s="244"/>
      <c r="FE25" s="71">
        <v>2</v>
      </c>
      <c r="FF25" s="71">
        <v>0</v>
      </c>
      <c r="FG25" s="71">
        <v>1</v>
      </c>
      <c r="FH25" s="71">
        <v>0</v>
      </c>
      <c r="FI25" s="71">
        <v>0</v>
      </c>
      <c r="FJ25" s="72">
        <v>3</v>
      </c>
      <c r="FK25" s="73">
        <v>3</v>
      </c>
      <c r="FL25" s="70">
        <v>0</v>
      </c>
      <c r="FM25" s="71">
        <v>1</v>
      </c>
      <c r="FN25" s="72">
        <v>1</v>
      </c>
      <c r="FO25" s="244"/>
      <c r="FP25" s="71">
        <v>2</v>
      </c>
      <c r="FQ25" s="71">
        <v>2</v>
      </c>
      <c r="FR25" s="71">
        <v>0</v>
      </c>
      <c r="FS25" s="71">
        <v>2</v>
      </c>
      <c r="FT25" s="71">
        <v>2</v>
      </c>
      <c r="FU25" s="72">
        <v>8</v>
      </c>
      <c r="FV25" s="73">
        <v>9</v>
      </c>
      <c r="FW25" s="70">
        <v>0</v>
      </c>
      <c r="FX25" s="71">
        <v>0</v>
      </c>
      <c r="FY25" s="72">
        <v>0</v>
      </c>
      <c r="FZ25" s="244"/>
      <c r="GA25" s="71">
        <v>0</v>
      </c>
      <c r="GB25" s="71">
        <v>0</v>
      </c>
      <c r="GC25" s="71">
        <v>0</v>
      </c>
      <c r="GD25" s="71">
        <v>0</v>
      </c>
      <c r="GE25" s="71">
        <v>0</v>
      </c>
      <c r="GF25" s="72">
        <v>0</v>
      </c>
      <c r="GG25" s="73">
        <v>0</v>
      </c>
      <c r="GH25" s="70">
        <v>3</v>
      </c>
      <c r="GI25" s="71">
        <v>5</v>
      </c>
      <c r="GJ25" s="72">
        <v>8</v>
      </c>
      <c r="GK25" s="244"/>
      <c r="GL25" s="71">
        <v>9</v>
      </c>
      <c r="GM25" s="71">
        <v>3</v>
      </c>
      <c r="GN25" s="71">
        <v>3</v>
      </c>
      <c r="GO25" s="71">
        <v>3</v>
      </c>
      <c r="GP25" s="71">
        <v>3</v>
      </c>
      <c r="GQ25" s="72">
        <v>21</v>
      </c>
      <c r="GR25" s="73">
        <v>29</v>
      </c>
      <c r="GS25" s="123">
        <v>14</v>
      </c>
      <c r="GT25" s="82">
        <v>16</v>
      </c>
      <c r="GU25" s="83">
        <v>30</v>
      </c>
      <c r="GV25" s="241"/>
      <c r="GW25" s="82">
        <v>35</v>
      </c>
      <c r="GX25" s="82">
        <v>22</v>
      </c>
      <c r="GY25" s="82">
        <v>13</v>
      </c>
      <c r="GZ25" s="82">
        <v>12</v>
      </c>
      <c r="HA25" s="82">
        <v>10</v>
      </c>
      <c r="HB25" s="84">
        <v>92</v>
      </c>
      <c r="HC25" s="85">
        <v>122</v>
      </c>
      <c r="HD25" s="70">
        <v>0</v>
      </c>
      <c r="HE25" s="71">
        <v>1</v>
      </c>
      <c r="HF25" s="72">
        <v>1</v>
      </c>
      <c r="HG25" s="244"/>
      <c r="HH25" s="71">
        <v>1</v>
      </c>
      <c r="HI25" s="71">
        <v>0</v>
      </c>
      <c r="HJ25" s="71">
        <v>0</v>
      </c>
      <c r="HK25" s="71">
        <v>0</v>
      </c>
      <c r="HL25" s="71">
        <v>0</v>
      </c>
      <c r="HM25" s="72">
        <v>1</v>
      </c>
      <c r="HN25" s="73">
        <v>2</v>
      </c>
      <c r="HO25" s="70">
        <v>1</v>
      </c>
      <c r="HP25" s="71">
        <v>2</v>
      </c>
      <c r="HQ25" s="72">
        <v>3</v>
      </c>
      <c r="HR25" s="244"/>
      <c r="HS25" s="71">
        <v>5</v>
      </c>
      <c r="HT25" s="71">
        <v>1</v>
      </c>
      <c r="HU25" s="71">
        <v>2</v>
      </c>
      <c r="HV25" s="71">
        <v>0</v>
      </c>
      <c r="HW25" s="71">
        <v>1</v>
      </c>
      <c r="HX25" s="72">
        <v>9</v>
      </c>
      <c r="HY25" s="73">
        <v>12</v>
      </c>
      <c r="HZ25" s="70">
        <v>3</v>
      </c>
      <c r="IA25" s="71">
        <v>2</v>
      </c>
      <c r="IB25" s="72">
        <v>5</v>
      </c>
      <c r="IC25" s="244"/>
      <c r="ID25" s="71">
        <v>2</v>
      </c>
      <c r="IE25" s="71">
        <v>1</v>
      </c>
      <c r="IF25" s="71">
        <v>0</v>
      </c>
      <c r="IG25" s="71">
        <v>0</v>
      </c>
      <c r="IH25" s="71">
        <v>2</v>
      </c>
      <c r="II25" s="72">
        <v>5</v>
      </c>
      <c r="IJ25" s="73">
        <v>10</v>
      </c>
      <c r="IK25" s="70">
        <v>6</v>
      </c>
      <c r="IL25" s="71">
        <v>6</v>
      </c>
      <c r="IM25" s="72">
        <v>12</v>
      </c>
      <c r="IN25" s="244"/>
      <c r="IO25" s="71">
        <v>10</v>
      </c>
      <c r="IP25" s="71">
        <v>7</v>
      </c>
      <c r="IQ25" s="71">
        <v>4</v>
      </c>
      <c r="IR25" s="71">
        <v>4</v>
      </c>
      <c r="IS25" s="71">
        <v>2</v>
      </c>
      <c r="IT25" s="72">
        <v>27</v>
      </c>
      <c r="IU25" s="73">
        <v>39</v>
      </c>
      <c r="IV25" s="70">
        <v>2</v>
      </c>
      <c r="IW25" s="71">
        <v>2</v>
      </c>
      <c r="IX25" s="72">
        <v>4</v>
      </c>
      <c r="IY25" s="244"/>
      <c r="IZ25" s="71">
        <v>7</v>
      </c>
      <c r="JA25" s="71">
        <v>6</v>
      </c>
      <c r="JB25" s="71">
        <v>3</v>
      </c>
      <c r="JC25" s="71">
        <v>2</v>
      </c>
      <c r="JD25" s="71">
        <v>1</v>
      </c>
      <c r="JE25" s="72">
        <v>19</v>
      </c>
      <c r="JF25" s="73">
        <v>23</v>
      </c>
      <c r="JG25" s="70">
        <v>2</v>
      </c>
      <c r="JH25" s="71">
        <v>3</v>
      </c>
      <c r="JI25" s="72">
        <v>5</v>
      </c>
      <c r="JJ25" s="244"/>
      <c r="JK25" s="71">
        <v>10</v>
      </c>
      <c r="JL25" s="71">
        <v>7</v>
      </c>
      <c r="JM25" s="71">
        <v>4</v>
      </c>
      <c r="JN25" s="71">
        <v>6</v>
      </c>
      <c r="JO25" s="71">
        <v>4</v>
      </c>
      <c r="JP25" s="72">
        <v>31</v>
      </c>
      <c r="JQ25" s="73">
        <v>36</v>
      </c>
      <c r="JR25" s="70">
        <v>0</v>
      </c>
      <c r="JS25" s="71">
        <v>0</v>
      </c>
      <c r="JT25" s="72">
        <v>0</v>
      </c>
      <c r="JU25" s="244"/>
      <c r="JV25" s="71">
        <v>0</v>
      </c>
      <c r="JW25" s="71">
        <v>0</v>
      </c>
      <c r="JX25" s="71">
        <v>0</v>
      </c>
      <c r="JY25" s="71">
        <v>0</v>
      </c>
      <c r="JZ25" s="71">
        <v>0</v>
      </c>
      <c r="KA25" s="72">
        <v>0</v>
      </c>
      <c r="KB25" s="73">
        <v>0</v>
      </c>
      <c r="KC25" s="70">
        <v>14</v>
      </c>
      <c r="KD25" s="71">
        <v>16</v>
      </c>
      <c r="KE25" s="72">
        <v>30</v>
      </c>
      <c r="KF25" s="244"/>
      <c r="KG25" s="71">
        <v>35</v>
      </c>
      <c r="KH25" s="71">
        <v>22</v>
      </c>
      <c r="KI25" s="71">
        <v>13</v>
      </c>
      <c r="KJ25" s="71">
        <v>12</v>
      </c>
      <c r="KK25" s="71">
        <v>10</v>
      </c>
      <c r="KL25" s="72">
        <v>92</v>
      </c>
      <c r="KM25" s="73">
        <v>122</v>
      </c>
    </row>
    <row r="26" spans="2:299" ht="21" customHeight="1" x14ac:dyDescent="0.2">
      <c r="B26" s="126" t="s">
        <v>23</v>
      </c>
      <c r="C26" s="315">
        <v>10</v>
      </c>
      <c r="D26" s="82">
        <v>15</v>
      </c>
      <c r="E26" s="83">
        <v>25</v>
      </c>
      <c r="F26" s="241"/>
      <c r="G26" s="82">
        <v>21</v>
      </c>
      <c r="H26" s="82">
        <v>23</v>
      </c>
      <c r="I26" s="82">
        <v>18</v>
      </c>
      <c r="J26" s="82">
        <v>17</v>
      </c>
      <c r="K26" s="82">
        <v>9</v>
      </c>
      <c r="L26" s="84">
        <v>88</v>
      </c>
      <c r="M26" s="85">
        <v>113</v>
      </c>
      <c r="N26" s="70">
        <v>0</v>
      </c>
      <c r="O26" s="71">
        <v>1</v>
      </c>
      <c r="P26" s="72">
        <v>1</v>
      </c>
      <c r="Q26" s="244"/>
      <c r="R26" s="71">
        <v>0</v>
      </c>
      <c r="S26" s="71">
        <v>1</v>
      </c>
      <c r="T26" s="71">
        <v>0</v>
      </c>
      <c r="U26" s="71">
        <v>0</v>
      </c>
      <c r="V26" s="71">
        <v>0</v>
      </c>
      <c r="W26" s="72">
        <v>1</v>
      </c>
      <c r="X26" s="73">
        <v>2</v>
      </c>
      <c r="Y26" s="70">
        <v>4</v>
      </c>
      <c r="Z26" s="71">
        <v>0</v>
      </c>
      <c r="AA26" s="72">
        <v>4</v>
      </c>
      <c r="AB26" s="244"/>
      <c r="AC26" s="71">
        <v>2</v>
      </c>
      <c r="AD26" s="71">
        <v>3</v>
      </c>
      <c r="AE26" s="71">
        <v>1</v>
      </c>
      <c r="AF26" s="71">
        <v>0</v>
      </c>
      <c r="AG26" s="71">
        <v>2</v>
      </c>
      <c r="AH26" s="72">
        <v>8</v>
      </c>
      <c r="AI26" s="73">
        <v>12</v>
      </c>
      <c r="AJ26" s="70">
        <v>3</v>
      </c>
      <c r="AK26" s="71">
        <v>1</v>
      </c>
      <c r="AL26" s="72">
        <v>4</v>
      </c>
      <c r="AM26" s="244"/>
      <c r="AN26" s="71">
        <v>4</v>
      </c>
      <c r="AO26" s="71">
        <v>6</v>
      </c>
      <c r="AP26" s="71">
        <v>1</v>
      </c>
      <c r="AQ26" s="71">
        <v>2</v>
      </c>
      <c r="AR26" s="71">
        <v>4</v>
      </c>
      <c r="AS26" s="72">
        <v>17</v>
      </c>
      <c r="AT26" s="73">
        <v>21</v>
      </c>
      <c r="AU26" s="70">
        <v>0</v>
      </c>
      <c r="AV26" s="71">
        <v>8</v>
      </c>
      <c r="AW26" s="72">
        <v>8</v>
      </c>
      <c r="AX26" s="244"/>
      <c r="AY26" s="71">
        <v>6</v>
      </c>
      <c r="AZ26" s="71">
        <v>1</v>
      </c>
      <c r="BA26" s="71">
        <v>8</v>
      </c>
      <c r="BB26" s="71">
        <v>6</v>
      </c>
      <c r="BC26" s="71">
        <v>1</v>
      </c>
      <c r="BD26" s="72">
        <v>22</v>
      </c>
      <c r="BE26" s="73">
        <v>30</v>
      </c>
      <c r="BF26" s="70">
        <v>2</v>
      </c>
      <c r="BG26" s="71">
        <v>4</v>
      </c>
      <c r="BH26" s="72">
        <v>6</v>
      </c>
      <c r="BI26" s="244"/>
      <c r="BJ26" s="71">
        <v>5</v>
      </c>
      <c r="BK26" s="71">
        <v>8</v>
      </c>
      <c r="BL26" s="71">
        <v>6</v>
      </c>
      <c r="BM26" s="71">
        <v>3</v>
      </c>
      <c r="BN26" s="71">
        <v>2</v>
      </c>
      <c r="BO26" s="72">
        <v>24</v>
      </c>
      <c r="BP26" s="73">
        <v>30</v>
      </c>
      <c r="BQ26" s="70">
        <v>1</v>
      </c>
      <c r="BR26" s="71">
        <v>1</v>
      </c>
      <c r="BS26" s="72">
        <v>2</v>
      </c>
      <c r="BT26" s="244"/>
      <c r="BU26" s="71">
        <v>4</v>
      </c>
      <c r="BV26" s="71">
        <v>4</v>
      </c>
      <c r="BW26" s="71">
        <v>2</v>
      </c>
      <c r="BX26" s="71">
        <v>6</v>
      </c>
      <c r="BY26" s="71">
        <v>0</v>
      </c>
      <c r="BZ26" s="72">
        <v>16</v>
      </c>
      <c r="CA26" s="73">
        <v>18</v>
      </c>
      <c r="CB26" s="70">
        <v>0</v>
      </c>
      <c r="CC26" s="71">
        <v>0</v>
      </c>
      <c r="CD26" s="72">
        <v>0</v>
      </c>
      <c r="CE26" s="244"/>
      <c r="CF26" s="71">
        <v>0</v>
      </c>
      <c r="CG26" s="71">
        <v>0</v>
      </c>
      <c r="CH26" s="71">
        <v>0</v>
      </c>
      <c r="CI26" s="71">
        <v>0</v>
      </c>
      <c r="CJ26" s="71">
        <v>0</v>
      </c>
      <c r="CK26" s="72">
        <v>0</v>
      </c>
      <c r="CL26" s="73">
        <v>0</v>
      </c>
      <c r="CM26" s="70">
        <v>10</v>
      </c>
      <c r="CN26" s="71">
        <v>15</v>
      </c>
      <c r="CO26" s="72">
        <v>25</v>
      </c>
      <c r="CP26" s="244"/>
      <c r="CQ26" s="71">
        <v>21</v>
      </c>
      <c r="CR26" s="71">
        <v>23</v>
      </c>
      <c r="CS26" s="71">
        <v>18</v>
      </c>
      <c r="CT26" s="71">
        <v>17</v>
      </c>
      <c r="CU26" s="71">
        <v>9</v>
      </c>
      <c r="CV26" s="72">
        <v>88</v>
      </c>
      <c r="CW26" s="73">
        <v>113</v>
      </c>
      <c r="CX26" s="123">
        <v>7</v>
      </c>
      <c r="CY26" s="82">
        <v>8</v>
      </c>
      <c r="CZ26" s="83">
        <v>15</v>
      </c>
      <c r="DA26" s="241"/>
      <c r="DB26" s="82">
        <v>11</v>
      </c>
      <c r="DC26" s="82">
        <v>10</v>
      </c>
      <c r="DD26" s="82">
        <v>2</v>
      </c>
      <c r="DE26" s="82">
        <v>14</v>
      </c>
      <c r="DF26" s="82">
        <v>6</v>
      </c>
      <c r="DG26" s="84">
        <v>43</v>
      </c>
      <c r="DH26" s="85">
        <v>58</v>
      </c>
      <c r="DI26" s="70">
        <v>0</v>
      </c>
      <c r="DJ26" s="71">
        <v>1</v>
      </c>
      <c r="DK26" s="72">
        <v>1</v>
      </c>
      <c r="DL26" s="244"/>
      <c r="DM26" s="71">
        <v>0</v>
      </c>
      <c r="DN26" s="71">
        <v>0</v>
      </c>
      <c r="DO26" s="71">
        <v>0</v>
      </c>
      <c r="DP26" s="71">
        <v>0</v>
      </c>
      <c r="DQ26" s="71">
        <v>0</v>
      </c>
      <c r="DR26" s="72">
        <v>0</v>
      </c>
      <c r="DS26" s="73">
        <v>1</v>
      </c>
      <c r="DT26" s="70">
        <v>0</v>
      </c>
      <c r="DU26" s="71">
        <v>0</v>
      </c>
      <c r="DV26" s="72">
        <v>0</v>
      </c>
      <c r="DW26" s="244"/>
      <c r="DX26" s="71">
        <v>1</v>
      </c>
      <c r="DY26" s="71">
        <v>2</v>
      </c>
      <c r="DZ26" s="71">
        <v>0</v>
      </c>
      <c r="EA26" s="71">
        <v>0</v>
      </c>
      <c r="EB26" s="71">
        <v>0</v>
      </c>
      <c r="EC26" s="72">
        <v>3</v>
      </c>
      <c r="ED26" s="73">
        <v>3</v>
      </c>
      <c r="EE26" s="70">
        <v>2</v>
      </c>
      <c r="EF26" s="71">
        <v>2</v>
      </c>
      <c r="EG26" s="72">
        <v>4</v>
      </c>
      <c r="EH26" s="244"/>
      <c r="EI26" s="71">
        <v>1</v>
      </c>
      <c r="EJ26" s="71">
        <v>0</v>
      </c>
      <c r="EK26" s="71">
        <v>0</v>
      </c>
      <c r="EL26" s="71">
        <v>0</v>
      </c>
      <c r="EM26" s="71">
        <v>1</v>
      </c>
      <c r="EN26" s="72">
        <v>2</v>
      </c>
      <c r="EO26" s="73">
        <v>6</v>
      </c>
      <c r="EP26" s="70">
        <v>2</v>
      </c>
      <c r="EQ26" s="71">
        <v>3</v>
      </c>
      <c r="ER26" s="72">
        <v>5</v>
      </c>
      <c r="ES26" s="244"/>
      <c r="ET26" s="71">
        <v>3</v>
      </c>
      <c r="EU26" s="71">
        <v>2</v>
      </c>
      <c r="EV26" s="71">
        <v>2</v>
      </c>
      <c r="EW26" s="71">
        <v>1</v>
      </c>
      <c r="EX26" s="71">
        <v>0</v>
      </c>
      <c r="EY26" s="72">
        <v>8</v>
      </c>
      <c r="EZ26" s="73">
        <v>13</v>
      </c>
      <c r="FA26" s="70">
        <v>2</v>
      </c>
      <c r="FB26" s="71">
        <v>2</v>
      </c>
      <c r="FC26" s="72">
        <v>4</v>
      </c>
      <c r="FD26" s="244"/>
      <c r="FE26" s="71">
        <v>1</v>
      </c>
      <c r="FF26" s="71">
        <v>4</v>
      </c>
      <c r="FG26" s="71">
        <v>0</v>
      </c>
      <c r="FH26" s="71">
        <v>2</v>
      </c>
      <c r="FI26" s="71">
        <v>0</v>
      </c>
      <c r="FJ26" s="72">
        <v>7</v>
      </c>
      <c r="FK26" s="73">
        <v>11</v>
      </c>
      <c r="FL26" s="70">
        <v>1</v>
      </c>
      <c r="FM26" s="71">
        <v>0</v>
      </c>
      <c r="FN26" s="72">
        <v>1</v>
      </c>
      <c r="FO26" s="244"/>
      <c r="FP26" s="71">
        <v>5</v>
      </c>
      <c r="FQ26" s="71">
        <v>2</v>
      </c>
      <c r="FR26" s="71">
        <v>0</v>
      </c>
      <c r="FS26" s="71">
        <v>11</v>
      </c>
      <c r="FT26" s="71">
        <v>5</v>
      </c>
      <c r="FU26" s="72">
        <v>23</v>
      </c>
      <c r="FV26" s="73">
        <v>24</v>
      </c>
      <c r="FW26" s="70">
        <v>0</v>
      </c>
      <c r="FX26" s="71">
        <v>0</v>
      </c>
      <c r="FY26" s="72">
        <v>0</v>
      </c>
      <c r="FZ26" s="244"/>
      <c r="GA26" s="71">
        <v>0</v>
      </c>
      <c r="GB26" s="71">
        <v>0</v>
      </c>
      <c r="GC26" s="71">
        <v>0</v>
      </c>
      <c r="GD26" s="71">
        <v>0</v>
      </c>
      <c r="GE26" s="71">
        <v>0</v>
      </c>
      <c r="GF26" s="72">
        <v>0</v>
      </c>
      <c r="GG26" s="73">
        <v>0</v>
      </c>
      <c r="GH26" s="70">
        <v>7</v>
      </c>
      <c r="GI26" s="71">
        <v>8</v>
      </c>
      <c r="GJ26" s="72">
        <v>15</v>
      </c>
      <c r="GK26" s="244"/>
      <c r="GL26" s="71">
        <v>11</v>
      </c>
      <c r="GM26" s="71">
        <v>10</v>
      </c>
      <c r="GN26" s="71">
        <v>2</v>
      </c>
      <c r="GO26" s="71">
        <v>14</v>
      </c>
      <c r="GP26" s="71">
        <v>6</v>
      </c>
      <c r="GQ26" s="72">
        <v>43</v>
      </c>
      <c r="GR26" s="73">
        <v>58</v>
      </c>
      <c r="GS26" s="123">
        <v>17</v>
      </c>
      <c r="GT26" s="82">
        <v>23</v>
      </c>
      <c r="GU26" s="83">
        <v>40</v>
      </c>
      <c r="GV26" s="241"/>
      <c r="GW26" s="82">
        <v>32</v>
      </c>
      <c r="GX26" s="82">
        <v>33</v>
      </c>
      <c r="GY26" s="82">
        <v>20</v>
      </c>
      <c r="GZ26" s="82">
        <v>31</v>
      </c>
      <c r="HA26" s="82">
        <v>15</v>
      </c>
      <c r="HB26" s="84">
        <v>131</v>
      </c>
      <c r="HC26" s="85">
        <v>171</v>
      </c>
      <c r="HD26" s="70">
        <v>0</v>
      </c>
      <c r="HE26" s="71">
        <v>2</v>
      </c>
      <c r="HF26" s="72">
        <v>2</v>
      </c>
      <c r="HG26" s="244"/>
      <c r="HH26" s="71">
        <v>0</v>
      </c>
      <c r="HI26" s="71">
        <v>1</v>
      </c>
      <c r="HJ26" s="71">
        <v>0</v>
      </c>
      <c r="HK26" s="71">
        <v>0</v>
      </c>
      <c r="HL26" s="71">
        <v>0</v>
      </c>
      <c r="HM26" s="72">
        <v>1</v>
      </c>
      <c r="HN26" s="73">
        <v>3</v>
      </c>
      <c r="HO26" s="70">
        <v>4</v>
      </c>
      <c r="HP26" s="71">
        <v>0</v>
      </c>
      <c r="HQ26" s="72">
        <v>4</v>
      </c>
      <c r="HR26" s="244"/>
      <c r="HS26" s="71">
        <v>3</v>
      </c>
      <c r="HT26" s="71">
        <v>5</v>
      </c>
      <c r="HU26" s="71">
        <v>1</v>
      </c>
      <c r="HV26" s="71">
        <v>0</v>
      </c>
      <c r="HW26" s="71">
        <v>2</v>
      </c>
      <c r="HX26" s="72">
        <v>11</v>
      </c>
      <c r="HY26" s="73">
        <v>15</v>
      </c>
      <c r="HZ26" s="70">
        <v>5</v>
      </c>
      <c r="IA26" s="71">
        <v>3</v>
      </c>
      <c r="IB26" s="72">
        <v>8</v>
      </c>
      <c r="IC26" s="244"/>
      <c r="ID26" s="71">
        <v>5</v>
      </c>
      <c r="IE26" s="71">
        <v>6</v>
      </c>
      <c r="IF26" s="71">
        <v>1</v>
      </c>
      <c r="IG26" s="71">
        <v>2</v>
      </c>
      <c r="IH26" s="71">
        <v>5</v>
      </c>
      <c r="II26" s="72">
        <v>19</v>
      </c>
      <c r="IJ26" s="73">
        <v>27</v>
      </c>
      <c r="IK26" s="70">
        <v>2</v>
      </c>
      <c r="IL26" s="71">
        <v>11</v>
      </c>
      <c r="IM26" s="72">
        <v>13</v>
      </c>
      <c r="IN26" s="244"/>
      <c r="IO26" s="71">
        <v>9</v>
      </c>
      <c r="IP26" s="71">
        <v>3</v>
      </c>
      <c r="IQ26" s="71">
        <v>10</v>
      </c>
      <c r="IR26" s="71">
        <v>7</v>
      </c>
      <c r="IS26" s="71">
        <v>1</v>
      </c>
      <c r="IT26" s="72">
        <v>30</v>
      </c>
      <c r="IU26" s="73">
        <v>43</v>
      </c>
      <c r="IV26" s="70">
        <v>4</v>
      </c>
      <c r="IW26" s="71">
        <v>6</v>
      </c>
      <c r="IX26" s="72">
        <v>10</v>
      </c>
      <c r="IY26" s="244"/>
      <c r="IZ26" s="71">
        <v>6</v>
      </c>
      <c r="JA26" s="71">
        <v>12</v>
      </c>
      <c r="JB26" s="71">
        <v>6</v>
      </c>
      <c r="JC26" s="71">
        <v>5</v>
      </c>
      <c r="JD26" s="71">
        <v>2</v>
      </c>
      <c r="JE26" s="72">
        <v>31</v>
      </c>
      <c r="JF26" s="73">
        <v>41</v>
      </c>
      <c r="JG26" s="70">
        <v>2</v>
      </c>
      <c r="JH26" s="71">
        <v>1</v>
      </c>
      <c r="JI26" s="72">
        <v>3</v>
      </c>
      <c r="JJ26" s="244"/>
      <c r="JK26" s="71">
        <v>9</v>
      </c>
      <c r="JL26" s="71">
        <v>6</v>
      </c>
      <c r="JM26" s="71">
        <v>2</v>
      </c>
      <c r="JN26" s="71">
        <v>17</v>
      </c>
      <c r="JO26" s="71">
        <v>5</v>
      </c>
      <c r="JP26" s="72">
        <v>39</v>
      </c>
      <c r="JQ26" s="73">
        <v>42</v>
      </c>
      <c r="JR26" s="70">
        <v>0</v>
      </c>
      <c r="JS26" s="71">
        <v>0</v>
      </c>
      <c r="JT26" s="72">
        <v>0</v>
      </c>
      <c r="JU26" s="244"/>
      <c r="JV26" s="71">
        <v>0</v>
      </c>
      <c r="JW26" s="71">
        <v>0</v>
      </c>
      <c r="JX26" s="71">
        <v>0</v>
      </c>
      <c r="JY26" s="71">
        <v>0</v>
      </c>
      <c r="JZ26" s="71">
        <v>0</v>
      </c>
      <c r="KA26" s="72">
        <v>0</v>
      </c>
      <c r="KB26" s="73">
        <v>0</v>
      </c>
      <c r="KC26" s="70">
        <v>17</v>
      </c>
      <c r="KD26" s="71">
        <v>23</v>
      </c>
      <c r="KE26" s="72">
        <v>40</v>
      </c>
      <c r="KF26" s="244"/>
      <c r="KG26" s="71">
        <v>32</v>
      </c>
      <c r="KH26" s="71">
        <v>33</v>
      </c>
      <c r="KI26" s="71">
        <v>20</v>
      </c>
      <c r="KJ26" s="71">
        <v>31</v>
      </c>
      <c r="KK26" s="71">
        <v>15</v>
      </c>
      <c r="KL26" s="72">
        <v>131</v>
      </c>
      <c r="KM26" s="73">
        <v>171</v>
      </c>
    </row>
    <row r="27" spans="2:299" ht="21" customHeight="1" x14ac:dyDescent="0.2">
      <c r="B27" s="126" t="s">
        <v>24</v>
      </c>
      <c r="C27" s="315">
        <v>18</v>
      </c>
      <c r="D27" s="82">
        <v>17</v>
      </c>
      <c r="E27" s="83">
        <v>35</v>
      </c>
      <c r="F27" s="241"/>
      <c r="G27" s="82">
        <v>28</v>
      </c>
      <c r="H27" s="82">
        <v>19</v>
      </c>
      <c r="I27" s="82">
        <v>18</v>
      </c>
      <c r="J27" s="82">
        <v>10</v>
      </c>
      <c r="K27" s="82">
        <v>13</v>
      </c>
      <c r="L27" s="84">
        <v>88</v>
      </c>
      <c r="M27" s="85">
        <v>123</v>
      </c>
      <c r="N27" s="70">
        <v>0</v>
      </c>
      <c r="O27" s="71">
        <v>0</v>
      </c>
      <c r="P27" s="72">
        <v>0</v>
      </c>
      <c r="Q27" s="244"/>
      <c r="R27" s="71">
        <v>0</v>
      </c>
      <c r="S27" s="71">
        <v>0</v>
      </c>
      <c r="T27" s="71">
        <v>0</v>
      </c>
      <c r="U27" s="71">
        <v>0</v>
      </c>
      <c r="V27" s="71">
        <v>0</v>
      </c>
      <c r="W27" s="72">
        <v>0</v>
      </c>
      <c r="X27" s="73">
        <v>0</v>
      </c>
      <c r="Y27" s="70">
        <v>0</v>
      </c>
      <c r="Z27" s="71">
        <v>1</v>
      </c>
      <c r="AA27" s="72">
        <v>1</v>
      </c>
      <c r="AB27" s="244"/>
      <c r="AC27" s="71">
        <v>1</v>
      </c>
      <c r="AD27" s="71">
        <v>2</v>
      </c>
      <c r="AE27" s="71">
        <v>0</v>
      </c>
      <c r="AF27" s="71">
        <v>0</v>
      </c>
      <c r="AG27" s="71">
        <v>1</v>
      </c>
      <c r="AH27" s="72">
        <v>4</v>
      </c>
      <c r="AI27" s="73">
        <v>5</v>
      </c>
      <c r="AJ27" s="70">
        <v>3</v>
      </c>
      <c r="AK27" s="71">
        <v>1</v>
      </c>
      <c r="AL27" s="72">
        <v>4</v>
      </c>
      <c r="AM27" s="244"/>
      <c r="AN27" s="71">
        <v>3</v>
      </c>
      <c r="AO27" s="71">
        <v>2</v>
      </c>
      <c r="AP27" s="71">
        <v>2</v>
      </c>
      <c r="AQ27" s="71">
        <v>1</v>
      </c>
      <c r="AR27" s="71">
        <v>2</v>
      </c>
      <c r="AS27" s="72">
        <v>10</v>
      </c>
      <c r="AT27" s="73">
        <v>14</v>
      </c>
      <c r="AU27" s="70">
        <v>6</v>
      </c>
      <c r="AV27" s="71">
        <v>5</v>
      </c>
      <c r="AW27" s="72">
        <v>11</v>
      </c>
      <c r="AX27" s="244"/>
      <c r="AY27" s="71">
        <v>9</v>
      </c>
      <c r="AZ27" s="71">
        <v>4</v>
      </c>
      <c r="BA27" s="71">
        <v>5</v>
      </c>
      <c r="BB27" s="71">
        <v>1</v>
      </c>
      <c r="BC27" s="71">
        <v>3</v>
      </c>
      <c r="BD27" s="72">
        <v>22</v>
      </c>
      <c r="BE27" s="73">
        <v>33</v>
      </c>
      <c r="BF27" s="70">
        <v>6</v>
      </c>
      <c r="BG27" s="71">
        <v>7</v>
      </c>
      <c r="BH27" s="72">
        <v>13</v>
      </c>
      <c r="BI27" s="244"/>
      <c r="BJ27" s="71">
        <v>9</v>
      </c>
      <c r="BK27" s="71">
        <v>5</v>
      </c>
      <c r="BL27" s="71">
        <v>6</v>
      </c>
      <c r="BM27" s="71">
        <v>3</v>
      </c>
      <c r="BN27" s="71">
        <v>3</v>
      </c>
      <c r="BO27" s="72">
        <v>26</v>
      </c>
      <c r="BP27" s="73">
        <v>39</v>
      </c>
      <c r="BQ27" s="70">
        <v>3</v>
      </c>
      <c r="BR27" s="71">
        <v>3</v>
      </c>
      <c r="BS27" s="72">
        <v>6</v>
      </c>
      <c r="BT27" s="244"/>
      <c r="BU27" s="71">
        <v>6</v>
      </c>
      <c r="BV27" s="71">
        <v>6</v>
      </c>
      <c r="BW27" s="71">
        <v>5</v>
      </c>
      <c r="BX27" s="71">
        <v>5</v>
      </c>
      <c r="BY27" s="71">
        <v>4</v>
      </c>
      <c r="BZ27" s="72">
        <v>26</v>
      </c>
      <c r="CA27" s="73">
        <v>32</v>
      </c>
      <c r="CB27" s="70">
        <v>0</v>
      </c>
      <c r="CC27" s="71">
        <v>0</v>
      </c>
      <c r="CD27" s="72">
        <v>0</v>
      </c>
      <c r="CE27" s="244"/>
      <c r="CF27" s="71">
        <v>0</v>
      </c>
      <c r="CG27" s="71">
        <v>0</v>
      </c>
      <c r="CH27" s="71">
        <v>0</v>
      </c>
      <c r="CI27" s="71">
        <v>0</v>
      </c>
      <c r="CJ27" s="71">
        <v>0</v>
      </c>
      <c r="CK27" s="72">
        <v>0</v>
      </c>
      <c r="CL27" s="73">
        <v>0</v>
      </c>
      <c r="CM27" s="70">
        <v>18</v>
      </c>
      <c r="CN27" s="71">
        <v>17</v>
      </c>
      <c r="CO27" s="72">
        <v>35</v>
      </c>
      <c r="CP27" s="244"/>
      <c r="CQ27" s="71">
        <v>28</v>
      </c>
      <c r="CR27" s="71">
        <v>19</v>
      </c>
      <c r="CS27" s="71">
        <v>18</v>
      </c>
      <c r="CT27" s="71">
        <v>10</v>
      </c>
      <c r="CU27" s="71">
        <v>13</v>
      </c>
      <c r="CV27" s="72">
        <v>88</v>
      </c>
      <c r="CW27" s="73">
        <v>123</v>
      </c>
      <c r="CX27" s="123">
        <v>10</v>
      </c>
      <c r="CY27" s="82">
        <v>6</v>
      </c>
      <c r="CZ27" s="83">
        <v>16</v>
      </c>
      <c r="DA27" s="241"/>
      <c r="DB27" s="82">
        <v>10</v>
      </c>
      <c r="DC27" s="82">
        <v>7</v>
      </c>
      <c r="DD27" s="82">
        <v>5</v>
      </c>
      <c r="DE27" s="82">
        <v>6</v>
      </c>
      <c r="DF27" s="82">
        <v>4</v>
      </c>
      <c r="DG27" s="84">
        <v>32</v>
      </c>
      <c r="DH27" s="85">
        <v>48</v>
      </c>
      <c r="DI27" s="70">
        <v>1</v>
      </c>
      <c r="DJ27" s="71">
        <v>0</v>
      </c>
      <c r="DK27" s="72">
        <v>1</v>
      </c>
      <c r="DL27" s="244"/>
      <c r="DM27" s="71">
        <v>0</v>
      </c>
      <c r="DN27" s="71">
        <v>0</v>
      </c>
      <c r="DO27" s="71">
        <v>0</v>
      </c>
      <c r="DP27" s="71">
        <v>0</v>
      </c>
      <c r="DQ27" s="71">
        <v>0</v>
      </c>
      <c r="DR27" s="72">
        <v>0</v>
      </c>
      <c r="DS27" s="73">
        <v>1</v>
      </c>
      <c r="DT27" s="70">
        <v>1</v>
      </c>
      <c r="DU27" s="71">
        <v>0</v>
      </c>
      <c r="DV27" s="72">
        <v>1</v>
      </c>
      <c r="DW27" s="244"/>
      <c r="DX27" s="71">
        <v>2</v>
      </c>
      <c r="DY27" s="71">
        <v>0</v>
      </c>
      <c r="DZ27" s="71">
        <v>1</v>
      </c>
      <c r="EA27" s="71">
        <v>0</v>
      </c>
      <c r="EB27" s="71">
        <v>0</v>
      </c>
      <c r="EC27" s="72">
        <v>3</v>
      </c>
      <c r="ED27" s="73">
        <v>4</v>
      </c>
      <c r="EE27" s="70">
        <v>1</v>
      </c>
      <c r="EF27" s="71">
        <v>2</v>
      </c>
      <c r="EG27" s="72">
        <v>3</v>
      </c>
      <c r="EH27" s="244"/>
      <c r="EI27" s="71">
        <v>1</v>
      </c>
      <c r="EJ27" s="71">
        <v>1</v>
      </c>
      <c r="EK27" s="71">
        <v>0</v>
      </c>
      <c r="EL27" s="71">
        <v>0</v>
      </c>
      <c r="EM27" s="71">
        <v>0</v>
      </c>
      <c r="EN27" s="72">
        <v>2</v>
      </c>
      <c r="EO27" s="73">
        <v>5</v>
      </c>
      <c r="EP27" s="70">
        <v>1</v>
      </c>
      <c r="EQ27" s="71">
        <v>2</v>
      </c>
      <c r="ER27" s="72">
        <v>3</v>
      </c>
      <c r="ES27" s="244"/>
      <c r="ET27" s="71">
        <v>3</v>
      </c>
      <c r="EU27" s="71">
        <v>1</v>
      </c>
      <c r="EV27" s="71">
        <v>3</v>
      </c>
      <c r="EW27" s="71">
        <v>0</v>
      </c>
      <c r="EX27" s="71">
        <v>1</v>
      </c>
      <c r="EY27" s="72">
        <v>8</v>
      </c>
      <c r="EZ27" s="73">
        <v>11</v>
      </c>
      <c r="FA27" s="70">
        <v>4</v>
      </c>
      <c r="FB27" s="71">
        <v>1</v>
      </c>
      <c r="FC27" s="72">
        <v>5</v>
      </c>
      <c r="FD27" s="244"/>
      <c r="FE27" s="71">
        <v>1</v>
      </c>
      <c r="FF27" s="71">
        <v>2</v>
      </c>
      <c r="FG27" s="71">
        <v>1</v>
      </c>
      <c r="FH27" s="71">
        <v>2</v>
      </c>
      <c r="FI27" s="71">
        <v>3</v>
      </c>
      <c r="FJ27" s="72">
        <v>9</v>
      </c>
      <c r="FK27" s="73">
        <v>14</v>
      </c>
      <c r="FL27" s="70">
        <v>2</v>
      </c>
      <c r="FM27" s="71">
        <v>1</v>
      </c>
      <c r="FN27" s="72">
        <v>3</v>
      </c>
      <c r="FO27" s="244"/>
      <c r="FP27" s="71">
        <v>3</v>
      </c>
      <c r="FQ27" s="71">
        <v>3</v>
      </c>
      <c r="FR27" s="71">
        <v>0</v>
      </c>
      <c r="FS27" s="71">
        <v>4</v>
      </c>
      <c r="FT27" s="71">
        <v>0</v>
      </c>
      <c r="FU27" s="72">
        <v>10</v>
      </c>
      <c r="FV27" s="73">
        <v>13</v>
      </c>
      <c r="FW27" s="70">
        <v>0</v>
      </c>
      <c r="FX27" s="71">
        <v>0</v>
      </c>
      <c r="FY27" s="72">
        <v>0</v>
      </c>
      <c r="FZ27" s="244"/>
      <c r="GA27" s="71">
        <v>0</v>
      </c>
      <c r="GB27" s="71">
        <v>0</v>
      </c>
      <c r="GC27" s="71">
        <v>0</v>
      </c>
      <c r="GD27" s="71">
        <v>0</v>
      </c>
      <c r="GE27" s="71">
        <v>0</v>
      </c>
      <c r="GF27" s="72">
        <v>0</v>
      </c>
      <c r="GG27" s="73">
        <v>0</v>
      </c>
      <c r="GH27" s="70">
        <v>10</v>
      </c>
      <c r="GI27" s="71">
        <v>6</v>
      </c>
      <c r="GJ27" s="72">
        <v>16</v>
      </c>
      <c r="GK27" s="244"/>
      <c r="GL27" s="71">
        <v>10</v>
      </c>
      <c r="GM27" s="71">
        <v>7</v>
      </c>
      <c r="GN27" s="71">
        <v>5</v>
      </c>
      <c r="GO27" s="71">
        <v>6</v>
      </c>
      <c r="GP27" s="71">
        <v>4</v>
      </c>
      <c r="GQ27" s="72">
        <v>32</v>
      </c>
      <c r="GR27" s="73">
        <v>48</v>
      </c>
      <c r="GS27" s="123">
        <v>28</v>
      </c>
      <c r="GT27" s="82">
        <v>23</v>
      </c>
      <c r="GU27" s="83">
        <v>51</v>
      </c>
      <c r="GV27" s="241"/>
      <c r="GW27" s="82">
        <v>38</v>
      </c>
      <c r="GX27" s="82">
        <v>26</v>
      </c>
      <c r="GY27" s="82">
        <v>23</v>
      </c>
      <c r="GZ27" s="82">
        <v>16</v>
      </c>
      <c r="HA27" s="82">
        <v>17</v>
      </c>
      <c r="HB27" s="84">
        <v>120</v>
      </c>
      <c r="HC27" s="85">
        <v>171</v>
      </c>
      <c r="HD27" s="70">
        <v>1</v>
      </c>
      <c r="HE27" s="71">
        <v>0</v>
      </c>
      <c r="HF27" s="72">
        <v>1</v>
      </c>
      <c r="HG27" s="244"/>
      <c r="HH27" s="71">
        <v>0</v>
      </c>
      <c r="HI27" s="71">
        <v>0</v>
      </c>
      <c r="HJ27" s="71">
        <v>0</v>
      </c>
      <c r="HK27" s="71">
        <v>0</v>
      </c>
      <c r="HL27" s="71">
        <v>0</v>
      </c>
      <c r="HM27" s="72">
        <v>0</v>
      </c>
      <c r="HN27" s="73">
        <v>1</v>
      </c>
      <c r="HO27" s="70">
        <v>1</v>
      </c>
      <c r="HP27" s="71">
        <v>1</v>
      </c>
      <c r="HQ27" s="72">
        <v>2</v>
      </c>
      <c r="HR27" s="244"/>
      <c r="HS27" s="71">
        <v>3</v>
      </c>
      <c r="HT27" s="71">
        <v>2</v>
      </c>
      <c r="HU27" s="71">
        <v>1</v>
      </c>
      <c r="HV27" s="71">
        <v>0</v>
      </c>
      <c r="HW27" s="71">
        <v>1</v>
      </c>
      <c r="HX27" s="72">
        <v>7</v>
      </c>
      <c r="HY27" s="73">
        <v>9</v>
      </c>
      <c r="HZ27" s="70">
        <v>4</v>
      </c>
      <c r="IA27" s="71">
        <v>3</v>
      </c>
      <c r="IB27" s="72">
        <v>7</v>
      </c>
      <c r="IC27" s="244"/>
      <c r="ID27" s="71">
        <v>4</v>
      </c>
      <c r="IE27" s="71">
        <v>3</v>
      </c>
      <c r="IF27" s="71">
        <v>2</v>
      </c>
      <c r="IG27" s="71">
        <v>1</v>
      </c>
      <c r="IH27" s="71">
        <v>2</v>
      </c>
      <c r="II27" s="72">
        <v>12</v>
      </c>
      <c r="IJ27" s="73">
        <v>19</v>
      </c>
      <c r="IK27" s="70">
        <v>7</v>
      </c>
      <c r="IL27" s="71">
        <v>7</v>
      </c>
      <c r="IM27" s="72">
        <v>14</v>
      </c>
      <c r="IN27" s="244"/>
      <c r="IO27" s="71">
        <v>12</v>
      </c>
      <c r="IP27" s="71">
        <v>5</v>
      </c>
      <c r="IQ27" s="71">
        <v>8</v>
      </c>
      <c r="IR27" s="71">
        <v>1</v>
      </c>
      <c r="IS27" s="71">
        <v>4</v>
      </c>
      <c r="IT27" s="72">
        <v>30</v>
      </c>
      <c r="IU27" s="73">
        <v>44</v>
      </c>
      <c r="IV27" s="70">
        <v>10</v>
      </c>
      <c r="IW27" s="71">
        <v>8</v>
      </c>
      <c r="IX27" s="72">
        <v>18</v>
      </c>
      <c r="IY27" s="244"/>
      <c r="IZ27" s="71">
        <v>10</v>
      </c>
      <c r="JA27" s="71">
        <v>7</v>
      </c>
      <c r="JB27" s="71">
        <v>7</v>
      </c>
      <c r="JC27" s="71">
        <v>5</v>
      </c>
      <c r="JD27" s="71">
        <v>6</v>
      </c>
      <c r="JE27" s="72">
        <v>35</v>
      </c>
      <c r="JF27" s="73">
        <v>53</v>
      </c>
      <c r="JG27" s="70">
        <v>5</v>
      </c>
      <c r="JH27" s="71">
        <v>4</v>
      </c>
      <c r="JI27" s="72">
        <v>9</v>
      </c>
      <c r="JJ27" s="244"/>
      <c r="JK27" s="71">
        <v>9</v>
      </c>
      <c r="JL27" s="71">
        <v>9</v>
      </c>
      <c r="JM27" s="71">
        <v>5</v>
      </c>
      <c r="JN27" s="71">
        <v>9</v>
      </c>
      <c r="JO27" s="71">
        <v>4</v>
      </c>
      <c r="JP27" s="72">
        <v>36</v>
      </c>
      <c r="JQ27" s="73">
        <v>45</v>
      </c>
      <c r="JR27" s="70">
        <v>0</v>
      </c>
      <c r="JS27" s="71">
        <v>0</v>
      </c>
      <c r="JT27" s="72">
        <v>0</v>
      </c>
      <c r="JU27" s="244"/>
      <c r="JV27" s="71">
        <v>0</v>
      </c>
      <c r="JW27" s="71">
        <v>0</v>
      </c>
      <c r="JX27" s="71">
        <v>0</v>
      </c>
      <c r="JY27" s="71">
        <v>0</v>
      </c>
      <c r="JZ27" s="71">
        <v>0</v>
      </c>
      <c r="KA27" s="72">
        <v>0</v>
      </c>
      <c r="KB27" s="73">
        <v>0</v>
      </c>
      <c r="KC27" s="70">
        <v>28</v>
      </c>
      <c r="KD27" s="71">
        <v>23</v>
      </c>
      <c r="KE27" s="72">
        <v>51</v>
      </c>
      <c r="KF27" s="244"/>
      <c r="KG27" s="71">
        <v>38</v>
      </c>
      <c r="KH27" s="71">
        <v>26</v>
      </c>
      <c r="KI27" s="71">
        <v>23</v>
      </c>
      <c r="KJ27" s="71">
        <v>16</v>
      </c>
      <c r="KK27" s="71">
        <v>17</v>
      </c>
      <c r="KL27" s="72">
        <v>120</v>
      </c>
      <c r="KM27" s="73">
        <v>171</v>
      </c>
    </row>
    <row r="28" spans="2:299" ht="21" customHeight="1" x14ac:dyDescent="0.2">
      <c r="B28" s="126" t="s">
        <v>25</v>
      </c>
      <c r="C28" s="315">
        <v>7</v>
      </c>
      <c r="D28" s="82">
        <v>14</v>
      </c>
      <c r="E28" s="83">
        <v>21</v>
      </c>
      <c r="F28" s="241"/>
      <c r="G28" s="82">
        <v>10</v>
      </c>
      <c r="H28" s="82">
        <v>11</v>
      </c>
      <c r="I28" s="82">
        <v>6</v>
      </c>
      <c r="J28" s="82">
        <v>7</v>
      </c>
      <c r="K28" s="82">
        <v>4</v>
      </c>
      <c r="L28" s="84">
        <v>38</v>
      </c>
      <c r="M28" s="85">
        <v>59</v>
      </c>
      <c r="N28" s="70">
        <v>0</v>
      </c>
      <c r="O28" s="71">
        <v>1</v>
      </c>
      <c r="P28" s="72">
        <v>1</v>
      </c>
      <c r="Q28" s="244"/>
      <c r="R28" s="71">
        <v>0</v>
      </c>
      <c r="S28" s="71">
        <v>1</v>
      </c>
      <c r="T28" s="71">
        <v>0</v>
      </c>
      <c r="U28" s="71">
        <v>1</v>
      </c>
      <c r="V28" s="71">
        <v>0</v>
      </c>
      <c r="W28" s="72">
        <v>2</v>
      </c>
      <c r="X28" s="73">
        <v>3</v>
      </c>
      <c r="Y28" s="70">
        <v>1</v>
      </c>
      <c r="Z28" s="71">
        <v>1</v>
      </c>
      <c r="AA28" s="72">
        <v>2</v>
      </c>
      <c r="AB28" s="244"/>
      <c r="AC28" s="71">
        <v>1</v>
      </c>
      <c r="AD28" s="71">
        <v>2</v>
      </c>
      <c r="AE28" s="71">
        <v>0</v>
      </c>
      <c r="AF28" s="71">
        <v>1</v>
      </c>
      <c r="AG28" s="71">
        <v>1</v>
      </c>
      <c r="AH28" s="72">
        <v>5</v>
      </c>
      <c r="AI28" s="73">
        <v>7</v>
      </c>
      <c r="AJ28" s="70">
        <v>2</v>
      </c>
      <c r="AK28" s="71">
        <v>0</v>
      </c>
      <c r="AL28" s="72">
        <v>2</v>
      </c>
      <c r="AM28" s="244"/>
      <c r="AN28" s="71">
        <v>2</v>
      </c>
      <c r="AO28" s="71">
        <v>1</v>
      </c>
      <c r="AP28" s="71">
        <v>0</v>
      </c>
      <c r="AQ28" s="71">
        <v>1</v>
      </c>
      <c r="AR28" s="71">
        <v>0</v>
      </c>
      <c r="AS28" s="72">
        <v>4</v>
      </c>
      <c r="AT28" s="73">
        <v>6</v>
      </c>
      <c r="AU28" s="70">
        <v>3</v>
      </c>
      <c r="AV28" s="71">
        <v>7</v>
      </c>
      <c r="AW28" s="72">
        <v>10</v>
      </c>
      <c r="AX28" s="244"/>
      <c r="AY28" s="71">
        <v>3</v>
      </c>
      <c r="AZ28" s="71">
        <v>1</v>
      </c>
      <c r="BA28" s="71">
        <v>2</v>
      </c>
      <c r="BB28" s="71">
        <v>0</v>
      </c>
      <c r="BC28" s="71">
        <v>0</v>
      </c>
      <c r="BD28" s="72">
        <v>6</v>
      </c>
      <c r="BE28" s="73">
        <v>16</v>
      </c>
      <c r="BF28" s="70">
        <v>1</v>
      </c>
      <c r="BG28" s="71">
        <v>2</v>
      </c>
      <c r="BH28" s="72">
        <v>3</v>
      </c>
      <c r="BI28" s="244"/>
      <c r="BJ28" s="71">
        <v>1</v>
      </c>
      <c r="BK28" s="71">
        <v>2</v>
      </c>
      <c r="BL28" s="71">
        <v>3</v>
      </c>
      <c r="BM28" s="71">
        <v>2</v>
      </c>
      <c r="BN28" s="71">
        <v>3</v>
      </c>
      <c r="BO28" s="72">
        <v>11</v>
      </c>
      <c r="BP28" s="73">
        <v>14</v>
      </c>
      <c r="BQ28" s="70">
        <v>0</v>
      </c>
      <c r="BR28" s="71">
        <v>3</v>
      </c>
      <c r="BS28" s="72">
        <v>3</v>
      </c>
      <c r="BT28" s="244"/>
      <c r="BU28" s="71">
        <v>3</v>
      </c>
      <c r="BV28" s="71">
        <v>4</v>
      </c>
      <c r="BW28" s="71">
        <v>1</v>
      </c>
      <c r="BX28" s="71">
        <v>2</v>
      </c>
      <c r="BY28" s="71">
        <v>0</v>
      </c>
      <c r="BZ28" s="72">
        <v>10</v>
      </c>
      <c r="CA28" s="73">
        <v>13</v>
      </c>
      <c r="CB28" s="70">
        <v>0</v>
      </c>
      <c r="CC28" s="71">
        <v>0</v>
      </c>
      <c r="CD28" s="72">
        <v>0</v>
      </c>
      <c r="CE28" s="244"/>
      <c r="CF28" s="71">
        <v>0</v>
      </c>
      <c r="CG28" s="71">
        <v>0</v>
      </c>
      <c r="CH28" s="71">
        <v>0</v>
      </c>
      <c r="CI28" s="71">
        <v>0</v>
      </c>
      <c r="CJ28" s="71">
        <v>0</v>
      </c>
      <c r="CK28" s="72">
        <v>0</v>
      </c>
      <c r="CL28" s="73">
        <v>0</v>
      </c>
      <c r="CM28" s="70">
        <v>7</v>
      </c>
      <c r="CN28" s="71">
        <v>14</v>
      </c>
      <c r="CO28" s="72">
        <v>21</v>
      </c>
      <c r="CP28" s="244"/>
      <c r="CQ28" s="71">
        <v>10</v>
      </c>
      <c r="CR28" s="71">
        <v>11</v>
      </c>
      <c r="CS28" s="71">
        <v>6</v>
      </c>
      <c r="CT28" s="71">
        <v>7</v>
      </c>
      <c r="CU28" s="71">
        <v>4</v>
      </c>
      <c r="CV28" s="72">
        <v>38</v>
      </c>
      <c r="CW28" s="73">
        <v>59</v>
      </c>
      <c r="CX28" s="123">
        <v>8</v>
      </c>
      <c r="CY28" s="82">
        <v>18</v>
      </c>
      <c r="CZ28" s="83">
        <v>26</v>
      </c>
      <c r="DA28" s="241"/>
      <c r="DB28" s="82">
        <v>8</v>
      </c>
      <c r="DC28" s="82">
        <v>5</v>
      </c>
      <c r="DD28" s="82">
        <v>4</v>
      </c>
      <c r="DE28" s="82">
        <v>5</v>
      </c>
      <c r="DF28" s="82">
        <v>4</v>
      </c>
      <c r="DG28" s="84">
        <v>26</v>
      </c>
      <c r="DH28" s="85">
        <v>52</v>
      </c>
      <c r="DI28" s="70">
        <v>0</v>
      </c>
      <c r="DJ28" s="71">
        <v>1</v>
      </c>
      <c r="DK28" s="72">
        <v>1</v>
      </c>
      <c r="DL28" s="244"/>
      <c r="DM28" s="71">
        <v>0</v>
      </c>
      <c r="DN28" s="71">
        <v>0</v>
      </c>
      <c r="DO28" s="71">
        <v>0</v>
      </c>
      <c r="DP28" s="71">
        <v>0</v>
      </c>
      <c r="DQ28" s="71">
        <v>0</v>
      </c>
      <c r="DR28" s="72">
        <v>0</v>
      </c>
      <c r="DS28" s="73">
        <v>1</v>
      </c>
      <c r="DT28" s="70">
        <v>2</v>
      </c>
      <c r="DU28" s="71">
        <v>1</v>
      </c>
      <c r="DV28" s="72">
        <v>3</v>
      </c>
      <c r="DW28" s="244"/>
      <c r="DX28" s="71">
        <v>0</v>
      </c>
      <c r="DY28" s="71">
        <v>0</v>
      </c>
      <c r="DZ28" s="71">
        <v>0</v>
      </c>
      <c r="EA28" s="71">
        <v>0</v>
      </c>
      <c r="EB28" s="71">
        <v>1</v>
      </c>
      <c r="EC28" s="72">
        <v>1</v>
      </c>
      <c r="ED28" s="73">
        <v>4</v>
      </c>
      <c r="EE28" s="70">
        <v>1</v>
      </c>
      <c r="EF28" s="71">
        <v>3</v>
      </c>
      <c r="EG28" s="72">
        <v>4</v>
      </c>
      <c r="EH28" s="244"/>
      <c r="EI28" s="71">
        <v>0</v>
      </c>
      <c r="EJ28" s="71">
        <v>0</v>
      </c>
      <c r="EK28" s="71">
        <v>0</v>
      </c>
      <c r="EL28" s="71">
        <v>0</v>
      </c>
      <c r="EM28" s="71">
        <v>0</v>
      </c>
      <c r="EN28" s="72">
        <v>0</v>
      </c>
      <c r="EO28" s="73">
        <v>4</v>
      </c>
      <c r="EP28" s="70">
        <v>2</v>
      </c>
      <c r="EQ28" s="71">
        <v>3</v>
      </c>
      <c r="ER28" s="72">
        <v>5</v>
      </c>
      <c r="ES28" s="244"/>
      <c r="ET28" s="71">
        <v>2</v>
      </c>
      <c r="EU28" s="71">
        <v>0</v>
      </c>
      <c r="EV28" s="71">
        <v>0</v>
      </c>
      <c r="EW28" s="71">
        <v>0</v>
      </c>
      <c r="EX28" s="71">
        <v>0</v>
      </c>
      <c r="EY28" s="72">
        <v>2</v>
      </c>
      <c r="EZ28" s="73">
        <v>7</v>
      </c>
      <c r="FA28" s="70">
        <v>1</v>
      </c>
      <c r="FB28" s="71">
        <v>4</v>
      </c>
      <c r="FC28" s="72">
        <v>5</v>
      </c>
      <c r="FD28" s="244"/>
      <c r="FE28" s="71">
        <v>3</v>
      </c>
      <c r="FF28" s="71">
        <v>2</v>
      </c>
      <c r="FG28" s="71">
        <v>1</v>
      </c>
      <c r="FH28" s="71">
        <v>2</v>
      </c>
      <c r="FI28" s="71">
        <v>0</v>
      </c>
      <c r="FJ28" s="72">
        <v>8</v>
      </c>
      <c r="FK28" s="73">
        <v>13</v>
      </c>
      <c r="FL28" s="70">
        <v>2</v>
      </c>
      <c r="FM28" s="71">
        <v>6</v>
      </c>
      <c r="FN28" s="72">
        <v>8</v>
      </c>
      <c r="FO28" s="244"/>
      <c r="FP28" s="71">
        <v>3</v>
      </c>
      <c r="FQ28" s="71">
        <v>3</v>
      </c>
      <c r="FR28" s="71">
        <v>3</v>
      </c>
      <c r="FS28" s="71">
        <v>3</v>
      </c>
      <c r="FT28" s="71">
        <v>3</v>
      </c>
      <c r="FU28" s="72">
        <v>15</v>
      </c>
      <c r="FV28" s="73">
        <v>23</v>
      </c>
      <c r="FW28" s="70">
        <v>0</v>
      </c>
      <c r="FX28" s="71">
        <v>0</v>
      </c>
      <c r="FY28" s="72">
        <v>0</v>
      </c>
      <c r="FZ28" s="244"/>
      <c r="GA28" s="71">
        <v>0</v>
      </c>
      <c r="GB28" s="71">
        <v>0</v>
      </c>
      <c r="GC28" s="71">
        <v>0</v>
      </c>
      <c r="GD28" s="71">
        <v>0</v>
      </c>
      <c r="GE28" s="71">
        <v>0</v>
      </c>
      <c r="GF28" s="72">
        <v>0</v>
      </c>
      <c r="GG28" s="73">
        <v>0</v>
      </c>
      <c r="GH28" s="70">
        <v>8</v>
      </c>
      <c r="GI28" s="71">
        <v>18</v>
      </c>
      <c r="GJ28" s="72">
        <v>26</v>
      </c>
      <c r="GK28" s="244"/>
      <c r="GL28" s="71">
        <v>8</v>
      </c>
      <c r="GM28" s="71">
        <v>5</v>
      </c>
      <c r="GN28" s="71">
        <v>4</v>
      </c>
      <c r="GO28" s="71">
        <v>5</v>
      </c>
      <c r="GP28" s="71">
        <v>4</v>
      </c>
      <c r="GQ28" s="72">
        <v>26</v>
      </c>
      <c r="GR28" s="73">
        <v>52</v>
      </c>
      <c r="GS28" s="123">
        <v>15</v>
      </c>
      <c r="GT28" s="82">
        <v>32</v>
      </c>
      <c r="GU28" s="83">
        <v>47</v>
      </c>
      <c r="GV28" s="241"/>
      <c r="GW28" s="82">
        <v>18</v>
      </c>
      <c r="GX28" s="82">
        <v>16</v>
      </c>
      <c r="GY28" s="82">
        <v>10</v>
      </c>
      <c r="GZ28" s="82">
        <v>12</v>
      </c>
      <c r="HA28" s="82">
        <v>8</v>
      </c>
      <c r="HB28" s="84">
        <v>64</v>
      </c>
      <c r="HC28" s="85">
        <v>111</v>
      </c>
      <c r="HD28" s="70">
        <v>0</v>
      </c>
      <c r="HE28" s="71">
        <v>2</v>
      </c>
      <c r="HF28" s="72">
        <v>2</v>
      </c>
      <c r="HG28" s="244"/>
      <c r="HH28" s="71">
        <v>0</v>
      </c>
      <c r="HI28" s="71">
        <v>1</v>
      </c>
      <c r="HJ28" s="71">
        <v>0</v>
      </c>
      <c r="HK28" s="71">
        <v>1</v>
      </c>
      <c r="HL28" s="71">
        <v>0</v>
      </c>
      <c r="HM28" s="72">
        <v>2</v>
      </c>
      <c r="HN28" s="73">
        <v>4</v>
      </c>
      <c r="HO28" s="70">
        <v>3</v>
      </c>
      <c r="HP28" s="71">
        <v>2</v>
      </c>
      <c r="HQ28" s="72">
        <v>5</v>
      </c>
      <c r="HR28" s="244"/>
      <c r="HS28" s="71">
        <v>1</v>
      </c>
      <c r="HT28" s="71">
        <v>2</v>
      </c>
      <c r="HU28" s="71">
        <v>0</v>
      </c>
      <c r="HV28" s="71">
        <v>1</v>
      </c>
      <c r="HW28" s="71">
        <v>2</v>
      </c>
      <c r="HX28" s="72">
        <v>6</v>
      </c>
      <c r="HY28" s="73">
        <v>11</v>
      </c>
      <c r="HZ28" s="70">
        <v>3</v>
      </c>
      <c r="IA28" s="71">
        <v>3</v>
      </c>
      <c r="IB28" s="72">
        <v>6</v>
      </c>
      <c r="IC28" s="244"/>
      <c r="ID28" s="71">
        <v>2</v>
      </c>
      <c r="IE28" s="71">
        <v>1</v>
      </c>
      <c r="IF28" s="71">
        <v>0</v>
      </c>
      <c r="IG28" s="71">
        <v>1</v>
      </c>
      <c r="IH28" s="71">
        <v>0</v>
      </c>
      <c r="II28" s="72">
        <v>4</v>
      </c>
      <c r="IJ28" s="73">
        <v>10</v>
      </c>
      <c r="IK28" s="70">
        <v>5</v>
      </c>
      <c r="IL28" s="71">
        <v>10</v>
      </c>
      <c r="IM28" s="72">
        <v>15</v>
      </c>
      <c r="IN28" s="244"/>
      <c r="IO28" s="71">
        <v>5</v>
      </c>
      <c r="IP28" s="71">
        <v>1</v>
      </c>
      <c r="IQ28" s="71">
        <v>2</v>
      </c>
      <c r="IR28" s="71">
        <v>0</v>
      </c>
      <c r="IS28" s="71">
        <v>0</v>
      </c>
      <c r="IT28" s="72">
        <v>8</v>
      </c>
      <c r="IU28" s="73">
        <v>23</v>
      </c>
      <c r="IV28" s="70">
        <v>2</v>
      </c>
      <c r="IW28" s="71">
        <v>6</v>
      </c>
      <c r="IX28" s="72">
        <v>8</v>
      </c>
      <c r="IY28" s="244"/>
      <c r="IZ28" s="71">
        <v>4</v>
      </c>
      <c r="JA28" s="71">
        <v>4</v>
      </c>
      <c r="JB28" s="71">
        <v>4</v>
      </c>
      <c r="JC28" s="71">
        <v>4</v>
      </c>
      <c r="JD28" s="71">
        <v>3</v>
      </c>
      <c r="JE28" s="72">
        <v>19</v>
      </c>
      <c r="JF28" s="73">
        <v>27</v>
      </c>
      <c r="JG28" s="70">
        <v>2</v>
      </c>
      <c r="JH28" s="71">
        <v>9</v>
      </c>
      <c r="JI28" s="72">
        <v>11</v>
      </c>
      <c r="JJ28" s="244"/>
      <c r="JK28" s="71">
        <v>6</v>
      </c>
      <c r="JL28" s="71">
        <v>7</v>
      </c>
      <c r="JM28" s="71">
        <v>4</v>
      </c>
      <c r="JN28" s="71">
        <v>5</v>
      </c>
      <c r="JO28" s="71">
        <v>3</v>
      </c>
      <c r="JP28" s="72">
        <v>25</v>
      </c>
      <c r="JQ28" s="73">
        <v>36</v>
      </c>
      <c r="JR28" s="70">
        <v>0</v>
      </c>
      <c r="JS28" s="71">
        <v>0</v>
      </c>
      <c r="JT28" s="72">
        <v>0</v>
      </c>
      <c r="JU28" s="244"/>
      <c r="JV28" s="71">
        <v>0</v>
      </c>
      <c r="JW28" s="71">
        <v>0</v>
      </c>
      <c r="JX28" s="71">
        <v>0</v>
      </c>
      <c r="JY28" s="71">
        <v>0</v>
      </c>
      <c r="JZ28" s="71">
        <v>0</v>
      </c>
      <c r="KA28" s="72">
        <v>0</v>
      </c>
      <c r="KB28" s="73">
        <v>0</v>
      </c>
      <c r="KC28" s="70">
        <v>15</v>
      </c>
      <c r="KD28" s="71">
        <v>32</v>
      </c>
      <c r="KE28" s="72">
        <v>47</v>
      </c>
      <c r="KF28" s="244"/>
      <c r="KG28" s="71">
        <v>18</v>
      </c>
      <c r="KH28" s="71">
        <v>16</v>
      </c>
      <c r="KI28" s="71">
        <v>10</v>
      </c>
      <c r="KJ28" s="71">
        <v>12</v>
      </c>
      <c r="KK28" s="71">
        <v>8</v>
      </c>
      <c r="KL28" s="72">
        <v>64</v>
      </c>
      <c r="KM28" s="73">
        <v>111</v>
      </c>
    </row>
    <row r="29" spans="2:299" ht="21" customHeight="1" x14ac:dyDescent="0.2">
      <c r="B29" s="126" t="s">
        <v>26</v>
      </c>
      <c r="C29" s="315">
        <v>13</v>
      </c>
      <c r="D29" s="82">
        <v>10</v>
      </c>
      <c r="E29" s="83">
        <v>23</v>
      </c>
      <c r="F29" s="241"/>
      <c r="G29" s="82">
        <v>19</v>
      </c>
      <c r="H29" s="82">
        <v>19</v>
      </c>
      <c r="I29" s="82">
        <v>8</v>
      </c>
      <c r="J29" s="82">
        <v>8</v>
      </c>
      <c r="K29" s="82">
        <v>2</v>
      </c>
      <c r="L29" s="84">
        <v>56</v>
      </c>
      <c r="M29" s="85">
        <v>79</v>
      </c>
      <c r="N29" s="70">
        <v>2</v>
      </c>
      <c r="O29" s="71">
        <v>0</v>
      </c>
      <c r="P29" s="72">
        <v>2</v>
      </c>
      <c r="Q29" s="244"/>
      <c r="R29" s="71">
        <v>1</v>
      </c>
      <c r="S29" s="71">
        <v>1</v>
      </c>
      <c r="T29" s="71">
        <v>0</v>
      </c>
      <c r="U29" s="71">
        <v>0</v>
      </c>
      <c r="V29" s="71">
        <v>0</v>
      </c>
      <c r="W29" s="72">
        <v>2</v>
      </c>
      <c r="X29" s="73">
        <v>4</v>
      </c>
      <c r="Y29" s="70">
        <v>1</v>
      </c>
      <c r="Z29" s="71">
        <v>0</v>
      </c>
      <c r="AA29" s="72">
        <v>1</v>
      </c>
      <c r="AB29" s="244"/>
      <c r="AC29" s="71">
        <v>0</v>
      </c>
      <c r="AD29" s="71">
        <v>3</v>
      </c>
      <c r="AE29" s="71">
        <v>1</v>
      </c>
      <c r="AF29" s="71">
        <v>0</v>
      </c>
      <c r="AG29" s="71">
        <v>0</v>
      </c>
      <c r="AH29" s="72">
        <v>4</v>
      </c>
      <c r="AI29" s="73">
        <v>5</v>
      </c>
      <c r="AJ29" s="70">
        <v>1</v>
      </c>
      <c r="AK29" s="71">
        <v>1</v>
      </c>
      <c r="AL29" s="72">
        <v>2</v>
      </c>
      <c r="AM29" s="244"/>
      <c r="AN29" s="71">
        <v>2</v>
      </c>
      <c r="AO29" s="71">
        <v>3</v>
      </c>
      <c r="AP29" s="71">
        <v>1</v>
      </c>
      <c r="AQ29" s="71">
        <v>2</v>
      </c>
      <c r="AR29" s="71">
        <v>0</v>
      </c>
      <c r="AS29" s="72">
        <v>8</v>
      </c>
      <c r="AT29" s="73">
        <v>10</v>
      </c>
      <c r="AU29" s="70">
        <v>1</v>
      </c>
      <c r="AV29" s="71">
        <v>2</v>
      </c>
      <c r="AW29" s="72">
        <v>3</v>
      </c>
      <c r="AX29" s="244"/>
      <c r="AY29" s="71">
        <v>5</v>
      </c>
      <c r="AZ29" s="71">
        <v>2</v>
      </c>
      <c r="BA29" s="71">
        <v>1</v>
      </c>
      <c r="BB29" s="71">
        <v>1</v>
      </c>
      <c r="BC29" s="71">
        <v>0</v>
      </c>
      <c r="BD29" s="72">
        <v>9</v>
      </c>
      <c r="BE29" s="73">
        <v>12</v>
      </c>
      <c r="BF29" s="70">
        <v>5</v>
      </c>
      <c r="BG29" s="71">
        <v>4</v>
      </c>
      <c r="BH29" s="72">
        <v>9</v>
      </c>
      <c r="BI29" s="244"/>
      <c r="BJ29" s="71">
        <v>3</v>
      </c>
      <c r="BK29" s="71">
        <v>6</v>
      </c>
      <c r="BL29" s="71">
        <v>2</v>
      </c>
      <c r="BM29" s="71">
        <v>3</v>
      </c>
      <c r="BN29" s="71">
        <v>2</v>
      </c>
      <c r="BO29" s="72">
        <v>16</v>
      </c>
      <c r="BP29" s="73">
        <v>25</v>
      </c>
      <c r="BQ29" s="70">
        <v>3</v>
      </c>
      <c r="BR29" s="71">
        <v>3</v>
      </c>
      <c r="BS29" s="72">
        <v>6</v>
      </c>
      <c r="BT29" s="244"/>
      <c r="BU29" s="71">
        <v>8</v>
      </c>
      <c r="BV29" s="71">
        <v>4</v>
      </c>
      <c r="BW29" s="71">
        <v>3</v>
      </c>
      <c r="BX29" s="71">
        <v>2</v>
      </c>
      <c r="BY29" s="71">
        <v>0</v>
      </c>
      <c r="BZ29" s="72">
        <v>17</v>
      </c>
      <c r="CA29" s="73">
        <v>23</v>
      </c>
      <c r="CB29" s="70">
        <v>0</v>
      </c>
      <c r="CC29" s="71">
        <v>0</v>
      </c>
      <c r="CD29" s="72">
        <v>0</v>
      </c>
      <c r="CE29" s="244"/>
      <c r="CF29" s="71">
        <v>0</v>
      </c>
      <c r="CG29" s="71">
        <v>0</v>
      </c>
      <c r="CH29" s="71">
        <v>0</v>
      </c>
      <c r="CI29" s="71">
        <v>0</v>
      </c>
      <c r="CJ29" s="71">
        <v>0</v>
      </c>
      <c r="CK29" s="72">
        <v>0</v>
      </c>
      <c r="CL29" s="73">
        <v>0</v>
      </c>
      <c r="CM29" s="70">
        <v>13</v>
      </c>
      <c r="CN29" s="71">
        <v>10</v>
      </c>
      <c r="CO29" s="72">
        <v>23</v>
      </c>
      <c r="CP29" s="244"/>
      <c r="CQ29" s="71">
        <v>19</v>
      </c>
      <c r="CR29" s="71">
        <v>19</v>
      </c>
      <c r="CS29" s="71">
        <v>8</v>
      </c>
      <c r="CT29" s="71">
        <v>8</v>
      </c>
      <c r="CU29" s="71">
        <v>2</v>
      </c>
      <c r="CV29" s="72">
        <v>56</v>
      </c>
      <c r="CW29" s="73">
        <v>79</v>
      </c>
      <c r="CX29" s="123">
        <v>6</v>
      </c>
      <c r="CY29" s="82">
        <v>7</v>
      </c>
      <c r="CZ29" s="83">
        <v>13</v>
      </c>
      <c r="DA29" s="241"/>
      <c r="DB29" s="82">
        <v>8</v>
      </c>
      <c r="DC29" s="82">
        <v>2</v>
      </c>
      <c r="DD29" s="82">
        <v>1</v>
      </c>
      <c r="DE29" s="82">
        <v>2</v>
      </c>
      <c r="DF29" s="82">
        <v>2</v>
      </c>
      <c r="DG29" s="84">
        <v>15</v>
      </c>
      <c r="DH29" s="85">
        <v>28</v>
      </c>
      <c r="DI29" s="70">
        <v>0</v>
      </c>
      <c r="DJ29" s="71">
        <v>0</v>
      </c>
      <c r="DK29" s="72">
        <v>0</v>
      </c>
      <c r="DL29" s="244"/>
      <c r="DM29" s="71">
        <v>0</v>
      </c>
      <c r="DN29" s="71">
        <v>0</v>
      </c>
      <c r="DO29" s="71">
        <v>0</v>
      </c>
      <c r="DP29" s="71">
        <v>0</v>
      </c>
      <c r="DQ29" s="71">
        <v>0</v>
      </c>
      <c r="DR29" s="72">
        <v>0</v>
      </c>
      <c r="DS29" s="73">
        <v>0</v>
      </c>
      <c r="DT29" s="70">
        <v>1</v>
      </c>
      <c r="DU29" s="71">
        <v>0</v>
      </c>
      <c r="DV29" s="72">
        <v>1</v>
      </c>
      <c r="DW29" s="244"/>
      <c r="DX29" s="71">
        <v>0</v>
      </c>
      <c r="DY29" s="71">
        <v>0</v>
      </c>
      <c r="DZ29" s="71">
        <v>0</v>
      </c>
      <c r="EA29" s="71">
        <v>0</v>
      </c>
      <c r="EB29" s="71">
        <v>0</v>
      </c>
      <c r="EC29" s="72">
        <v>0</v>
      </c>
      <c r="ED29" s="73">
        <v>1</v>
      </c>
      <c r="EE29" s="70">
        <v>1</v>
      </c>
      <c r="EF29" s="71">
        <v>1</v>
      </c>
      <c r="EG29" s="72">
        <v>2</v>
      </c>
      <c r="EH29" s="244"/>
      <c r="EI29" s="71">
        <v>1</v>
      </c>
      <c r="EJ29" s="71">
        <v>0</v>
      </c>
      <c r="EK29" s="71">
        <v>0</v>
      </c>
      <c r="EL29" s="71">
        <v>0</v>
      </c>
      <c r="EM29" s="71">
        <v>0</v>
      </c>
      <c r="EN29" s="72">
        <v>1</v>
      </c>
      <c r="EO29" s="73">
        <v>3</v>
      </c>
      <c r="EP29" s="70">
        <v>0</v>
      </c>
      <c r="EQ29" s="71">
        <v>0</v>
      </c>
      <c r="ER29" s="72">
        <v>0</v>
      </c>
      <c r="ES29" s="244"/>
      <c r="ET29" s="71">
        <v>0</v>
      </c>
      <c r="EU29" s="71">
        <v>0</v>
      </c>
      <c r="EV29" s="71">
        <v>0</v>
      </c>
      <c r="EW29" s="71">
        <v>0</v>
      </c>
      <c r="EX29" s="71">
        <v>0</v>
      </c>
      <c r="EY29" s="72">
        <v>0</v>
      </c>
      <c r="EZ29" s="73">
        <v>0</v>
      </c>
      <c r="FA29" s="70">
        <v>2</v>
      </c>
      <c r="FB29" s="71">
        <v>3</v>
      </c>
      <c r="FC29" s="72">
        <v>5</v>
      </c>
      <c r="FD29" s="244"/>
      <c r="FE29" s="71">
        <v>2</v>
      </c>
      <c r="FF29" s="71">
        <v>2</v>
      </c>
      <c r="FG29" s="71">
        <v>0</v>
      </c>
      <c r="FH29" s="71">
        <v>0</v>
      </c>
      <c r="FI29" s="71">
        <v>1</v>
      </c>
      <c r="FJ29" s="72">
        <v>5</v>
      </c>
      <c r="FK29" s="73">
        <v>10</v>
      </c>
      <c r="FL29" s="70">
        <v>2</v>
      </c>
      <c r="FM29" s="71">
        <v>3</v>
      </c>
      <c r="FN29" s="72">
        <v>5</v>
      </c>
      <c r="FO29" s="244"/>
      <c r="FP29" s="71">
        <v>5</v>
      </c>
      <c r="FQ29" s="71">
        <v>0</v>
      </c>
      <c r="FR29" s="71">
        <v>1</v>
      </c>
      <c r="FS29" s="71">
        <v>2</v>
      </c>
      <c r="FT29" s="71">
        <v>1</v>
      </c>
      <c r="FU29" s="72">
        <v>9</v>
      </c>
      <c r="FV29" s="73">
        <v>14</v>
      </c>
      <c r="FW29" s="70">
        <v>0</v>
      </c>
      <c r="FX29" s="71">
        <v>0</v>
      </c>
      <c r="FY29" s="72">
        <v>0</v>
      </c>
      <c r="FZ29" s="244"/>
      <c r="GA29" s="71">
        <v>0</v>
      </c>
      <c r="GB29" s="71">
        <v>0</v>
      </c>
      <c r="GC29" s="71">
        <v>0</v>
      </c>
      <c r="GD29" s="71">
        <v>0</v>
      </c>
      <c r="GE29" s="71">
        <v>0</v>
      </c>
      <c r="GF29" s="72">
        <v>0</v>
      </c>
      <c r="GG29" s="73">
        <v>0</v>
      </c>
      <c r="GH29" s="70">
        <v>6</v>
      </c>
      <c r="GI29" s="71">
        <v>7</v>
      </c>
      <c r="GJ29" s="72">
        <v>13</v>
      </c>
      <c r="GK29" s="244"/>
      <c r="GL29" s="71">
        <v>8</v>
      </c>
      <c r="GM29" s="71">
        <v>2</v>
      </c>
      <c r="GN29" s="71">
        <v>1</v>
      </c>
      <c r="GO29" s="71">
        <v>2</v>
      </c>
      <c r="GP29" s="71">
        <v>2</v>
      </c>
      <c r="GQ29" s="72">
        <v>15</v>
      </c>
      <c r="GR29" s="73">
        <v>28</v>
      </c>
      <c r="GS29" s="123">
        <v>19</v>
      </c>
      <c r="GT29" s="82">
        <v>17</v>
      </c>
      <c r="GU29" s="83">
        <v>36</v>
      </c>
      <c r="GV29" s="241"/>
      <c r="GW29" s="82">
        <v>27</v>
      </c>
      <c r="GX29" s="82">
        <v>21</v>
      </c>
      <c r="GY29" s="82">
        <v>9</v>
      </c>
      <c r="GZ29" s="82">
        <v>10</v>
      </c>
      <c r="HA29" s="82">
        <v>4</v>
      </c>
      <c r="HB29" s="84">
        <v>71</v>
      </c>
      <c r="HC29" s="85">
        <v>107</v>
      </c>
      <c r="HD29" s="70">
        <v>2</v>
      </c>
      <c r="HE29" s="71">
        <v>0</v>
      </c>
      <c r="HF29" s="72">
        <v>2</v>
      </c>
      <c r="HG29" s="244"/>
      <c r="HH29" s="71">
        <v>1</v>
      </c>
      <c r="HI29" s="71">
        <v>1</v>
      </c>
      <c r="HJ29" s="71">
        <v>0</v>
      </c>
      <c r="HK29" s="71">
        <v>0</v>
      </c>
      <c r="HL29" s="71">
        <v>0</v>
      </c>
      <c r="HM29" s="72">
        <v>2</v>
      </c>
      <c r="HN29" s="73">
        <v>4</v>
      </c>
      <c r="HO29" s="70">
        <v>2</v>
      </c>
      <c r="HP29" s="71">
        <v>0</v>
      </c>
      <c r="HQ29" s="72">
        <v>2</v>
      </c>
      <c r="HR29" s="244"/>
      <c r="HS29" s="71">
        <v>0</v>
      </c>
      <c r="HT29" s="71">
        <v>3</v>
      </c>
      <c r="HU29" s="71">
        <v>1</v>
      </c>
      <c r="HV29" s="71">
        <v>0</v>
      </c>
      <c r="HW29" s="71">
        <v>0</v>
      </c>
      <c r="HX29" s="72">
        <v>4</v>
      </c>
      <c r="HY29" s="73">
        <v>6</v>
      </c>
      <c r="HZ29" s="70">
        <v>2</v>
      </c>
      <c r="IA29" s="71">
        <v>2</v>
      </c>
      <c r="IB29" s="72">
        <v>4</v>
      </c>
      <c r="IC29" s="244"/>
      <c r="ID29" s="71">
        <v>3</v>
      </c>
      <c r="IE29" s="71">
        <v>3</v>
      </c>
      <c r="IF29" s="71">
        <v>1</v>
      </c>
      <c r="IG29" s="71">
        <v>2</v>
      </c>
      <c r="IH29" s="71">
        <v>0</v>
      </c>
      <c r="II29" s="72">
        <v>9</v>
      </c>
      <c r="IJ29" s="73">
        <v>13</v>
      </c>
      <c r="IK29" s="70">
        <v>1</v>
      </c>
      <c r="IL29" s="71">
        <v>2</v>
      </c>
      <c r="IM29" s="72">
        <v>3</v>
      </c>
      <c r="IN29" s="244"/>
      <c r="IO29" s="71">
        <v>5</v>
      </c>
      <c r="IP29" s="71">
        <v>2</v>
      </c>
      <c r="IQ29" s="71">
        <v>1</v>
      </c>
      <c r="IR29" s="71">
        <v>1</v>
      </c>
      <c r="IS29" s="71">
        <v>0</v>
      </c>
      <c r="IT29" s="72">
        <v>9</v>
      </c>
      <c r="IU29" s="73">
        <v>12</v>
      </c>
      <c r="IV29" s="70">
        <v>7</v>
      </c>
      <c r="IW29" s="71">
        <v>7</v>
      </c>
      <c r="IX29" s="72">
        <v>14</v>
      </c>
      <c r="IY29" s="244"/>
      <c r="IZ29" s="71">
        <v>5</v>
      </c>
      <c r="JA29" s="71">
        <v>8</v>
      </c>
      <c r="JB29" s="71">
        <v>2</v>
      </c>
      <c r="JC29" s="71">
        <v>3</v>
      </c>
      <c r="JD29" s="71">
        <v>3</v>
      </c>
      <c r="JE29" s="72">
        <v>21</v>
      </c>
      <c r="JF29" s="73">
        <v>35</v>
      </c>
      <c r="JG29" s="70">
        <v>5</v>
      </c>
      <c r="JH29" s="71">
        <v>6</v>
      </c>
      <c r="JI29" s="72">
        <v>11</v>
      </c>
      <c r="JJ29" s="244"/>
      <c r="JK29" s="71">
        <v>13</v>
      </c>
      <c r="JL29" s="71">
        <v>4</v>
      </c>
      <c r="JM29" s="71">
        <v>4</v>
      </c>
      <c r="JN29" s="71">
        <v>4</v>
      </c>
      <c r="JO29" s="71">
        <v>1</v>
      </c>
      <c r="JP29" s="72">
        <v>26</v>
      </c>
      <c r="JQ29" s="73">
        <v>37</v>
      </c>
      <c r="JR29" s="70">
        <v>0</v>
      </c>
      <c r="JS29" s="71">
        <v>0</v>
      </c>
      <c r="JT29" s="72">
        <v>0</v>
      </c>
      <c r="JU29" s="244"/>
      <c r="JV29" s="71">
        <v>0</v>
      </c>
      <c r="JW29" s="71">
        <v>0</v>
      </c>
      <c r="JX29" s="71">
        <v>0</v>
      </c>
      <c r="JY29" s="71">
        <v>0</v>
      </c>
      <c r="JZ29" s="71">
        <v>0</v>
      </c>
      <c r="KA29" s="72">
        <v>0</v>
      </c>
      <c r="KB29" s="73">
        <v>0</v>
      </c>
      <c r="KC29" s="70">
        <v>19</v>
      </c>
      <c r="KD29" s="71">
        <v>17</v>
      </c>
      <c r="KE29" s="72">
        <v>36</v>
      </c>
      <c r="KF29" s="244"/>
      <c r="KG29" s="71">
        <v>27</v>
      </c>
      <c r="KH29" s="71">
        <v>21</v>
      </c>
      <c r="KI29" s="71">
        <v>9</v>
      </c>
      <c r="KJ29" s="71">
        <v>10</v>
      </c>
      <c r="KK29" s="71">
        <v>4</v>
      </c>
      <c r="KL29" s="72">
        <v>71</v>
      </c>
      <c r="KM29" s="73">
        <v>107</v>
      </c>
    </row>
    <row r="30" spans="2:299" ht="21" customHeight="1" x14ac:dyDescent="0.2">
      <c r="B30" s="126" t="s">
        <v>27</v>
      </c>
      <c r="C30" s="315">
        <v>16</v>
      </c>
      <c r="D30" s="82">
        <v>16</v>
      </c>
      <c r="E30" s="83">
        <v>32</v>
      </c>
      <c r="F30" s="241"/>
      <c r="G30" s="82">
        <v>13</v>
      </c>
      <c r="H30" s="82">
        <v>12</v>
      </c>
      <c r="I30" s="82">
        <v>7</v>
      </c>
      <c r="J30" s="82">
        <v>6</v>
      </c>
      <c r="K30" s="82">
        <v>3</v>
      </c>
      <c r="L30" s="84">
        <v>41</v>
      </c>
      <c r="M30" s="85">
        <v>73</v>
      </c>
      <c r="N30" s="70">
        <v>2</v>
      </c>
      <c r="O30" s="71">
        <v>1</v>
      </c>
      <c r="P30" s="72">
        <v>3</v>
      </c>
      <c r="Q30" s="244"/>
      <c r="R30" s="71">
        <v>0</v>
      </c>
      <c r="S30" s="71">
        <v>0</v>
      </c>
      <c r="T30" s="71">
        <v>0</v>
      </c>
      <c r="U30" s="71">
        <v>1</v>
      </c>
      <c r="V30" s="71">
        <v>0</v>
      </c>
      <c r="W30" s="72">
        <v>1</v>
      </c>
      <c r="X30" s="73">
        <v>4</v>
      </c>
      <c r="Y30" s="70">
        <v>0</v>
      </c>
      <c r="Z30" s="71">
        <v>0</v>
      </c>
      <c r="AA30" s="72">
        <v>0</v>
      </c>
      <c r="AB30" s="244"/>
      <c r="AC30" s="71">
        <v>1</v>
      </c>
      <c r="AD30" s="71">
        <v>1</v>
      </c>
      <c r="AE30" s="71">
        <v>0</v>
      </c>
      <c r="AF30" s="71">
        <v>0</v>
      </c>
      <c r="AG30" s="71">
        <v>0</v>
      </c>
      <c r="AH30" s="72">
        <v>2</v>
      </c>
      <c r="AI30" s="73">
        <v>2</v>
      </c>
      <c r="AJ30" s="70">
        <v>3</v>
      </c>
      <c r="AK30" s="71">
        <v>4</v>
      </c>
      <c r="AL30" s="72">
        <v>7</v>
      </c>
      <c r="AM30" s="244"/>
      <c r="AN30" s="71">
        <v>1</v>
      </c>
      <c r="AO30" s="71">
        <v>3</v>
      </c>
      <c r="AP30" s="71">
        <v>0</v>
      </c>
      <c r="AQ30" s="71">
        <v>0</v>
      </c>
      <c r="AR30" s="71">
        <v>0</v>
      </c>
      <c r="AS30" s="72">
        <v>4</v>
      </c>
      <c r="AT30" s="73">
        <v>11</v>
      </c>
      <c r="AU30" s="70">
        <v>4</v>
      </c>
      <c r="AV30" s="71">
        <v>4</v>
      </c>
      <c r="AW30" s="72">
        <v>8</v>
      </c>
      <c r="AX30" s="244"/>
      <c r="AY30" s="71">
        <v>4</v>
      </c>
      <c r="AZ30" s="71">
        <v>2</v>
      </c>
      <c r="BA30" s="71">
        <v>3</v>
      </c>
      <c r="BB30" s="71">
        <v>1</v>
      </c>
      <c r="BC30" s="71">
        <v>0</v>
      </c>
      <c r="BD30" s="72">
        <v>10</v>
      </c>
      <c r="BE30" s="73">
        <v>18</v>
      </c>
      <c r="BF30" s="70">
        <v>2</v>
      </c>
      <c r="BG30" s="71">
        <v>5</v>
      </c>
      <c r="BH30" s="72">
        <v>7</v>
      </c>
      <c r="BI30" s="244"/>
      <c r="BJ30" s="71">
        <v>3</v>
      </c>
      <c r="BK30" s="71">
        <v>4</v>
      </c>
      <c r="BL30" s="71">
        <v>2</v>
      </c>
      <c r="BM30" s="71">
        <v>3</v>
      </c>
      <c r="BN30" s="71">
        <v>2</v>
      </c>
      <c r="BO30" s="72">
        <v>14</v>
      </c>
      <c r="BP30" s="73">
        <v>21</v>
      </c>
      <c r="BQ30" s="70">
        <v>5</v>
      </c>
      <c r="BR30" s="71">
        <v>2</v>
      </c>
      <c r="BS30" s="72">
        <v>7</v>
      </c>
      <c r="BT30" s="244"/>
      <c r="BU30" s="71">
        <v>4</v>
      </c>
      <c r="BV30" s="71">
        <v>2</v>
      </c>
      <c r="BW30" s="71">
        <v>2</v>
      </c>
      <c r="BX30" s="71">
        <v>1</v>
      </c>
      <c r="BY30" s="71">
        <v>1</v>
      </c>
      <c r="BZ30" s="72">
        <v>10</v>
      </c>
      <c r="CA30" s="73">
        <v>17</v>
      </c>
      <c r="CB30" s="70">
        <v>0</v>
      </c>
      <c r="CC30" s="71">
        <v>0</v>
      </c>
      <c r="CD30" s="72">
        <v>0</v>
      </c>
      <c r="CE30" s="244"/>
      <c r="CF30" s="71">
        <v>0</v>
      </c>
      <c r="CG30" s="71">
        <v>0</v>
      </c>
      <c r="CH30" s="71">
        <v>0</v>
      </c>
      <c r="CI30" s="71">
        <v>0</v>
      </c>
      <c r="CJ30" s="71">
        <v>0</v>
      </c>
      <c r="CK30" s="72">
        <v>0</v>
      </c>
      <c r="CL30" s="73">
        <v>0</v>
      </c>
      <c r="CM30" s="70">
        <v>16</v>
      </c>
      <c r="CN30" s="71">
        <v>16</v>
      </c>
      <c r="CO30" s="72">
        <v>32</v>
      </c>
      <c r="CP30" s="244"/>
      <c r="CQ30" s="71">
        <v>13</v>
      </c>
      <c r="CR30" s="71">
        <v>12</v>
      </c>
      <c r="CS30" s="71">
        <v>7</v>
      </c>
      <c r="CT30" s="71">
        <v>6</v>
      </c>
      <c r="CU30" s="71">
        <v>3</v>
      </c>
      <c r="CV30" s="72">
        <v>41</v>
      </c>
      <c r="CW30" s="73">
        <v>73</v>
      </c>
      <c r="CX30" s="123">
        <v>5</v>
      </c>
      <c r="CY30" s="82">
        <v>4</v>
      </c>
      <c r="CZ30" s="83">
        <v>9</v>
      </c>
      <c r="DA30" s="241"/>
      <c r="DB30" s="82">
        <v>4</v>
      </c>
      <c r="DC30" s="82">
        <v>2</v>
      </c>
      <c r="DD30" s="82">
        <v>7</v>
      </c>
      <c r="DE30" s="82">
        <v>2</v>
      </c>
      <c r="DF30" s="82">
        <v>2</v>
      </c>
      <c r="DG30" s="84">
        <v>17</v>
      </c>
      <c r="DH30" s="85">
        <v>26</v>
      </c>
      <c r="DI30" s="70">
        <v>0</v>
      </c>
      <c r="DJ30" s="71">
        <v>0</v>
      </c>
      <c r="DK30" s="72">
        <v>0</v>
      </c>
      <c r="DL30" s="244"/>
      <c r="DM30" s="71">
        <v>0</v>
      </c>
      <c r="DN30" s="71">
        <v>0</v>
      </c>
      <c r="DO30" s="71">
        <v>0</v>
      </c>
      <c r="DP30" s="71">
        <v>0</v>
      </c>
      <c r="DQ30" s="71">
        <v>0</v>
      </c>
      <c r="DR30" s="72">
        <v>0</v>
      </c>
      <c r="DS30" s="73">
        <v>0</v>
      </c>
      <c r="DT30" s="70">
        <v>1</v>
      </c>
      <c r="DU30" s="71">
        <v>0</v>
      </c>
      <c r="DV30" s="72">
        <v>1</v>
      </c>
      <c r="DW30" s="244"/>
      <c r="DX30" s="71">
        <v>0</v>
      </c>
      <c r="DY30" s="71">
        <v>1</v>
      </c>
      <c r="DZ30" s="71">
        <v>0</v>
      </c>
      <c r="EA30" s="71">
        <v>0</v>
      </c>
      <c r="EB30" s="71">
        <v>0</v>
      </c>
      <c r="EC30" s="72">
        <v>1</v>
      </c>
      <c r="ED30" s="73">
        <v>2</v>
      </c>
      <c r="EE30" s="70">
        <v>0</v>
      </c>
      <c r="EF30" s="71">
        <v>0</v>
      </c>
      <c r="EG30" s="72">
        <v>0</v>
      </c>
      <c r="EH30" s="244"/>
      <c r="EI30" s="71">
        <v>0</v>
      </c>
      <c r="EJ30" s="71">
        <v>1</v>
      </c>
      <c r="EK30" s="71">
        <v>0</v>
      </c>
      <c r="EL30" s="71">
        <v>0</v>
      </c>
      <c r="EM30" s="71">
        <v>0</v>
      </c>
      <c r="EN30" s="72">
        <v>1</v>
      </c>
      <c r="EO30" s="73">
        <v>1</v>
      </c>
      <c r="EP30" s="70">
        <v>2</v>
      </c>
      <c r="EQ30" s="71">
        <v>0</v>
      </c>
      <c r="ER30" s="72">
        <v>2</v>
      </c>
      <c r="ES30" s="244"/>
      <c r="ET30" s="71">
        <v>1</v>
      </c>
      <c r="EU30" s="71">
        <v>0</v>
      </c>
      <c r="EV30" s="71">
        <v>0</v>
      </c>
      <c r="EW30" s="71">
        <v>0</v>
      </c>
      <c r="EX30" s="71">
        <v>0</v>
      </c>
      <c r="EY30" s="72">
        <v>1</v>
      </c>
      <c r="EZ30" s="73">
        <v>3</v>
      </c>
      <c r="FA30" s="70">
        <v>1</v>
      </c>
      <c r="FB30" s="71">
        <v>2</v>
      </c>
      <c r="FC30" s="72">
        <v>3</v>
      </c>
      <c r="FD30" s="244"/>
      <c r="FE30" s="71">
        <v>2</v>
      </c>
      <c r="FF30" s="71">
        <v>0</v>
      </c>
      <c r="FG30" s="71">
        <v>3</v>
      </c>
      <c r="FH30" s="71">
        <v>0</v>
      </c>
      <c r="FI30" s="71">
        <v>1</v>
      </c>
      <c r="FJ30" s="72">
        <v>6</v>
      </c>
      <c r="FK30" s="73">
        <v>9</v>
      </c>
      <c r="FL30" s="70">
        <v>1</v>
      </c>
      <c r="FM30" s="71">
        <v>2</v>
      </c>
      <c r="FN30" s="72">
        <v>3</v>
      </c>
      <c r="FO30" s="244"/>
      <c r="FP30" s="71">
        <v>1</v>
      </c>
      <c r="FQ30" s="71">
        <v>0</v>
      </c>
      <c r="FR30" s="71">
        <v>4</v>
      </c>
      <c r="FS30" s="71">
        <v>2</v>
      </c>
      <c r="FT30" s="71">
        <v>1</v>
      </c>
      <c r="FU30" s="72">
        <v>8</v>
      </c>
      <c r="FV30" s="73">
        <v>11</v>
      </c>
      <c r="FW30" s="70">
        <v>0</v>
      </c>
      <c r="FX30" s="71">
        <v>0</v>
      </c>
      <c r="FY30" s="72">
        <v>0</v>
      </c>
      <c r="FZ30" s="244"/>
      <c r="GA30" s="71">
        <v>0</v>
      </c>
      <c r="GB30" s="71">
        <v>0</v>
      </c>
      <c r="GC30" s="71">
        <v>0</v>
      </c>
      <c r="GD30" s="71">
        <v>0</v>
      </c>
      <c r="GE30" s="71">
        <v>0</v>
      </c>
      <c r="GF30" s="72">
        <v>0</v>
      </c>
      <c r="GG30" s="73">
        <v>0</v>
      </c>
      <c r="GH30" s="70">
        <v>5</v>
      </c>
      <c r="GI30" s="71">
        <v>4</v>
      </c>
      <c r="GJ30" s="72">
        <v>9</v>
      </c>
      <c r="GK30" s="244"/>
      <c r="GL30" s="71">
        <v>4</v>
      </c>
      <c r="GM30" s="71">
        <v>2</v>
      </c>
      <c r="GN30" s="71">
        <v>7</v>
      </c>
      <c r="GO30" s="71">
        <v>2</v>
      </c>
      <c r="GP30" s="71">
        <v>2</v>
      </c>
      <c r="GQ30" s="72">
        <v>17</v>
      </c>
      <c r="GR30" s="73">
        <v>26</v>
      </c>
      <c r="GS30" s="123">
        <v>21</v>
      </c>
      <c r="GT30" s="82">
        <v>20</v>
      </c>
      <c r="GU30" s="83">
        <v>41</v>
      </c>
      <c r="GV30" s="241"/>
      <c r="GW30" s="82">
        <v>17</v>
      </c>
      <c r="GX30" s="82">
        <v>14</v>
      </c>
      <c r="GY30" s="82">
        <v>14</v>
      </c>
      <c r="GZ30" s="82">
        <v>8</v>
      </c>
      <c r="HA30" s="82">
        <v>5</v>
      </c>
      <c r="HB30" s="84">
        <v>58</v>
      </c>
      <c r="HC30" s="85">
        <v>99</v>
      </c>
      <c r="HD30" s="70">
        <v>2</v>
      </c>
      <c r="HE30" s="71">
        <v>1</v>
      </c>
      <c r="HF30" s="72">
        <v>3</v>
      </c>
      <c r="HG30" s="244"/>
      <c r="HH30" s="71">
        <v>0</v>
      </c>
      <c r="HI30" s="71">
        <v>0</v>
      </c>
      <c r="HJ30" s="71">
        <v>0</v>
      </c>
      <c r="HK30" s="71">
        <v>1</v>
      </c>
      <c r="HL30" s="71">
        <v>0</v>
      </c>
      <c r="HM30" s="72">
        <v>1</v>
      </c>
      <c r="HN30" s="73">
        <v>4</v>
      </c>
      <c r="HO30" s="70">
        <v>1</v>
      </c>
      <c r="HP30" s="71">
        <v>0</v>
      </c>
      <c r="HQ30" s="72">
        <v>1</v>
      </c>
      <c r="HR30" s="244"/>
      <c r="HS30" s="71">
        <v>1</v>
      </c>
      <c r="HT30" s="71">
        <v>2</v>
      </c>
      <c r="HU30" s="71">
        <v>0</v>
      </c>
      <c r="HV30" s="71">
        <v>0</v>
      </c>
      <c r="HW30" s="71">
        <v>0</v>
      </c>
      <c r="HX30" s="72">
        <v>3</v>
      </c>
      <c r="HY30" s="73">
        <v>4</v>
      </c>
      <c r="HZ30" s="70">
        <v>3</v>
      </c>
      <c r="IA30" s="71">
        <v>4</v>
      </c>
      <c r="IB30" s="72">
        <v>7</v>
      </c>
      <c r="IC30" s="244"/>
      <c r="ID30" s="71">
        <v>1</v>
      </c>
      <c r="IE30" s="71">
        <v>4</v>
      </c>
      <c r="IF30" s="71">
        <v>0</v>
      </c>
      <c r="IG30" s="71">
        <v>0</v>
      </c>
      <c r="IH30" s="71">
        <v>0</v>
      </c>
      <c r="II30" s="72">
        <v>5</v>
      </c>
      <c r="IJ30" s="73">
        <v>12</v>
      </c>
      <c r="IK30" s="70">
        <v>6</v>
      </c>
      <c r="IL30" s="71">
        <v>4</v>
      </c>
      <c r="IM30" s="72">
        <v>10</v>
      </c>
      <c r="IN30" s="244"/>
      <c r="IO30" s="71">
        <v>5</v>
      </c>
      <c r="IP30" s="71">
        <v>2</v>
      </c>
      <c r="IQ30" s="71">
        <v>3</v>
      </c>
      <c r="IR30" s="71">
        <v>1</v>
      </c>
      <c r="IS30" s="71">
        <v>0</v>
      </c>
      <c r="IT30" s="72">
        <v>11</v>
      </c>
      <c r="IU30" s="73">
        <v>21</v>
      </c>
      <c r="IV30" s="70">
        <v>3</v>
      </c>
      <c r="IW30" s="71">
        <v>7</v>
      </c>
      <c r="IX30" s="72">
        <v>10</v>
      </c>
      <c r="IY30" s="244"/>
      <c r="IZ30" s="71">
        <v>5</v>
      </c>
      <c r="JA30" s="71">
        <v>4</v>
      </c>
      <c r="JB30" s="71">
        <v>5</v>
      </c>
      <c r="JC30" s="71">
        <v>3</v>
      </c>
      <c r="JD30" s="71">
        <v>3</v>
      </c>
      <c r="JE30" s="72">
        <v>20</v>
      </c>
      <c r="JF30" s="73">
        <v>30</v>
      </c>
      <c r="JG30" s="70">
        <v>6</v>
      </c>
      <c r="JH30" s="71">
        <v>4</v>
      </c>
      <c r="JI30" s="72">
        <v>10</v>
      </c>
      <c r="JJ30" s="244"/>
      <c r="JK30" s="71">
        <v>5</v>
      </c>
      <c r="JL30" s="71">
        <v>2</v>
      </c>
      <c r="JM30" s="71">
        <v>6</v>
      </c>
      <c r="JN30" s="71">
        <v>3</v>
      </c>
      <c r="JO30" s="71">
        <v>2</v>
      </c>
      <c r="JP30" s="72">
        <v>18</v>
      </c>
      <c r="JQ30" s="73">
        <v>28</v>
      </c>
      <c r="JR30" s="70">
        <v>0</v>
      </c>
      <c r="JS30" s="71">
        <v>0</v>
      </c>
      <c r="JT30" s="72">
        <v>0</v>
      </c>
      <c r="JU30" s="244"/>
      <c r="JV30" s="71">
        <v>0</v>
      </c>
      <c r="JW30" s="71">
        <v>0</v>
      </c>
      <c r="JX30" s="71">
        <v>0</v>
      </c>
      <c r="JY30" s="71">
        <v>0</v>
      </c>
      <c r="JZ30" s="71">
        <v>0</v>
      </c>
      <c r="KA30" s="72">
        <v>0</v>
      </c>
      <c r="KB30" s="73">
        <v>0</v>
      </c>
      <c r="KC30" s="70">
        <v>21</v>
      </c>
      <c r="KD30" s="71">
        <v>20</v>
      </c>
      <c r="KE30" s="72">
        <v>41</v>
      </c>
      <c r="KF30" s="244"/>
      <c r="KG30" s="71">
        <v>17</v>
      </c>
      <c r="KH30" s="71">
        <v>14</v>
      </c>
      <c r="KI30" s="71">
        <v>14</v>
      </c>
      <c r="KJ30" s="71">
        <v>8</v>
      </c>
      <c r="KK30" s="71">
        <v>5</v>
      </c>
      <c r="KL30" s="72">
        <v>58</v>
      </c>
      <c r="KM30" s="73">
        <v>99</v>
      </c>
    </row>
    <row r="31" spans="2:299" ht="21" customHeight="1" x14ac:dyDescent="0.2">
      <c r="B31" s="126" t="s">
        <v>28</v>
      </c>
      <c r="C31" s="315">
        <v>1</v>
      </c>
      <c r="D31" s="82">
        <v>1</v>
      </c>
      <c r="E31" s="83">
        <v>2</v>
      </c>
      <c r="F31" s="241"/>
      <c r="G31" s="82">
        <v>8</v>
      </c>
      <c r="H31" s="82">
        <v>5</v>
      </c>
      <c r="I31" s="82">
        <v>5</v>
      </c>
      <c r="J31" s="82">
        <v>0</v>
      </c>
      <c r="K31" s="82">
        <v>5</v>
      </c>
      <c r="L31" s="84">
        <v>23</v>
      </c>
      <c r="M31" s="85">
        <v>25</v>
      </c>
      <c r="N31" s="70">
        <v>0</v>
      </c>
      <c r="O31" s="71">
        <v>0</v>
      </c>
      <c r="P31" s="72">
        <v>0</v>
      </c>
      <c r="Q31" s="244"/>
      <c r="R31" s="71">
        <v>0</v>
      </c>
      <c r="S31" s="71">
        <v>0</v>
      </c>
      <c r="T31" s="71">
        <v>1</v>
      </c>
      <c r="U31" s="71">
        <v>0</v>
      </c>
      <c r="V31" s="71">
        <v>0</v>
      </c>
      <c r="W31" s="72">
        <v>1</v>
      </c>
      <c r="X31" s="73">
        <v>1</v>
      </c>
      <c r="Y31" s="70">
        <v>0</v>
      </c>
      <c r="Z31" s="71">
        <v>1</v>
      </c>
      <c r="AA31" s="72">
        <v>1</v>
      </c>
      <c r="AB31" s="244"/>
      <c r="AC31" s="71">
        <v>1</v>
      </c>
      <c r="AD31" s="71">
        <v>1</v>
      </c>
      <c r="AE31" s="71">
        <v>0</v>
      </c>
      <c r="AF31" s="71">
        <v>0</v>
      </c>
      <c r="AG31" s="71">
        <v>0</v>
      </c>
      <c r="AH31" s="72">
        <v>2</v>
      </c>
      <c r="AI31" s="73">
        <v>3</v>
      </c>
      <c r="AJ31" s="70">
        <v>0</v>
      </c>
      <c r="AK31" s="71">
        <v>0</v>
      </c>
      <c r="AL31" s="72">
        <v>0</v>
      </c>
      <c r="AM31" s="244"/>
      <c r="AN31" s="71">
        <v>1</v>
      </c>
      <c r="AO31" s="71">
        <v>2</v>
      </c>
      <c r="AP31" s="71">
        <v>0</v>
      </c>
      <c r="AQ31" s="71">
        <v>0</v>
      </c>
      <c r="AR31" s="71">
        <v>1</v>
      </c>
      <c r="AS31" s="72">
        <v>4</v>
      </c>
      <c r="AT31" s="73">
        <v>4</v>
      </c>
      <c r="AU31" s="70">
        <v>0</v>
      </c>
      <c r="AV31" s="71">
        <v>0</v>
      </c>
      <c r="AW31" s="72">
        <v>0</v>
      </c>
      <c r="AX31" s="244"/>
      <c r="AY31" s="71">
        <v>3</v>
      </c>
      <c r="AZ31" s="71">
        <v>1</v>
      </c>
      <c r="BA31" s="71">
        <v>0</v>
      </c>
      <c r="BB31" s="71">
        <v>0</v>
      </c>
      <c r="BC31" s="71">
        <v>2</v>
      </c>
      <c r="BD31" s="72">
        <v>6</v>
      </c>
      <c r="BE31" s="73">
        <v>6</v>
      </c>
      <c r="BF31" s="70">
        <v>1</v>
      </c>
      <c r="BG31" s="71">
        <v>0</v>
      </c>
      <c r="BH31" s="72">
        <v>1</v>
      </c>
      <c r="BI31" s="244"/>
      <c r="BJ31" s="71">
        <v>1</v>
      </c>
      <c r="BK31" s="71">
        <v>0</v>
      </c>
      <c r="BL31" s="71">
        <v>0</v>
      </c>
      <c r="BM31" s="71">
        <v>0</v>
      </c>
      <c r="BN31" s="71">
        <v>0</v>
      </c>
      <c r="BO31" s="72">
        <v>1</v>
      </c>
      <c r="BP31" s="73">
        <v>2</v>
      </c>
      <c r="BQ31" s="70">
        <v>0</v>
      </c>
      <c r="BR31" s="71">
        <v>0</v>
      </c>
      <c r="BS31" s="72">
        <v>0</v>
      </c>
      <c r="BT31" s="244"/>
      <c r="BU31" s="71">
        <v>2</v>
      </c>
      <c r="BV31" s="71">
        <v>1</v>
      </c>
      <c r="BW31" s="71">
        <v>4</v>
      </c>
      <c r="BX31" s="71">
        <v>0</v>
      </c>
      <c r="BY31" s="71">
        <v>2</v>
      </c>
      <c r="BZ31" s="72">
        <v>9</v>
      </c>
      <c r="CA31" s="73">
        <v>9</v>
      </c>
      <c r="CB31" s="70">
        <v>0</v>
      </c>
      <c r="CC31" s="71">
        <v>0</v>
      </c>
      <c r="CD31" s="72">
        <v>0</v>
      </c>
      <c r="CE31" s="244"/>
      <c r="CF31" s="71">
        <v>0</v>
      </c>
      <c r="CG31" s="71">
        <v>0</v>
      </c>
      <c r="CH31" s="71">
        <v>0</v>
      </c>
      <c r="CI31" s="71">
        <v>0</v>
      </c>
      <c r="CJ31" s="71">
        <v>0</v>
      </c>
      <c r="CK31" s="72">
        <v>0</v>
      </c>
      <c r="CL31" s="73">
        <v>0</v>
      </c>
      <c r="CM31" s="70">
        <v>1</v>
      </c>
      <c r="CN31" s="71">
        <v>1</v>
      </c>
      <c r="CO31" s="72">
        <v>2</v>
      </c>
      <c r="CP31" s="244"/>
      <c r="CQ31" s="71">
        <v>8</v>
      </c>
      <c r="CR31" s="71">
        <v>5</v>
      </c>
      <c r="CS31" s="71">
        <v>5</v>
      </c>
      <c r="CT31" s="71">
        <v>0</v>
      </c>
      <c r="CU31" s="71">
        <v>5</v>
      </c>
      <c r="CV31" s="72">
        <v>23</v>
      </c>
      <c r="CW31" s="73">
        <v>25</v>
      </c>
      <c r="CX31" s="123">
        <v>0</v>
      </c>
      <c r="CY31" s="82">
        <v>0</v>
      </c>
      <c r="CZ31" s="83">
        <v>0</v>
      </c>
      <c r="DA31" s="241"/>
      <c r="DB31" s="82">
        <v>0</v>
      </c>
      <c r="DC31" s="82">
        <v>1</v>
      </c>
      <c r="DD31" s="82">
        <v>1</v>
      </c>
      <c r="DE31" s="82">
        <v>2</v>
      </c>
      <c r="DF31" s="82">
        <v>0</v>
      </c>
      <c r="DG31" s="84">
        <v>4</v>
      </c>
      <c r="DH31" s="85">
        <v>4</v>
      </c>
      <c r="DI31" s="70">
        <v>0</v>
      </c>
      <c r="DJ31" s="71">
        <v>0</v>
      </c>
      <c r="DK31" s="72">
        <v>0</v>
      </c>
      <c r="DL31" s="244"/>
      <c r="DM31" s="71">
        <v>0</v>
      </c>
      <c r="DN31" s="71">
        <v>0</v>
      </c>
      <c r="DO31" s="71">
        <v>0</v>
      </c>
      <c r="DP31" s="71">
        <v>0</v>
      </c>
      <c r="DQ31" s="71">
        <v>0</v>
      </c>
      <c r="DR31" s="72">
        <v>0</v>
      </c>
      <c r="DS31" s="73">
        <v>0</v>
      </c>
      <c r="DT31" s="70">
        <v>0</v>
      </c>
      <c r="DU31" s="71">
        <v>0</v>
      </c>
      <c r="DV31" s="72">
        <v>0</v>
      </c>
      <c r="DW31" s="244"/>
      <c r="DX31" s="71">
        <v>0</v>
      </c>
      <c r="DY31" s="71">
        <v>0</v>
      </c>
      <c r="DZ31" s="71">
        <v>1</v>
      </c>
      <c r="EA31" s="71">
        <v>0</v>
      </c>
      <c r="EB31" s="71">
        <v>0</v>
      </c>
      <c r="EC31" s="72">
        <v>1</v>
      </c>
      <c r="ED31" s="73">
        <v>1</v>
      </c>
      <c r="EE31" s="70">
        <v>0</v>
      </c>
      <c r="EF31" s="71">
        <v>0</v>
      </c>
      <c r="EG31" s="72">
        <v>0</v>
      </c>
      <c r="EH31" s="244"/>
      <c r="EI31" s="71">
        <v>0</v>
      </c>
      <c r="EJ31" s="71">
        <v>0</v>
      </c>
      <c r="EK31" s="71">
        <v>0</v>
      </c>
      <c r="EL31" s="71">
        <v>0</v>
      </c>
      <c r="EM31" s="71">
        <v>0</v>
      </c>
      <c r="EN31" s="72">
        <v>0</v>
      </c>
      <c r="EO31" s="73">
        <v>0</v>
      </c>
      <c r="EP31" s="70">
        <v>0</v>
      </c>
      <c r="EQ31" s="71">
        <v>0</v>
      </c>
      <c r="ER31" s="72">
        <v>0</v>
      </c>
      <c r="ES31" s="244"/>
      <c r="ET31" s="71">
        <v>0</v>
      </c>
      <c r="EU31" s="71">
        <v>1</v>
      </c>
      <c r="EV31" s="71">
        <v>0</v>
      </c>
      <c r="EW31" s="71">
        <v>0</v>
      </c>
      <c r="EX31" s="71">
        <v>0</v>
      </c>
      <c r="EY31" s="72">
        <v>1</v>
      </c>
      <c r="EZ31" s="73">
        <v>1</v>
      </c>
      <c r="FA31" s="70">
        <v>0</v>
      </c>
      <c r="FB31" s="71">
        <v>0</v>
      </c>
      <c r="FC31" s="72">
        <v>0</v>
      </c>
      <c r="FD31" s="244"/>
      <c r="FE31" s="71">
        <v>0</v>
      </c>
      <c r="FF31" s="71">
        <v>0</v>
      </c>
      <c r="FG31" s="71">
        <v>0</v>
      </c>
      <c r="FH31" s="71">
        <v>2</v>
      </c>
      <c r="FI31" s="71">
        <v>0</v>
      </c>
      <c r="FJ31" s="72">
        <v>2</v>
      </c>
      <c r="FK31" s="73">
        <v>2</v>
      </c>
      <c r="FL31" s="70">
        <v>0</v>
      </c>
      <c r="FM31" s="71">
        <v>0</v>
      </c>
      <c r="FN31" s="72">
        <v>0</v>
      </c>
      <c r="FO31" s="244"/>
      <c r="FP31" s="71">
        <v>0</v>
      </c>
      <c r="FQ31" s="71">
        <v>0</v>
      </c>
      <c r="FR31" s="71">
        <v>0</v>
      </c>
      <c r="FS31" s="71">
        <v>0</v>
      </c>
      <c r="FT31" s="71">
        <v>0</v>
      </c>
      <c r="FU31" s="72">
        <v>0</v>
      </c>
      <c r="FV31" s="73">
        <v>0</v>
      </c>
      <c r="FW31" s="70">
        <v>0</v>
      </c>
      <c r="FX31" s="71">
        <v>0</v>
      </c>
      <c r="FY31" s="72">
        <v>0</v>
      </c>
      <c r="FZ31" s="244"/>
      <c r="GA31" s="71">
        <v>0</v>
      </c>
      <c r="GB31" s="71">
        <v>0</v>
      </c>
      <c r="GC31" s="71">
        <v>0</v>
      </c>
      <c r="GD31" s="71">
        <v>0</v>
      </c>
      <c r="GE31" s="71">
        <v>0</v>
      </c>
      <c r="GF31" s="72">
        <v>0</v>
      </c>
      <c r="GG31" s="73">
        <v>0</v>
      </c>
      <c r="GH31" s="70">
        <v>0</v>
      </c>
      <c r="GI31" s="71">
        <v>0</v>
      </c>
      <c r="GJ31" s="72">
        <v>0</v>
      </c>
      <c r="GK31" s="244"/>
      <c r="GL31" s="71">
        <v>0</v>
      </c>
      <c r="GM31" s="71">
        <v>1</v>
      </c>
      <c r="GN31" s="71">
        <v>1</v>
      </c>
      <c r="GO31" s="71">
        <v>2</v>
      </c>
      <c r="GP31" s="71">
        <v>0</v>
      </c>
      <c r="GQ31" s="72">
        <v>4</v>
      </c>
      <c r="GR31" s="73">
        <v>4</v>
      </c>
      <c r="GS31" s="123">
        <v>1</v>
      </c>
      <c r="GT31" s="82">
        <v>1</v>
      </c>
      <c r="GU31" s="83">
        <v>2</v>
      </c>
      <c r="GV31" s="241"/>
      <c r="GW31" s="82">
        <v>8</v>
      </c>
      <c r="GX31" s="82">
        <v>6</v>
      </c>
      <c r="GY31" s="82">
        <v>6</v>
      </c>
      <c r="GZ31" s="82">
        <v>2</v>
      </c>
      <c r="HA31" s="82">
        <v>5</v>
      </c>
      <c r="HB31" s="84">
        <v>27</v>
      </c>
      <c r="HC31" s="85">
        <v>29</v>
      </c>
      <c r="HD31" s="70">
        <v>0</v>
      </c>
      <c r="HE31" s="71">
        <v>0</v>
      </c>
      <c r="HF31" s="72">
        <v>0</v>
      </c>
      <c r="HG31" s="244"/>
      <c r="HH31" s="71">
        <v>0</v>
      </c>
      <c r="HI31" s="71">
        <v>0</v>
      </c>
      <c r="HJ31" s="71">
        <v>1</v>
      </c>
      <c r="HK31" s="71">
        <v>0</v>
      </c>
      <c r="HL31" s="71">
        <v>0</v>
      </c>
      <c r="HM31" s="72">
        <v>1</v>
      </c>
      <c r="HN31" s="73">
        <v>1</v>
      </c>
      <c r="HO31" s="70">
        <v>0</v>
      </c>
      <c r="HP31" s="71">
        <v>1</v>
      </c>
      <c r="HQ31" s="72">
        <v>1</v>
      </c>
      <c r="HR31" s="244"/>
      <c r="HS31" s="71">
        <v>1</v>
      </c>
      <c r="HT31" s="71">
        <v>1</v>
      </c>
      <c r="HU31" s="71">
        <v>1</v>
      </c>
      <c r="HV31" s="71">
        <v>0</v>
      </c>
      <c r="HW31" s="71">
        <v>0</v>
      </c>
      <c r="HX31" s="72">
        <v>3</v>
      </c>
      <c r="HY31" s="73">
        <v>4</v>
      </c>
      <c r="HZ31" s="70">
        <v>0</v>
      </c>
      <c r="IA31" s="71">
        <v>0</v>
      </c>
      <c r="IB31" s="72">
        <v>0</v>
      </c>
      <c r="IC31" s="244"/>
      <c r="ID31" s="71">
        <v>1</v>
      </c>
      <c r="IE31" s="71">
        <v>2</v>
      </c>
      <c r="IF31" s="71">
        <v>0</v>
      </c>
      <c r="IG31" s="71">
        <v>0</v>
      </c>
      <c r="IH31" s="71">
        <v>1</v>
      </c>
      <c r="II31" s="72">
        <v>4</v>
      </c>
      <c r="IJ31" s="73">
        <v>4</v>
      </c>
      <c r="IK31" s="70">
        <v>0</v>
      </c>
      <c r="IL31" s="71">
        <v>0</v>
      </c>
      <c r="IM31" s="72">
        <v>0</v>
      </c>
      <c r="IN31" s="244"/>
      <c r="IO31" s="71">
        <v>3</v>
      </c>
      <c r="IP31" s="71">
        <v>2</v>
      </c>
      <c r="IQ31" s="71">
        <v>0</v>
      </c>
      <c r="IR31" s="71">
        <v>0</v>
      </c>
      <c r="IS31" s="71">
        <v>2</v>
      </c>
      <c r="IT31" s="72">
        <v>7</v>
      </c>
      <c r="IU31" s="73">
        <v>7</v>
      </c>
      <c r="IV31" s="70">
        <v>1</v>
      </c>
      <c r="IW31" s="71">
        <v>0</v>
      </c>
      <c r="IX31" s="72">
        <v>1</v>
      </c>
      <c r="IY31" s="244"/>
      <c r="IZ31" s="71">
        <v>1</v>
      </c>
      <c r="JA31" s="71">
        <v>0</v>
      </c>
      <c r="JB31" s="71">
        <v>0</v>
      </c>
      <c r="JC31" s="71">
        <v>2</v>
      </c>
      <c r="JD31" s="71">
        <v>0</v>
      </c>
      <c r="JE31" s="72">
        <v>3</v>
      </c>
      <c r="JF31" s="73">
        <v>4</v>
      </c>
      <c r="JG31" s="70">
        <v>0</v>
      </c>
      <c r="JH31" s="71">
        <v>0</v>
      </c>
      <c r="JI31" s="72">
        <v>0</v>
      </c>
      <c r="JJ31" s="244"/>
      <c r="JK31" s="71">
        <v>2</v>
      </c>
      <c r="JL31" s="71">
        <v>1</v>
      </c>
      <c r="JM31" s="71">
        <v>4</v>
      </c>
      <c r="JN31" s="71">
        <v>0</v>
      </c>
      <c r="JO31" s="71">
        <v>2</v>
      </c>
      <c r="JP31" s="72">
        <v>9</v>
      </c>
      <c r="JQ31" s="73">
        <v>9</v>
      </c>
      <c r="JR31" s="70">
        <v>0</v>
      </c>
      <c r="JS31" s="71">
        <v>0</v>
      </c>
      <c r="JT31" s="72">
        <v>0</v>
      </c>
      <c r="JU31" s="244"/>
      <c r="JV31" s="71">
        <v>0</v>
      </c>
      <c r="JW31" s="71">
        <v>0</v>
      </c>
      <c r="JX31" s="71">
        <v>0</v>
      </c>
      <c r="JY31" s="71">
        <v>0</v>
      </c>
      <c r="JZ31" s="71">
        <v>0</v>
      </c>
      <c r="KA31" s="72">
        <v>0</v>
      </c>
      <c r="KB31" s="73">
        <v>0</v>
      </c>
      <c r="KC31" s="70">
        <v>1</v>
      </c>
      <c r="KD31" s="71">
        <v>1</v>
      </c>
      <c r="KE31" s="72">
        <v>2</v>
      </c>
      <c r="KF31" s="244"/>
      <c r="KG31" s="71">
        <v>8</v>
      </c>
      <c r="KH31" s="71">
        <v>6</v>
      </c>
      <c r="KI31" s="71">
        <v>6</v>
      </c>
      <c r="KJ31" s="71">
        <v>2</v>
      </c>
      <c r="KK31" s="71">
        <v>5</v>
      </c>
      <c r="KL31" s="72">
        <v>27</v>
      </c>
      <c r="KM31" s="73">
        <v>29</v>
      </c>
    </row>
    <row r="32" spans="2:299" ht="21" customHeight="1" x14ac:dyDescent="0.2">
      <c r="B32" s="126" t="s">
        <v>29</v>
      </c>
      <c r="C32" s="315">
        <v>1</v>
      </c>
      <c r="D32" s="82">
        <v>2</v>
      </c>
      <c r="E32" s="83">
        <v>3</v>
      </c>
      <c r="F32" s="241"/>
      <c r="G32" s="82">
        <v>6</v>
      </c>
      <c r="H32" s="82">
        <v>1</v>
      </c>
      <c r="I32" s="82">
        <v>5</v>
      </c>
      <c r="J32" s="82">
        <v>5</v>
      </c>
      <c r="K32" s="82">
        <v>1</v>
      </c>
      <c r="L32" s="84">
        <v>18</v>
      </c>
      <c r="M32" s="85">
        <v>21</v>
      </c>
      <c r="N32" s="70">
        <v>0</v>
      </c>
      <c r="O32" s="71">
        <v>0</v>
      </c>
      <c r="P32" s="72">
        <v>0</v>
      </c>
      <c r="Q32" s="244"/>
      <c r="R32" s="71">
        <v>0</v>
      </c>
      <c r="S32" s="71">
        <v>0</v>
      </c>
      <c r="T32" s="71">
        <v>1</v>
      </c>
      <c r="U32" s="71">
        <v>0</v>
      </c>
      <c r="V32" s="71">
        <v>0</v>
      </c>
      <c r="W32" s="72">
        <v>1</v>
      </c>
      <c r="X32" s="73">
        <v>1</v>
      </c>
      <c r="Y32" s="70">
        <v>0</v>
      </c>
      <c r="Z32" s="71">
        <v>0</v>
      </c>
      <c r="AA32" s="72">
        <v>0</v>
      </c>
      <c r="AB32" s="244"/>
      <c r="AC32" s="71">
        <v>0</v>
      </c>
      <c r="AD32" s="71">
        <v>0</v>
      </c>
      <c r="AE32" s="71">
        <v>0</v>
      </c>
      <c r="AF32" s="71">
        <v>1</v>
      </c>
      <c r="AG32" s="71">
        <v>1</v>
      </c>
      <c r="AH32" s="72">
        <v>2</v>
      </c>
      <c r="AI32" s="73">
        <v>2</v>
      </c>
      <c r="AJ32" s="70">
        <v>0</v>
      </c>
      <c r="AK32" s="71">
        <v>1</v>
      </c>
      <c r="AL32" s="72">
        <v>1</v>
      </c>
      <c r="AM32" s="244"/>
      <c r="AN32" s="71">
        <v>1</v>
      </c>
      <c r="AO32" s="71">
        <v>0</v>
      </c>
      <c r="AP32" s="71">
        <v>0</v>
      </c>
      <c r="AQ32" s="71">
        <v>0</v>
      </c>
      <c r="AR32" s="71">
        <v>0</v>
      </c>
      <c r="AS32" s="72">
        <v>1</v>
      </c>
      <c r="AT32" s="73">
        <v>2</v>
      </c>
      <c r="AU32" s="70">
        <v>0</v>
      </c>
      <c r="AV32" s="71">
        <v>1</v>
      </c>
      <c r="AW32" s="72">
        <v>1</v>
      </c>
      <c r="AX32" s="244"/>
      <c r="AY32" s="71">
        <v>1</v>
      </c>
      <c r="AZ32" s="71">
        <v>0</v>
      </c>
      <c r="BA32" s="71">
        <v>3</v>
      </c>
      <c r="BB32" s="71">
        <v>1</v>
      </c>
      <c r="BC32" s="71">
        <v>0</v>
      </c>
      <c r="BD32" s="72">
        <v>5</v>
      </c>
      <c r="BE32" s="73">
        <v>6</v>
      </c>
      <c r="BF32" s="70">
        <v>0</v>
      </c>
      <c r="BG32" s="71">
        <v>0</v>
      </c>
      <c r="BH32" s="72">
        <v>0</v>
      </c>
      <c r="BI32" s="244"/>
      <c r="BJ32" s="71">
        <v>2</v>
      </c>
      <c r="BK32" s="71">
        <v>0</v>
      </c>
      <c r="BL32" s="71">
        <v>0</v>
      </c>
      <c r="BM32" s="71">
        <v>1</v>
      </c>
      <c r="BN32" s="71">
        <v>0</v>
      </c>
      <c r="BO32" s="72">
        <v>3</v>
      </c>
      <c r="BP32" s="73">
        <v>3</v>
      </c>
      <c r="BQ32" s="70">
        <v>1</v>
      </c>
      <c r="BR32" s="71">
        <v>0</v>
      </c>
      <c r="BS32" s="72">
        <v>1</v>
      </c>
      <c r="BT32" s="244"/>
      <c r="BU32" s="71">
        <v>2</v>
      </c>
      <c r="BV32" s="71">
        <v>1</v>
      </c>
      <c r="BW32" s="71">
        <v>1</v>
      </c>
      <c r="BX32" s="71">
        <v>2</v>
      </c>
      <c r="BY32" s="71">
        <v>0</v>
      </c>
      <c r="BZ32" s="72">
        <v>6</v>
      </c>
      <c r="CA32" s="73">
        <v>7</v>
      </c>
      <c r="CB32" s="70">
        <v>0</v>
      </c>
      <c r="CC32" s="71">
        <v>0</v>
      </c>
      <c r="CD32" s="72">
        <v>0</v>
      </c>
      <c r="CE32" s="244"/>
      <c r="CF32" s="71">
        <v>0</v>
      </c>
      <c r="CG32" s="71">
        <v>0</v>
      </c>
      <c r="CH32" s="71">
        <v>0</v>
      </c>
      <c r="CI32" s="71">
        <v>0</v>
      </c>
      <c r="CJ32" s="71">
        <v>0</v>
      </c>
      <c r="CK32" s="72">
        <v>0</v>
      </c>
      <c r="CL32" s="73">
        <v>0</v>
      </c>
      <c r="CM32" s="70">
        <v>1</v>
      </c>
      <c r="CN32" s="71">
        <v>2</v>
      </c>
      <c r="CO32" s="72">
        <v>3</v>
      </c>
      <c r="CP32" s="244"/>
      <c r="CQ32" s="71">
        <v>6</v>
      </c>
      <c r="CR32" s="71">
        <v>1</v>
      </c>
      <c r="CS32" s="71">
        <v>5</v>
      </c>
      <c r="CT32" s="71">
        <v>5</v>
      </c>
      <c r="CU32" s="71">
        <v>1</v>
      </c>
      <c r="CV32" s="72">
        <v>18</v>
      </c>
      <c r="CW32" s="73">
        <v>21</v>
      </c>
      <c r="CX32" s="123">
        <v>2</v>
      </c>
      <c r="CY32" s="82">
        <v>0</v>
      </c>
      <c r="CZ32" s="83">
        <v>2</v>
      </c>
      <c r="DA32" s="241"/>
      <c r="DB32" s="82">
        <v>5</v>
      </c>
      <c r="DC32" s="82">
        <v>1</v>
      </c>
      <c r="DD32" s="82">
        <v>2</v>
      </c>
      <c r="DE32" s="82">
        <v>3</v>
      </c>
      <c r="DF32" s="82">
        <v>0</v>
      </c>
      <c r="DG32" s="84">
        <v>11</v>
      </c>
      <c r="DH32" s="85">
        <v>13</v>
      </c>
      <c r="DI32" s="70">
        <v>0</v>
      </c>
      <c r="DJ32" s="71">
        <v>0</v>
      </c>
      <c r="DK32" s="72">
        <v>0</v>
      </c>
      <c r="DL32" s="244"/>
      <c r="DM32" s="71">
        <v>0</v>
      </c>
      <c r="DN32" s="71">
        <v>0</v>
      </c>
      <c r="DO32" s="71">
        <v>0</v>
      </c>
      <c r="DP32" s="71">
        <v>0</v>
      </c>
      <c r="DQ32" s="71">
        <v>0</v>
      </c>
      <c r="DR32" s="72">
        <v>0</v>
      </c>
      <c r="DS32" s="73">
        <v>0</v>
      </c>
      <c r="DT32" s="70">
        <v>0</v>
      </c>
      <c r="DU32" s="71">
        <v>0</v>
      </c>
      <c r="DV32" s="72">
        <v>0</v>
      </c>
      <c r="DW32" s="244"/>
      <c r="DX32" s="71">
        <v>0</v>
      </c>
      <c r="DY32" s="71">
        <v>0</v>
      </c>
      <c r="DZ32" s="71">
        <v>0</v>
      </c>
      <c r="EA32" s="71">
        <v>0</v>
      </c>
      <c r="EB32" s="71">
        <v>0</v>
      </c>
      <c r="EC32" s="72">
        <v>0</v>
      </c>
      <c r="ED32" s="73">
        <v>0</v>
      </c>
      <c r="EE32" s="70">
        <v>1</v>
      </c>
      <c r="EF32" s="71">
        <v>0</v>
      </c>
      <c r="EG32" s="72">
        <v>1</v>
      </c>
      <c r="EH32" s="244"/>
      <c r="EI32" s="71">
        <v>0</v>
      </c>
      <c r="EJ32" s="71">
        <v>0</v>
      </c>
      <c r="EK32" s="71">
        <v>0</v>
      </c>
      <c r="EL32" s="71">
        <v>1</v>
      </c>
      <c r="EM32" s="71">
        <v>0</v>
      </c>
      <c r="EN32" s="72">
        <v>1</v>
      </c>
      <c r="EO32" s="73">
        <v>2</v>
      </c>
      <c r="EP32" s="70">
        <v>1</v>
      </c>
      <c r="EQ32" s="71">
        <v>0</v>
      </c>
      <c r="ER32" s="72">
        <v>1</v>
      </c>
      <c r="ES32" s="244"/>
      <c r="ET32" s="71">
        <v>3</v>
      </c>
      <c r="EU32" s="71">
        <v>0</v>
      </c>
      <c r="EV32" s="71">
        <v>1</v>
      </c>
      <c r="EW32" s="71">
        <v>0</v>
      </c>
      <c r="EX32" s="71">
        <v>0</v>
      </c>
      <c r="EY32" s="72">
        <v>4</v>
      </c>
      <c r="EZ32" s="73">
        <v>5</v>
      </c>
      <c r="FA32" s="70">
        <v>0</v>
      </c>
      <c r="FB32" s="71">
        <v>0</v>
      </c>
      <c r="FC32" s="72">
        <v>0</v>
      </c>
      <c r="FD32" s="244"/>
      <c r="FE32" s="71">
        <v>1</v>
      </c>
      <c r="FF32" s="71">
        <v>0</v>
      </c>
      <c r="FG32" s="71">
        <v>0</v>
      </c>
      <c r="FH32" s="71">
        <v>0</v>
      </c>
      <c r="FI32" s="71">
        <v>0</v>
      </c>
      <c r="FJ32" s="72">
        <v>1</v>
      </c>
      <c r="FK32" s="73">
        <v>1</v>
      </c>
      <c r="FL32" s="70">
        <v>0</v>
      </c>
      <c r="FM32" s="71">
        <v>0</v>
      </c>
      <c r="FN32" s="72">
        <v>0</v>
      </c>
      <c r="FO32" s="244"/>
      <c r="FP32" s="71">
        <v>1</v>
      </c>
      <c r="FQ32" s="71">
        <v>1</v>
      </c>
      <c r="FR32" s="71">
        <v>1</v>
      </c>
      <c r="FS32" s="71">
        <v>2</v>
      </c>
      <c r="FT32" s="71">
        <v>0</v>
      </c>
      <c r="FU32" s="72">
        <v>5</v>
      </c>
      <c r="FV32" s="73">
        <v>5</v>
      </c>
      <c r="FW32" s="70">
        <v>0</v>
      </c>
      <c r="FX32" s="71">
        <v>0</v>
      </c>
      <c r="FY32" s="72">
        <v>0</v>
      </c>
      <c r="FZ32" s="244"/>
      <c r="GA32" s="71">
        <v>0</v>
      </c>
      <c r="GB32" s="71">
        <v>0</v>
      </c>
      <c r="GC32" s="71">
        <v>0</v>
      </c>
      <c r="GD32" s="71">
        <v>0</v>
      </c>
      <c r="GE32" s="71">
        <v>0</v>
      </c>
      <c r="GF32" s="72">
        <v>0</v>
      </c>
      <c r="GG32" s="73">
        <v>0</v>
      </c>
      <c r="GH32" s="70">
        <v>2</v>
      </c>
      <c r="GI32" s="71">
        <v>0</v>
      </c>
      <c r="GJ32" s="72">
        <v>2</v>
      </c>
      <c r="GK32" s="244"/>
      <c r="GL32" s="71">
        <v>5</v>
      </c>
      <c r="GM32" s="71">
        <v>1</v>
      </c>
      <c r="GN32" s="71">
        <v>2</v>
      </c>
      <c r="GO32" s="71">
        <v>3</v>
      </c>
      <c r="GP32" s="71">
        <v>0</v>
      </c>
      <c r="GQ32" s="72">
        <v>11</v>
      </c>
      <c r="GR32" s="73">
        <v>13</v>
      </c>
      <c r="GS32" s="123">
        <v>3</v>
      </c>
      <c r="GT32" s="82">
        <v>2</v>
      </c>
      <c r="GU32" s="83">
        <v>5</v>
      </c>
      <c r="GV32" s="241"/>
      <c r="GW32" s="82">
        <v>11</v>
      </c>
      <c r="GX32" s="82">
        <v>2</v>
      </c>
      <c r="GY32" s="82">
        <v>7</v>
      </c>
      <c r="GZ32" s="82">
        <v>8</v>
      </c>
      <c r="HA32" s="82">
        <v>1</v>
      </c>
      <c r="HB32" s="84">
        <v>29</v>
      </c>
      <c r="HC32" s="85">
        <v>34</v>
      </c>
      <c r="HD32" s="70">
        <v>0</v>
      </c>
      <c r="HE32" s="71">
        <v>0</v>
      </c>
      <c r="HF32" s="72">
        <v>0</v>
      </c>
      <c r="HG32" s="244"/>
      <c r="HH32" s="71">
        <v>0</v>
      </c>
      <c r="HI32" s="71">
        <v>0</v>
      </c>
      <c r="HJ32" s="71">
        <v>1</v>
      </c>
      <c r="HK32" s="71">
        <v>0</v>
      </c>
      <c r="HL32" s="71">
        <v>0</v>
      </c>
      <c r="HM32" s="72">
        <v>1</v>
      </c>
      <c r="HN32" s="73">
        <v>1</v>
      </c>
      <c r="HO32" s="70">
        <v>0</v>
      </c>
      <c r="HP32" s="71">
        <v>0</v>
      </c>
      <c r="HQ32" s="72">
        <v>0</v>
      </c>
      <c r="HR32" s="244"/>
      <c r="HS32" s="71">
        <v>0</v>
      </c>
      <c r="HT32" s="71">
        <v>0</v>
      </c>
      <c r="HU32" s="71">
        <v>0</v>
      </c>
      <c r="HV32" s="71">
        <v>1</v>
      </c>
      <c r="HW32" s="71">
        <v>1</v>
      </c>
      <c r="HX32" s="72">
        <v>2</v>
      </c>
      <c r="HY32" s="73">
        <v>2</v>
      </c>
      <c r="HZ32" s="70">
        <v>1</v>
      </c>
      <c r="IA32" s="71">
        <v>1</v>
      </c>
      <c r="IB32" s="72">
        <v>2</v>
      </c>
      <c r="IC32" s="244"/>
      <c r="ID32" s="71">
        <v>1</v>
      </c>
      <c r="IE32" s="71">
        <v>0</v>
      </c>
      <c r="IF32" s="71">
        <v>0</v>
      </c>
      <c r="IG32" s="71">
        <v>1</v>
      </c>
      <c r="IH32" s="71">
        <v>0</v>
      </c>
      <c r="II32" s="72">
        <v>2</v>
      </c>
      <c r="IJ32" s="73">
        <v>4</v>
      </c>
      <c r="IK32" s="70">
        <v>1</v>
      </c>
      <c r="IL32" s="71">
        <v>1</v>
      </c>
      <c r="IM32" s="72">
        <v>2</v>
      </c>
      <c r="IN32" s="244"/>
      <c r="IO32" s="71">
        <v>4</v>
      </c>
      <c r="IP32" s="71">
        <v>0</v>
      </c>
      <c r="IQ32" s="71">
        <v>4</v>
      </c>
      <c r="IR32" s="71">
        <v>1</v>
      </c>
      <c r="IS32" s="71">
        <v>0</v>
      </c>
      <c r="IT32" s="72">
        <v>9</v>
      </c>
      <c r="IU32" s="73">
        <v>11</v>
      </c>
      <c r="IV32" s="70">
        <v>0</v>
      </c>
      <c r="IW32" s="71">
        <v>0</v>
      </c>
      <c r="IX32" s="72">
        <v>0</v>
      </c>
      <c r="IY32" s="244"/>
      <c r="IZ32" s="71">
        <v>3</v>
      </c>
      <c r="JA32" s="71">
        <v>0</v>
      </c>
      <c r="JB32" s="71">
        <v>0</v>
      </c>
      <c r="JC32" s="71">
        <v>1</v>
      </c>
      <c r="JD32" s="71">
        <v>0</v>
      </c>
      <c r="JE32" s="72">
        <v>4</v>
      </c>
      <c r="JF32" s="73">
        <v>4</v>
      </c>
      <c r="JG32" s="70">
        <v>1</v>
      </c>
      <c r="JH32" s="71">
        <v>0</v>
      </c>
      <c r="JI32" s="72">
        <v>1</v>
      </c>
      <c r="JJ32" s="244"/>
      <c r="JK32" s="71">
        <v>3</v>
      </c>
      <c r="JL32" s="71">
        <v>2</v>
      </c>
      <c r="JM32" s="71">
        <v>2</v>
      </c>
      <c r="JN32" s="71">
        <v>4</v>
      </c>
      <c r="JO32" s="71">
        <v>0</v>
      </c>
      <c r="JP32" s="72">
        <v>11</v>
      </c>
      <c r="JQ32" s="73">
        <v>12</v>
      </c>
      <c r="JR32" s="70">
        <v>0</v>
      </c>
      <c r="JS32" s="71">
        <v>0</v>
      </c>
      <c r="JT32" s="72">
        <v>0</v>
      </c>
      <c r="JU32" s="244"/>
      <c r="JV32" s="71">
        <v>0</v>
      </c>
      <c r="JW32" s="71">
        <v>0</v>
      </c>
      <c r="JX32" s="71">
        <v>0</v>
      </c>
      <c r="JY32" s="71">
        <v>0</v>
      </c>
      <c r="JZ32" s="71">
        <v>0</v>
      </c>
      <c r="KA32" s="72">
        <v>0</v>
      </c>
      <c r="KB32" s="73">
        <v>0</v>
      </c>
      <c r="KC32" s="70">
        <v>3</v>
      </c>
      <c r="KD32" s="71">
        <v>2</v>
      </c>
      <c r="KE32" s="72">
        <v>5</v>
      </c>
      <c r="KF32" s="244"/>
      <c r="KG32" s="71">
        <v>11</v>
      </c>
      <c r="KH32" s="71">
        <v>2</v>
      </c>
      <c r="KI32" s="71">
        <v>7</v>
      </c>
      <c r="KJ32" s="71">
        <v>8</v>
      </c>
      <c r="KK32" s="71">
        <v>1</v>
      </c>
      <c r="KL32" s="72">
        <v>29</v>
      </c>
      <c r="KM32" s="73">
        <v>34</v>
      </c>
    </row>
    <row r="33" spans="2:299" ht="21" customHeight="1" x14ac:dyDescent="0.2">
      <c r="B33" s="126" t="s">
        <v>30</v>
      </c>
      <c r="C33" s="315">
        <v>3</v>
      </c>
      <c r="D33" s="82">
        <v>1</v>
      </c>
      <c r="E33" s="83">
        <v>4</v>
      </c>
      <c r="F33" s="241"/>
      <c r="G33" s="82">
        <v>6</v>
      </c>
      <c r="H33" s="82">
        <v>5</v>
      </c>
      <c r="I33" s="82">
        <v>2</v>
      </c>
      <c r="J33" s="82">
        <v>4</v>
      </c>
      <c r="K33" s="82">
        <v>1</v>
      </c>
      <c r="L33" s="84">
        <v>18</v>
      </c>
      <c r="M33" s="85">
        <v>22</v>
      </c>
      <c r="N33" s="70">
        <v>0</v>
      </c>
      <c r="O33" s="71">
        <v>0</v>
      </c>
      <c r="P33" s="72">
        <v>0</v>
      </c>
      <c r="Q33" s="244"/>
      <c r="R33" s="71">
        <v>0</v>
      </c>
      <c r="S33" s="71">
        <v>0</v>
      </c>
      <c r="T33" s="71">
        <v>0</v>
      </c>
      <c r="U33" s="71">
        <v>0</v>
      </c>
      <c r="V33" s="71">
        <v>0</v>
      </c>
      <c r="W33" s="72">
        <v>0</v>
      </c>
      <c r="X33" s="73">
        <v>0</v>
      </c>
      <c r="Y33" s="70">
        <v>1</v>
      </c>
      <c r="Z33" s="71">
        <v>0</v>
      </c>
      <c r="AA33" s="72">
        <v>1</v>
      </c>
      <c r="AB33" s="244"/>
      <c r="AC33" s="71">
        <v>1</v>
      </c>
      <c r="AD33" s="71">
        <v>0</v>
      </c>
      <c r="AE33" s="71">
        <v>0</v>
      </c>
      <c r="AF33" s="71">
        <v>1</v>
      </c>
      <c r="AG33" s="71">
        <v>0</v>
      </c>
      <c r="AH33" s="72">
        <v>2</v>
      </c>
      <c r="AI33" s="73">
        <v>3</v>
      </c>
      <c r="AJ33" s="70">
        <v>0</v>
      </c>
      <c r="AK33" s="71">
        <v>0</v>
      </c>
      <c r="AL33" s="72">
        <v>0</v>
      </c>
      <c r="AM33" s="244"/>
      <c r="AN33" s="71">
        <v>0</v>
      </c>
      <c r="AO33" s="71">
        <v>1</v>
      </c>
      <c r="AP33" s="71">
        <v>0</v>
      </c>
      <c r="AQ33" s="71">
        <v>0</v>
      </c>
      <c r="AR33" s="71">
        <v>0</v>
      </c>
      <c r="AS33" s="72">
        <v>1</v>
      </c>
      <c r="AT33" s="73">
        <v>1</v>
      </c>
      <c r="AU33" s="70">
        <v>0</v>
      </c>
      <c r="AV33" s="71">
        <v>1</v>
      </c>
      <c r="AW33" s="72">
        <v>1</v>
      </c>
      <c r="AX33" s="244"/>
      <c r="AY33" s="71">
        <v>1</v>
      </c>
      <c r="AZ33" s="71">
        <v>1</v>
      </c>
      <c r="BA33" s="71">
        <v>0</v>
      </c>
      <c r="BB33" s="71">
        <v>1</v>
      </c>
      <c r="BC33" s="71">
        <v>0</v>
      </c>
      <c r="BD33" s="72">
        <v>3</v>
      </c>
      <c r="BE33" s="73">
        <v>4</v>
      </c>
      <c r="BF33" s="70">
        <v>1</v>
      </c>
      <c r="BG33" s="71">
        <v>0</v>
      </c>
      <c r="BH33" s="72">
        <v>1</v>
      </c>
      <c r="BI33" s="244"/>
      <c r="BJ33" s="71">
        <v>2</v>
      </c>
      <c r="BK33" s="71">
        <v>2</v>
      </c>
      <c r="BL33" s="71">
        <v>1</v>
      </c>
      <c r="BM33" s="71">
        <v>1</v>
      </c>
      <c r="BN33" s="71">
        <v>1</v>
      </c>
      <c r="BO33" s="72">
        <v>7</v>
      </c>
      <c r="BP33" s="73">
        <v>8</v>
      </c>
      <c r="BQ33" s="70">
        <v>1</v>
      </c>
      <c r="BR33" s="71">
        <v>0</v>
      </c>
      <c r="BS33" s="72">
        <v>1</v>
      </c>
      <c r="BT33" s="244"/>
      <c r="BU33" s="71">
        <v>2</v>
      </c>
      <c r="BV33" s="71">
        <v>1</v>
      </c>
      <c r="BW33" s="71">
        <v>1</v>
      </c>
      <c r="BX33" s="71">
        <v>1</v>
      </c>
      <c r="BY33" s="71">
        <v>0</v>
      </c>
      <c r="BZ33" s="72">
        <v>5</v>
      </c>
      <c r="CA33" s="73">
        <v>6</v>
      </c>
      <c r="CB33" s="70">
        <v>0</v>
      </c>
      <c r="CC33" s="71">
        <v>0</v>
      </c>
      <c r="CD33" s="72">
        <v>0</v>
      </c>
      <c r="CE33" s="244"/>
      <c r="CF33" s="71">
        <v>0</v>
      </c>
      <c r="CG33" s="71">
        <v>0</v>
      </c>
      <c r="CH33" s="71">
        <v>0</v>
      </c>
      <c r="CI33" s="71">
        <v>0</v>
      </c>
      <c r="CJ33" s="71">
        <v>0</v>
      </c>
      <c r="CK33" s="72">
        <v>0</v>
      </c>
      <c r="CL33" s="73">
        <v>0</v>
      </c>
      <c r="CM33" s="70">
        <v>3</v>
      </c>
      <c r="CN33" s="71">
        <v>1</v>
      </c>
      <c r="CO33" s="72">
        <v>4</v>
      </c>
      <c r="CP33" s="244"/>
      <c r="CQ33" s="71">
        <v>6</v>
      </c>
      <c r="CR33" s="71">
        <v>5</v>
      </c>
      <c r="CS33" s="71">
        <v>2</v>
      </c>
      <c r="CT33" s="71">
        <v>4</v>
      </c>
      <c r="CU33" s="71">
        <v>1</v>
      </c>
      <c r="CV33" s="72">
        <v>18</v>
      </c>
      <c r="CW33" s="73">
        <v>22</v>
      </c>
      <c r="CX33" s="123">
        <v>2</v>
      </c>
      <c r="CY33" s="82">
        <v>1</v>
      </c>
      <c r="CZ33" s="83">
        <v>3</v>
      </c>
      <c r="DA33" s="241"/>
      <c r="DB33" s="82">
        <v>3</v>
      </c>
      <c r="DC33" s="82">
        <v>3</v>
      </c>
      <c r="DD33" s="82">
        <v>1</v>
      </c>
      <c r="DE33" s="82">
        <v>1</v>
      </c>
      <c r="DF33" s="82">
        <v>0</v>
      </c>
      <c r="DG33" s="84">
        <v>8</v>
      </c>
      <c r="DH33" s="85">
        <v>11</v>
      </c>
      <c r="DI33" s="70">
        <v>0</v>
      </c>
      <c r="DJ33" s="71">
        <v>0</v>
      </c>
      <c r="DK33" s="72">
        <v>0</v>
      </c>
      <c r="DL33" s="244"/>
      <c r="DM33" s="71">
        <v>0</v>
      </c>
      <c r="DN33" s="71">
        <v>0</v>
      </c>
      <c r="DO33" s="71">
        <v>0</v>
      </c>
      <c r="DP33" s="71">
        <v>0</v>
      </c>
      <c r="DQ33" s="71">
        <v>0</v>
      </c>
      <c r="DR33" s="72">
        <v>0</v>
      </c>
      <c r="DS33" s="73">
        <v>0</v>
      </c>
      <c r="DT33" s="70">
        <v>0</v>
      </c>
      <c r="DU33" s="71">
        <v>0</v>
      </c>
      <c r="DV33" s="72">
        <v>0</v>
      </c>
      <c r="DW33" s="244"/>
      <c r="DX33" s="71">
        <v>0</v>
      </c>
      <c r="DY33" s="71">
        <v>0</v>
      </c>
      <c r="DZ33" s="71">
        <v>0</v>
      </c>
      <c r="EA33" s="71">
        <v>0</v>
      </c>
      <c r="EB33" s="71">
        <v>0</v>
      </c>
      <c r="EC33" s="72">
        <v>0</v>
      </c>
      <c r="ED33" s="73">
        <v>0</v>
      </c>
      <c r="EE33" s="70">
        <v>0</v>
      </c>
      <c r="EF33" s="71">
        <v>0</v>
      </c>
      <c r="EG33" s="72">
        <v>0</v>
      </c>
      <c r="EH33" s="244"/>
      <c r="EI33" s="71">
        <v>0</v>
      </c>
      <c r="EJ33" s="71">
        <v>1</v>
      </c>
      <c r="EK33" s="71">
        <v>0</v>
      </c>
      <c r="EL33" s="71">
        <v>0</v>
      </c>
      <c r="EM33" s="71">
        <v>0</v>
      </c>
      <c r="EN33" s="72">
        <v>1</v>
      </c>
      <c r="EO33" s="73">
        <v>1</v>
      </c>
      <c r="EP33" s="70">
        <v>1</v>
      </c>
      <c r="EQ33" s="71">
        <v>0</v>
      </c>
      <c r="ER33" s="72">
        <v>1</v>
      </c>
      <c r="ES33" s="244"/>
      <c r="ET33" s="71">
        <v>0</v>
      </c>
      <c r="EU33" s="71">
        <v>0</v>
      </c>
      <c r="EV33" s="71">
        <v>0</v>
      </c>
      <c r="EW33" s="71">
        <v>0</v>
      </c>
      <c r="EX33" s="71">
        <v>0</v>
      </c>
      <c r="EY33" s="72">
        <v>0</v>
      </c>
      <c r="EZ33" s="73">
        <v>1</v>
      </c>
      <c r="FA33" s="70">
        <v>0</v>
      </c>
      <c r="FB33" s="71">
        <v>1</v>
      </c>
      <c r="FC33" s="72">
        <v>1</v>
      </c>
      <c r="FD33" s="244"/>
      <c r="FE33" s="71">
        <v>2</v>
      </c>
      <c r="FF33" s="71">
        <v>0</v>
      </c>
      <c r="FG33" s="71">
        <v>0</v>
      </c>
      <c r="FH33" s="71">
        <v>0</v>
      </c>
      <c r="FI33" s="71">
        <v>0</v>
      </c>
      <c r="FJ33" s="72">
        <v>2</v>
      </c>
      <c r="FK33" s="73">
        <v>3</v>
      </c>
      <c r="FL33" s="70">
        <v>1</v>
      </c>
      <c r="FM33" s="71">
        <v>0</v>
      </c>
      <c r="FN33" s="72">
        <v>1</v>
      </c>
      <c r="FO33" s="244"/>
      <c r="FP33" s="71">
        <v>1</v>
      </c>
      <c r="FQ33" s="71">
        <v>2</v>
      </c>
      <c r="FR33" s="71">
        <v>1</v>
      </c>
      <c r="FS33" s="71">
        <v>1</v>
      </c>
      <c r="FT33" s="71">
        <v>0</v>
      </c>
      <c r="FU33" s="72">
        <v>5</v>
      </c>
      <c r="FV33" s="73">
        <v>6</v>
      </c>
      <c r="FW33" s="70">
        <v>0</v>
      </c>
      <c r="FX33" s="71">
        <v>0</v>
      </c>
      <c r="FY33" s="72">
        <v>0</v>
      </c>
      <c r="FZ33" s="244"/>
      <c r="GA33" s="71">
        <v>0</v>
      </c>
      <c r="GB33" s="71">
        <v>0</v>
      </c>
      <c r="GC33" s="71">
        <v>0</v>
      </c>
      <c r="GD33" s="71">
        <v>0</v>
      </c>
      <c r="GE33" s="71">
        <v>0</v>
      </c>
      <c r="GF33" s="72">
        <v>0</v>
      </c>
      <c r="GG33" s="73">
        <v>0</v>
      </c>
      <c r="GH33" s="70">
        <v>2</v>
      </c>
      <c r="GI33" s="71">
        <v>1</v>
      </c>
      <c r="GJ33" s="72">
        <v>3</v>
      </c>
      <c r="GK33" s="244"/>
      <c r="GL33" s="71">
        <v>3</v>
      </c>
      <c r="GM33" s="71">
        <v>3</v>
      </c>
      <c r="GN33" s="71">
        <v>1</v>
      </c>
      <c r="GO33" s="71">
        <v>1</v>
      </c>
      <c r="GP33" s="71">
        <v>0</v>
      </c>
      <c r="GQ33" s="72">
        <v>8</v>
      </c>
      <c r="GR33" s="73">
        <v>11</v>
      </c>
      <c r="GS33" s="123">
        <v>5</v>
      </c>
      <c r="GT33" s="82">
        <v>2</v>
      </c>
      <c r="GU33" s="83">
        <v>7</v>
      </c>
      <c r="GV33" s="241"/>
      <c r="GW33" s="82">
        <v>9</v>
      </c>
      <c r="GX33" s="82">
        <v>8</v>
      </c>
      <c r="GY33" s="82">
        <v>3</v>
      </c>
      <c r="GZ33" s="82">
        <v>5</v>
      </c>
      <c r="HA33" s="82">
        <v>1</v>
      </c>
      <c r="HB33" s="84">
        <v>26</v>
      </c>
      <c r="HC33" s="85">
        <v>33</v>
      </c>
      <c r="HD33" s="70">
        <v>0</v>
      </c>
      <c r="HE33" s="71">
        <v>0</v>
      </c>
      <c r="HF33" s="72">
        <v>0</v>
      </c>
      <c r="HG33" s="244"/>
      <c r="HH33" s="71">
        <v>0</v>
      </c>
      <c r="HI33" s="71">
        <v>0</v>
      </c>
      <c r="HJ33" s="71">
        <v>0</v>
      </c>
      <c r="HK33" s="71">
        <v>0</v>
      </c>
      <c r="HL33" s="71">
        <v>0</v>
      </c>
      <c r="HM33" s="72">
        <v>0</v>
      </c>
      <c r="HN33" s="73">
        <v>0</v>
      </c>
      <c r="HO33" s="70">
        <v>1</v>
      </c>
      <c r="HP33" s="71">
        <v>0</v>
      </c>
      <c r="HQ33" s="72">
        <v>1</v>
      </c>
      <c r="HR33" s="244"/>
      <c r="HS33" s="71">
        <v>1</v>
      </c>
      <c r="HT33" s="71">
        <v>0</v>
      </c>
      <c r="HU33" s="71">
        <v>0</v>
      </c>
      <c r="HV33" s="71">
        <v>1</v>
      </c>
      <c r="HW33" s="71">
        <v>0</v>
      </c>
      <c r="HX33" s="72">
        <v>2</v>
      </c>
      <c r="HY33" s="73">
        <v>3</v>
      </c>
      <c r="HZ33" s="70">
        <v>0</v>
      </c>
      <c r="IA33" s="71">
        <v>0</v>
      </c>
      <c r="IB33" s="72">
        <v>0</v>
      </c>
      <c r="IC33" s="244"/>
      <c r="ID33" s="71">
        <v>0</v>
      </c>
      <c r="IE33" s="71">
        <v>2</v>
      </c>
      <c r="IF33" s="71">
        <v>0</v>
      </c>
      <c r="IG33" s="71">
        <v>0</v>
      </c>
      <c r="IH33" s="71">
        <v>0</v>
      </c>
      <c r="II33" s="72">
        <v>2</v>
      </c>
      <c r="IJ33" s="73">
        <v>2</v>
      </c>
      <c r="IK33" s="70">
        <v>1</v>
      </c>
      <c r="IL33" s="71">
        <v>1</v>
      </c>
      <c r="IM33" s="72">
        <v>2</v>
      </c>
      <c r="IN33" s="244"/>
      <c r="IO33" s="71">
        <v>1</v>
      </c>
      <c r="IP33" s="71">
        <v>1</v>
      </c>
      <c r="IQ33" s="71">
        <v>0</v>
      </c>
      <c r="IR33" s="71">
        <v>1</v>
      </c>
      <c r="IS33" s="71">
        <v>0</v>
      </c>
      <c r="IT33" s="72">
        <v>3</v>
      </c>
      <c r="IU33" s="73">
        <v>5</v>
      </c>
      <c r="IV33" s="70">
        <v>1</v>
      </c>
      <c r="IW33" s="71">
        <v>1</v>
      </c>
      <c r="IX33" s="72">
        <v>2</v>
      </c>
      <c r="IY33" s="244"/>
      <c r="IZ33" s="71">
        <v>4</v>
      </c>
      <c r="JA33" s="71">
        <v>2</v>
      </c>
      <c r="JB33" s="71">
        <v>1</v>
      </c>
      <c r="JC33" s="71">
        <v>1</v>
      </c>
      <c r="JD33" s="71">
        <v>1</v>
      </c>
      <c r="JE33" s="72">
        <v>9</v>
      </c>
      <c r="JF33" s="73">
        <v>11</v>
      </c>
      <c r="JG33" s="70">
        <v>2</v>
      </c>
      <c r="JH33" s="71">
        <v>0</v>
      </c>
      <c r="JI33" s="72">
        <v>2</v>
      </c>
      <c r="JJ33" s="244"/>
      <c r="JK33" s="71">
        <v>3</v>
      </c>
      <c r="JL33" s="71">
        <v>3</v>
      </c>
      <c r="JM33" s="71">
        <v>2</v>
      </c>
      <c r="JN33" s="71">
        <v>2</v>
      </c>
      <c r="JO33" s="71">
        <v>0</v>
      </c>
      <c r="JP33" s="72">
        <v>10</v>
      </c>
      <c r="JQ33" s="73">
        <v>12</v>
      </c>
      <c r="JR33" s="70">
        <v>0</v>
      </c>
      <c r="JS33" s="71">
        <v>0</v>
      </c>
      <c r="JT33" s="72">
        <v>0</v>
      </c>
      <c r="JU33" s="244"/>
      <c r="JV33" s="71">
        <v>0</v>
      </c>
      <c r="JW33" s="71">
        <v>0</v>
      </c>
      <c r="JX33" s="71">
        <v>0</v>
      </c>
      <c r="JY33" s="71">
        <v>0</v>
      </c>
      <c r="JZ33" s="71">
        <v>0</v>
      </c>
      <c r="KA33" s="72">
        <v>0</v>
      </c>
      <c r="KB33" s="73">
        <v>0</v>
      </c>
      <c r="KC33" s="70">
        <v>5</v>
      </c>
      <c r="KD33" s="71">
        <v>2</v>
      </c>
      <c r="KE33" s="72">
        <v>7</v>
      </c>
      <c r="KF33" s="244"/>
      <c r="KG33" s="71">
        <v>9</v>
      </c>
      <c r="KH33" s="71">
        <v>8</v>
      </c>
      <c r="KI33" s="71">
        <v>3</v>
      </c>
      <c r="KJ33" s="71">
        <v>5</v>
      </c>
      <c r="KK33" s="71">
        <v>1</v>
      </c>
      <c r="KL33" s="72">
        <v>26</v>
      </c>
      <c r="KM33" s="73">
        <v>33</v>
      </c>
    </row>
    <row r="34" spans="2:299" ht="21" customHeight="1" x14ac:dyDescent="0.2">
      <c r="B34" s="126" t="s">
        <v>31</v>
      </c>
      <c r="C34" s="315">
        <v>3</v>
      </c>
      <c r="D34" s="82">
        <v>4</v>
      </c>
      <c r="E34" s="83">
        <v>7</v>
      </c>
      <c r="F34" s="241"/>
      <c r="G34" s="82">
        <v>8</v>
      </c>
      <c r="H34" s="82">
        <v>6</v>
      </c>
      <c r="I34" s="82">
        <v>3</v>
      </c>
      <c r="J34" s="82">
        <v>2</v>
      </c>
      <c r="K34" s="82">
        <v>5</v>
      </c>
      <c r="L34" s="84">
        <v>24</v>
      </c>
      <c r="M34" s="85">
        <v>31</v>
      </c>
      <c r="N34" s="70">
        <v>0</v>
      </c>
      <c r="O34" s="71">
        <v>0</v>
      </c>
      <c r="P34" s="72">
        <v>0</v>
      </c>
      <c r="Q34" s="244"/>
      <c r="R34" s="71">
        <v>1</v>
      </c>
      <c r="S34" s="71">
        <v>1</v>
      </c>
      <c r="T34" s="71">
        <v>0</v>
      </c>
      <c r="U34" s="71">
        <v>0</v>
      </c>
      <c r="V34" s="71">
        <v>0</v>
      </c>
      <c r="W34" s="72">
        <v>2</v>
      </c>
      <c r="X34" s="73">
        <v>2</v>
      </c>
      <c r="Y34" s="70">
        <v>0</v>
      </c>
      <c r="Z34" s="71">
        <v>1</v>
      </c>
      <c r="AA34" s="72">
        <v>1</v>
      </c>
      <c r="AB34" s="244"/>
      <c r="AC34" s="71">
        <v>0</v>
      </c>
      <c r="AD34" s="71">
        <v>0</v>
      </c>
      <c r="AE34" s="71">
        <v>2</v>
      </c>
      <c r="AF34" s="71">
        <v>0</v>
      </c>
      <c r="AG34" s="71">
        <v>1</v>
      </c>
      <c r="AH34" s="72">
        <v>3</v>
      </c>
      <c r="AI34" s="73">
        <v>4</v>
      </c>
      <c r="AJ34" s="70">
        <v>0</v>
      </c>
      <c r="AK34" s="71">
        <v>0</v>
      </c>
      <c r="AL34" s="72">
        <v>0</v>
      </c>
      <c r="AM34" s="244"/>
      <c r="AN34" s="71">
        <v>0</v>
      </c>
      <c r="AO34" s="71">
        <v>0</v>
      </c>
      <c r="AP34" s="71">
        <v>0</v>
      </c>
      <c r="AQ34" s="71">
        <v>1</v>
      </c>
      <c r="AR34" s="71">
        <v>0</v>
      </c>
      <c r="AS34" s="72">
        <v>1</v>
      </c>
      <c r="AT34" s="73">
        <v>1</v>
      </c>
      <c r="AU34" s="70">
        <v>1</v>
      </c>
      <c r="AV34" s="71">
        <v>2</v>
      </c>
      <c r="AW34" s="72">
        <v>3</v>
      </c>
      <c r="AX34" s="244"/>
      <c r="AY34" s="71">
        <v>2</v>
      </c>
      <c r="AZ34" s="71">
        <v>0</v>
      </c>
      <c r="BA34" s="71">
        <v>1</v>
      </c>
      <c r="BB34" s="71">
        <v>0</v>
      </c>
      <c r="BC34" s="71">
        <v>0</v>
      </c>
      <c r="BD34" s="72">
        <v>3</v>
      </c>
      <c r="BE34" s="73">
        <v>6</v>
      </c>
      <c r="BF34" s="70">
        <v>2</v>
      </c>
      <c r="BG34" s="71">
        <v>1</v>
      </c>
      <c r="BH34" s="72">
        <v>3</v>
      </c>
      <c r="BI34" s="244"/>
      <c r="BJ34" s="71">
        <v>1</v>
      </c>
      <c r="BK34" s="71">
        <v>3</v>
      </c>
      <c r="BL34" s="71">
        <v>0</v>
      </c>
      <c r="BM34" s="71">
        <v>0</v>
      </c>
      <c r="BN34" s="71">
        <v>1</v>
      </c>
      <c r="BO34" s="72">
        <v>5</v>
      </c>
      <c r="BP34" s="73">
        <v>8</v>
      </c>
      <c r="BQ34" s="70">
        <v>0</v>
      </c>
      <c r="BR34" s="71">
        <v>0</v>
      </c>
      <c r="BS34" s="72">
        <v>0</v>
      </c>
      <c r="BT34" s="244"/>
      <c r="BU34" s="71">
        <v>4</v>
      </c>
      <c r="BV34" s="71">
        <v>2</v>
      </c>
      <c r="BW34" s="71">
        <v>0</v>
      </c>
      <c r="BX34" s="71">
        <v>1</v>
      </c>
      <c r="BY34" s="71">
        <v>3</v>
      </c>
      <c r="BZ34" s="72">
        <v>10</v>
      </c>
      <c r="CA34" s="73">
        <v>10</v>
      </c>
      <c r="CB34" s="70">
        <v>0</v>
      </c>
      <c r="CC34" s="71">
        <v>0</v>
      </c>
      <c r="CD34" s="72">
        <v>0</v>
      </c>
      <c r="CE34" s="244"/>
      <c r="CF34" s="71">
        <v>0</v>
      </c>
      <c r="CG34" s="71">
        <v>0</v>
      </c>
      <c r="CH34" s="71">
        <v>0</v>
      </c>
      <c r="CI34" s="71">
        <v>0</v>
      </c>
      <c r="CJ34" s="71">
        <v>0</v>
      </c>
      <c r="CK34" s="72">
        <v>0</v>
      </c>
      <c r="CL34" s="73">
        <v>0</v>
      </c>
      <c r="CM34" s="70">
        <v>3</v>
      </c>
      <c r="CN34" s="71">
        <v>4</v>
      </c>
      <c r="CO34" s="72">
        <v>7</v>
      </c>
      <c r="CP34" s="244"/>
      <c r="CQ34" s="71">
        <v>8</v>
      </c>
      <c r="CR34" s="71">
        <v>6</v>
      </c>
      <c r="CS34" s="71">
        <v>3</v>
      </c>
      <c r="CT34" s="71">
        <v>2</v>
      </c>
      <c r="CU34" s="71">
        <v>5</v>
      </c>
      <c r="CV34" s="72">
        <v>24</v>
      </c>
      <c r="CW34" s="73">
        <v>31</v>
      </c>
      <c r="CX34" s="123">
        <v>1</v>
      </c>
      <c r="CY34" s="82">
        <v>0</v>
      </c>
      <c r="CZ34" s="83">
        <v>1</v>
      </c>
      <c r="DA34" s="241"/>
      <c r="DB34" s="82">
        <v>2</v>
      </c>
      <c r="DC34" s="82">
        <v>0</v>
      </c>
      <c r="DD34" s="82">
        <v>4</v>
      </c>
      <c r="DE34" s="82">
        <v>0</v>
      </c>
      <c r="DF34" s="82">
        <v>1</v>
      </c>
      <c r="DG34" s="84">
        <v>7</v>
      </c>
      <c r="DH34" s="85">
        <v>8</v>
      </c>
      <c r="DI34" s="70">
        <v>0</v>
      </c>
      <c r="DJ34" s="71">
        <v>0</v>
      </c>
      <c r="DK34" s="72">
        <v>0</v>
      </c>
      <c r="DL34" s="244"/>
      <c r="DM34" s="71">
        <v>0</v>
      </c>
      <c r="DN34" s="71">
        <v>0</v>
      </c>
      <c r="DO34" s="71">
        <v>0</v>
      </c>
      <c r="DP34" s="71">
        <v>0</v>
      </c>
      <c r="DQ34" s="71">
        <v>0</v>
      </c>
      <c r="DR34" s="72">
        <v>0</v>
      </c>
      <c r="DS34" s="73">
        <v>0</v>
      </c>
      <c r="DT34" s="70">
        <v>0</v>
      </c>
      <c r="DU34" s="71">
        <v>0</v>
      </c>
      <c r="DV34" s="72">
        <v>0</v>
      </c>
      <c r="DW34" s="244"/>
      <c r="DX34" s="71">
        <v>0</v>
      </c>
      <c r="DY34" s="71">
        <v>0</v>
      </c>
      <c r="DZ34" s="71">
        <v>0</v>
      </c>
      <c r="EA34" s="71">
        <v>0</v>
      </c>
      <c r="EB34" s="71">
        <v>0</v>
      </c>
      <c r="EC34" s="72">
        <v>0</v>
      </c>
      <c r="ED34" s="73">
        <v>0</v>
      </c>
      <c r="EE34" s="70">
        <v>0</v>
      </c>
      <c r="EF34" s="71">
        <v>0</v>
      </c>
      <c r="EG34" s="72">
        <v>0</v>
      </c>
      <c r="EH34" s="244"/>
      <c r="EI34" s="71">
        <v>0</v>
      </c>
      <c r="EJ34" s="71">
        <v>0</v>
      </c>
      <c r="EK34" s="71">
        <v>2</v>
      </c>
      <c r="EL34" s="71">
        <v>0</v>
      </c>
      <c r="EM34" s="71">
        <v>0</v>
      </c>
      <c r="EN34" s="72">
        <v>2</v>
      </c>
      <c r="EO34" s="73">
        <v>2</v>
      </c>
      <c r="EP34" s="70">
        <v>1</v>
      </c>
      <c r="EQ34" s="71">
        <v>0</v>
      </c>
      <c r="ER34" s="72">
        <v>1</v>
      </c>
      <c r="ES34" s="244"/>
      <c r="ET34" s="71">
        <v>2</v>
      </c>
      <c r="EU34" s="71">
        <v>0</v>
      </c>
      <c r="EV34" s="71">
        <v>0</v>
      </c>
      <c r="EW34" s="71">
        <v>0</v>
      </c>
      <c r="EX34" s="71">
        <v>0</v>
      </c>
      <c r="EY34" s="72">
        <v>2</v>
      </c>
      <c r="EZ34" s="73">
        <v>3</v>
      </c>
      <c r="FA34" s="70">
        <v>0</v>
      </c>
      <c r="FB34" s="71">
        <v>0</v>
      </c>
      <c r="FC34" s="72">
        <v>0</v>
      </c>
      <c r="FD34" s="244"/>
      <c r="FE34" s="71">
        <v>0</v>
      </c>
      <c r="FF34" s="71">
        <v>0</v>
      </c>
      <c r="FG34" s="71">
        <v>0</v>
      </c>
      <c r="FH34" s="71">
        <v>0</v>
      </c>
      <c r="FI34" s="71">
        <v>0</v>
      </c>
      <c r="FJ34" s="72">
        <v>0</v>
      </c>
      <c r="FK34" s="73">
        <v>0</v>
      </c>
      <c r="FL34" s="70">
        <v>0</v>
      </c>
      <c r="FM34" s="71">
        <v>0</v>
      </c>
      <c r="FN34" s="72">
        <v>0</v>
      </c>
      <c r="FO34" s="244"/>
      <c r="FP34" s="71">
        <v>0</v>
      </c>
      <c r="FQ34" s="71">
        <v>0</v>
      </c>
      <c r="FR34" s="71">
        <v>2</v>
      </c>
      <c r="FS34" s="71">
        <v>0</v>
      </c>
      <c r="FT34" s="71">
        <v>1</v>
      </c>
      <c r="FU34" s="72">
        <v>3</v>
      </c>
      <c r="FV34" s="73">
        <v>3</v>
      </c>
      <c r="FW34" s="70">
        <v>0</v>
      </c>
      <c r="FX34" s="71">
        <v>0</v>
      </c>
      <c r="FY34" s="72">
        <v>0</v>
      </c>
      <c r="FZ34" s="244"/>
      <c r="GA34" s="71">
        <v>0</v>
      </c>
      <c r="GB34" s="71">
        <v>0</v>
      </c>
      <c r="GC34" s="71">
        <v>0</v>
      </c>
      <c r="GD34" s="71">
        <v>0</v>
      </c>
      <c r="GE34" s="71">
        <v>0</v>
      </c>
      <c r="GF34" s="72">
        <v>0</v>
      </c>
      <c r="GG34" s="73">
        <v>0</v>
      </c>
      <c r="GH34" s="70">
        <v>1</v>
      </c>
      <c r="GI34" s="71">
        <v>0</v>
      </c>
      <c r="GJ34" s="72">
        <v>1</v>
      </c>
      <c r="GK34" s="244"/>
      <c r="GL34" s="71">
        <v>2</v>
      </c>
      <c r="GM34" s="71">
        <v>0</v>
      </c>
      <c r="GN34" s="71">
        <v>4</v>
      </c>
      <c r="GO34" s="71">
        <v>0</v>
      </c>
      <c r="GP34" s="71">
        <v>1</v>
      </c>
      <c r="GQ34" s="72">
        <v>7</v>
      </c>
      <c r="GR34" s="73">
        <v>8</v>
      </c>
      <c r="GS34" s="123">
        <v>4</v>
      </c>
      <c r="GT34" s="82">
        <v>4</v>
      </c>
      <c r="GU34" s="83">
        <v>8</v>
      </c>
      <c r="GV34" s="241"/>
      <c r="GW34" s="82">
        <v>10</v>
      </c>
      <c r="GX34" s="82">
        <v>6</v>
      </c>
      <c r="GY34" s="82">
        <v>7</v>
      </c>
      <c r="GZ34" s="82">
        <v>2</v>
      </c>
      <c r="HA34" s="82">
        <v>6</v>
      </c>
      <c r="HB34" s="84">
        <v>31</v>
      </c>
      <c r="HC34" s="85">
        <v>39</v>
      </c>
      <c r="HD34" s="70">
        <v>0</v>
      </c>
      <c r="HE34" s="71">
        <v>0</v>
      </c>
      <c r="HF34" s="72">
        <v>0</v>
      </c>
      <c r="HG34" s="244"/>
      <c r="HH34" s="71">
        <v>1</v>
      </c>
      <c r="HI34" s="71">
        <v>1</v>
      </c>
      <c r="HJ34" s="71">
        <v>0</v>
      </c>
      <c r="HK34" s="71">
        <v>0</v>
      </c>
      <c r="HL34" s="71">
        <v>0</v>
      </c>
      <c r="HM34" s="72">
        <v>2</v>
      </c>
      <c r="HN34" s="73">
        <v>2</v>
      </c>
      <c r="HO34" s="70">
        <v>0</v>
      </c>
      <c r="HP34" s="71">
        <v>1</v>
      </c>
      <c r="HQ34" s="72">
        <v>1</v>
      </c>
      <c r="HR34" s="244"/>
      <c r="HS34" s="71">
        <v>0</v>
      </c>
      <c r="HT34" s="71">
        <v>0</v>
      </c>
      <c r="HU34" s="71">
        <v>2</v>
      </c>
      <c r="HV34" s="71">
        <v>0</v>
      </c>
      <c r="HW34" s="71">
        <v>1</v>
      </c>
      <c r="HX34" s="72">
        <v>3</v>
      </c>
      <c r="HY34" s="73">
        <v>4</v>
      </c>
      <c r="HZ34" s="70">
        <v>0</v>
      </c>
      <c r="IA34" s="71">
        <v>0</v>
      </c>
      <c r="IB34" s="72">
        <v>0</v>
      </c>
      <c r="IC34" s="244"/>
      <c r="ID34" s="71">
        <v>0</v>
      </c>
      <c r="IE34" s="71">
        <v>0</v>
      </c>
      <c r="IF34" s="71">
        <v>2</v>
      </c>
      <c r="IG34" s="71">
        <v>1</v>
      </c>
      <c r="IH34" s="71">
        <v>0</v>
      </c>
      <c r="II34" s="72">
        <v>3</v>
      </c>
      <c r="IJ34" s="73">
        <v>3</v>
      </c>
      <c r="IK34" s="70">
        <v>2</v>
      </c>
      <c r="IL34" s="71">
        <v>2</v>
      </c>
      <c r="IM34" s="72">
        <v>4</v>
      </c>
      <c r="IN34" s="244"/>
      <c r="IO34" s="71">
        <v>4</v>
      </c>
      <c r="IP34" s="71">
        <v>0</v>
      </c>
      <c r="IQ34" s="71">
        <v>1</v>
      </c>
      <c r="IR34" s="71">
        <v>0</v>
      </c>
      <c r="IS34" s="71">
        <v>0</v>
      </c>
      <c r="IT34" s="72">
        <v>5</v>
      </c>
      <c r="IU34" s="73">
        <v>9</v>
      </c>
      <c r="IV34" s="70">
        <v>2</v>
      </c>
      <c r="IW34" s="71">
        <v>1</v>
      </c>
      <c r="IX34" s="72">
        <v>3</v>
      </c>
      <c r="IY34" s="244"/>
      <c r="IZ34" s="71">
        <v>1</v>
      </c>
      <c r="JA34" s="71">
        <v>3</v>
      </c>
      <c r="JB34" s="71">
        <v>0</v>
      </c>
      <c r="JC34" s="71">
        <v>0</v>
      </c>
      <c r="JD34" s="71">
        <v>1</v>
      </c>
      <c r="JE34" s="72">
        <v>5</v>
      </c>
      <c r="JF34" s="73">
        <v>8</v>
      </c>
      <c r="JG34" s="70">
        <v>0</v>
      </c>
      <c r="JH34" s="71">
        <v>0</v>
      </c>
      <c r="JI34" s="72">
        <v>0</v>
      </c>
      <c r="JJ34" s="244"/>
      <c r="JK34" s="71">
        <v>4</v>
      </c>
      <c r="JL34" s="71">
        <v>2</v>
      </c>
      <c r="JM34" s="71">
        <v>2</v>
      </c>
      <c r="JN34" s="71">
        <v>1</v>
      </c>
      <c r="JO34" s="71">
        <v>4</v>
      </c>
      <c r="JP34" s="72">
        <v>13</v>
      </c>
      <c r="JQ34" s="73">
        <v>13</v>
      </c>
      <c r="JR34" s="70">
        <v>0</v>
      </c>
      <c r="JS34" s="71">
        <v>0</v>
      </c>
      <c r="JT34" s="72">
        <v>0</v>
      </c>
      <c r="JU34" s="244"/>
      <c r="JV34" s="71">
        <v>0</v>
      </c>
      <c r="JW34" s="71">
        <v>0</v>
      </c>
      <c r="JX34" s="71">
        <v>0</v>
      </c>
      <c r="JY34" s="71">
        <v>0</v>
      </c>
      <c r="JZ34" s="71">
        <v>0</v>
      </c>
      <c r="KA34" s="72">
        <v>0</v>
      </c>
      <c r="KB34" s="73">
        <v>0</v>
      </c>
      <c r="KC34" s="70">
        <v>4</v>
      </c>
      <c r="KD34" s="71">
        <v>4</v>
      </c>
      <c r="KE34" s="72">
        <v>8</v>
      </c>
      <c r="KF34" s="244"/>
      <c r="KG34" s="71">
        <v>10</v>
      </c>
      <c r="KH34" s="71">
        <v>6</v>
      </c>
      <c r="KI34" s="71">
        <v>7</v>
      </c>
      <c r="KJ34" s="71">
        <v>2</v>
      </c>
      <c r="KK34" s="71">
        <v>6</v>
      </c>
      <c r="KL34" s="72">
        <v>31</v>
      </c>
      <c r="KM34" s="73">
        <v>39</v>
      </c>
    </row>
    <row r="35" spans="2:299" ht="21" customHeight="1" x14ac:dyDescent="0.2">
      <c r="B35" s="126" t="s">
        <v>32</v>
      </c>
      <c r="C35" s="315">
        <v>5</v>
      </c>
      <c r="D35" s="82">
        <v>1</v>
      </c>
      <c r="E35" s="83">
        <v>6</v>
      </c>
      <c r="F35" s="241"/>
      <c r="G35" s="82">
        <v>6</v>
      </c>
      <c r="H35" s="82">
        <v>6</v>
      </c>
      <c r="I35" s="82">
        <v>3</v>
      </c>
      <c r="J35" s="82">
        <v>4</v>
      </c>
      <c r="K35" s="82">
        <v>4</v>
      </c>
      <c r="L35" s="84">
        <v>23</v>
      </c>
      <c r="M35" s="85">
        <v>29</v>
      </c>
      <c r="N35" s="70">
        <v>1</v>
      </c>
      <c r="O35" s="71">
        <v>0</v>
      </c>
      <c r="P35" s="72">
        <v>1</v>
      </c>
      <c r="Q35" s="244"/>
      <c r="R35" s="71">
        <v>0</v>
      </c>
      <c r="S35" s="71">
        <v>0</v>
      </c>
      <c r="T35" s="71">
        <v>0</v>
      </c>
      <c r="U35" s="71">
        <v>0</v>
      </c>
      <c r="V35" s="71">
        <v>0</v>
      </c>
      <c r="W35" s="72">
        <v>0</v>
      </c>
      <c r="X35" s="73">
        <v>1</v>
      </c>
      <c r="Y35" s="70">
        <v>2</v>
      </c>
      <c r="Z35" s="71">
        <v>0</v>
      </c>
      <c r="AA35" s="72">
        <v>2</v>
      </c>
      <c r="AB35" s="244"/>
      <c r="AC35" s="71">
        <v>0</v>
      </c>
      <c r="AD35" s="71">
        <v>1</v>
      </c>
      <c r="AE35" s="71">
        <v>0</v>
      </c>
      <c r="AF35" s="71">
        <v>1</v>
      </c>
      <c r="AG35" s="71">
        <v>0</v>
      </c>
      <c r="AH35" s="72">
        <v>2</v>
      </c>
      <c r="AI35" s="73">
        <v>4</v>
      </c>
      <c r="AJ35" s="70">
        <v>1</v>
      </c>
      <c r="AK35" s="71">
        <v>0</v>
      </c>
      <c r="AL35" s="72">
        <v>1</v>
      </c>
      <c r="AM35" s="244"/>
      <c r="AN35" s="71">
        <v>1</v>
      </c>
      <c r="AO35" s="71">
        <v>1</v>
      </c>
      <c r="AP35" s="71">
        <v>0</v>
      </c>
      <c r="AQ35" s="71">
        <v>0</v>
      </c>
      <c r="AR35" s="71">
        <v>2</v>
      </c>
      <c r="AS35" s="72">
        <v>4</v>
      </c>
      <c r="AT35" s="73">
        <v>5</v>
      </c>
      <c r="AU35" s="70">
        <v>0</v>
      </c>
      <c r="AV35" s="71">
        <v>1</v>
      </c>
      <c r="AW35" s="72">
        <v>1</v>
      </c>
      <c r="AX35" s="244"/>
      <c r="AY35" s="71">
        <v>2</v>
      </c>
      <c r="AZ35" s="71">
        <v>0</v>
      </c>
      <c r="BA35" s="71">
        <v>0</v>
      </c>
      <c r="BB35" s="71">
        <v>1</v>
      </c>
      <c r="BC35" s="71">
        <v>0</v>
      </c>
      <c r="BD35" s="72">
        <v>3</v>
      </c>
      <c r="BE35" s="73">
        <v>4</v>
      </c>
      <c r="BF35" s="70">
        <v>1</v>
      </c>
      <c r="BG35" s="71">
        <v>0</v>
      </c>
      <c r="BH35" s="72">
        <v>1</v>
      </c>
      <c r="BI35" s="244"/>
      <c r="BJ35" s="71">
        <v>2</v>
      </c>
      <c r="BK35" s="71">
        <v>2</v>
      </c>
      <c r="BL35" s="71">
        <v>2</v>
      </c>
      <c r="BM35" s="71">
        <v>1</v>
      </c>
      <c r="BN35" s="71">
        <v>1</v>
      </c>
      <c r="BO35" s="72">
        <v>8</v>
      </c>
      <c r="BP35" s="73">
        <v>9</v>
      </c>
      <c r="BQ35" s="70">
        <v>0</v>
      </c>
      <c r="BR35" s="71">
        <v>0</v>
      </c>
      <c r="BS35" s="72">
        <v>0</v>
      </c>
      <c r="BT35" s="244"/>
      <c r="BU35" s="71">
        <v>1</v>
      </c>
      <c r="BV35" s="71">
        <v>2</v>
      </c>
      <c r="BW35" s="71">
        <v>1</v>
      </c>
      <c r="BX35" s="71">
        <v>1</v>
      </c>
      <c r="BY35" s="71">
        <v>1</v>
      </c>
      <c r="BZ35" s="72">
        <v>6</v>
      </c>
      <c r="CA35" s="73">
        <v>6</v>
      </c>
      <c r="CB35" s="70">
        <v>0</v>
      </c>
      <c r="CC35" s="71">
        <v>0</v>
      </c>
      <c r="CD35" s="72">
        <v>0</v>
      </c>
      <c r="CE35" s="244"/>
      <c r="CF35" s="71">
        <v>0</v>
      </c>
      <c r="CG35" s="71">
        <v>0</v>
      </c>
      <c r="CH35" s="71">
        <v>0</v>
      </c>
      <c r="CI35" s="71">
        <v>0</v>
      </c>
      <c r="CJ35" s="71">
        <v>0</v>
      </c>
      <c r="CK35" s="72">
        <v>0</v>
      </c>
      <c r="CL35" s="73">
        <v>0</v>
      </c>
      <c r="CM35" s="70">
        <v>5</v>
      </c>
      <c r="CN35" s="71">
        <v>1</v>
      </c>
      <c r="CO35" s="72">
        <v>6</v>
      </c>
      <c r="CP35" s="244"/>
      <c r="CQ35" s="71">
        <v>6</v>
      </c>
      <c r="CR35" s="71">
        <v>6</v>
      </c>
      <c r="CS35" s="71">
        <v>3</v>
      </c>
      <c r="CT35" s="71">
        <v>4</v>
      </c>
      <c r="CU35" s="71">
        <v>4</v>
      </c>
      <c r="CV35" s="72">
        <v>23</v>
      </c>
      <c r="CW35" s="73">
        <v>29</v>
      </c>
      <c r="CX35" s="123">
        <v>0</v>
      </c>
      <c r="CY35" s="82">
        <v>1</v>
      </c>
      <c r="CZ35" s="83">
        <v>1</v>
      </c>
      <c r="DA35" s="241"/>
      <c r="DB35" s="82">
        <v>2</v>
      </c>
      <c r="DC35" s="82">
        <v>3</v>
      </c>
      <c r="DD35" s="82">
        <v>2</v>
      </c>
      <c r="DE35" s="82">
        <v>2</v>
      </c>
      <c r="DF35" s="82">
        <v>0</v>
      </c>
      <c r="DG35" s="84">
        <v>9</v>
      </c>
      <c r="DH35" s="85">
        <v>10</v>
      </c>
      <c r="DI35" s="70">
        <v>0</v>
      </c>
      <c r="DJ35" s="71">
        <v>0</v>
      </c>
      <c r="DK35" s="72">
        <v>0</v>
      </c>
      <c r="DL35" s="244"/>
      <c r="DM35" s="71">
        <v>0</v>
      </c>
      <c r="DN35" s="71">
        <v>0</v>
      </c>
      <c r="DO35" s="71">
        <v>0</v>
      </c>
      <c r="DP35" s="71">
        <v>0</v>
      </c>
      <c r="DQ35" s="71">
        <v>0</v>
      </c>
      <c r="DR35" s="72">
        <v>0</v>
      </c>
      <c r="DS35" s="73">
        <v>0</v>
      </c>
      <c r="DT35" s="70">
        <v>0</v>
      </c>
      <c r="DU35" s="71">
        <v>0</v>
      </c>
      <c r="DV35" s="72">
        <v>0</v>
      </c>
      <c r="DW35" s="244"/>
      <c r="DX35" s="71">
        <v>0</v>
      </c>
      <c r="DY35" s="71">
        <v>0</v>
      </c>
      <c r="DZ35" s="71">
        <v>0</v>
      </c>
      <c r="EA35" s="71">
        <v>0</v>
      </c>
      <c r="EB35" s="71">
        <v>0</v>
      </c>
      <c r="EC35" s="72">
        <v>0</v>
      </c>
      <c r="ED35" s="73">
        <v>0</v>
      </c>
      <c r="EE35" s="70">
        <v>0</v>
      </c>
      <c r="EF35" s="71">
        <v>1</v>
      </c>
      <c r="EG35" s="72">
        <v>1</v>
      </c>
      <c r="EH35" s="244"/>
      <c r="EI35" s="71">
        <v>0</v>
      </c>
      <c r="EJ35" s="71">
        <v>0</v>
      </c>
      <c r="EK35" s="71">
        <v>0</v>
      </c>
      <c r="EL35" s="71">
        <v>0</v>
      </c>
      <c r="EM35" s="71">
        <v>0</v>
      </c>
      <c r="EN35" s="72">
        <v>0</v>
      </c>
      <c r="EO35" s="73">
        <v>1</v>
      </c>
      <c r="EP35" s="70">
        <v>0</v>
      </c>
      <c r="EQ35" s="71">
        <v>0</v>
      </c>
      <c r="ER35" s="72">
        <v>0</v>
      </c>
      <c r="ES35" s="244"/>
      <c r="ET35" s="71">
        <v>0</v>
      </c>
      <c r="EU35" s="71">
        <v>0</v>
      </c>
      <c r="EV35" s="71">
        <v>0</v>
      </c>
      <c r="EW35" s="71">
        <v>0</v>
      </c>
      <c r="EX35" s="71">
        <v>0</v>
      </c>
      <c r="EY35" s="72">
        <v>0</v>
      </c>
      <c r="EZ35" s="73">
        <v>0</v>
      </c>
      <c r="FA35" s="70">
        <v>0</v>
      </c>
      <c r="FB35" s="71">
        <v>0</v>
      </c>
      <c r="FC35" s="72">
        <v>0</v>
      </c>
      <c r="FD35" s="244"/>
      <c r="FE35" s="71">
        <v>1</v>
      </c>
      <c r="FF35" s="71">
        <v>1</v>
      </c>
      <c r="FG35" s="71">
        <v>1</v>
      </c>
      <c r="FH35" s="71">
        <v>0</v>
      </c>
      <c r="FI35" s="71">
        <v>0</v>
      </c>
      <c r="FJ35" s="72">
        <v>3</v>
      </c>
      <c r="FK35" s="73">
        <v>3</v>
      </c>
      <c r="FL35" s="70">
        <v>0</v>
      </c>
      <c r="FM35" s="71">
        <v>0</v>
      </c>
      <c r="FN35" s="72">
        <v>0</v>
      </c>
      <c r="FO35" s="244"/>
      <c r="FP35" s="71">
        <v>1</v>
      </c>
      <c r="FQ35" s="71">
        <v>2</v>
      </c>
      <c r="FR35" s="71">
        <v>1</v>
      </c>
      <c r="FS35" s="71">
        <v>2</v>
      </c>
      <c r="FT35" s="71">
        <v>0</v>
      </c>
      <c r="FU35" s="72">
        <v>6</v>
      </c>
      <c r="FV35" s="73">
        <v>6</v>
      </c>
      <c r="FW35" s="70">
        <v>0</v>
      </c>
      <c r="FX35" s="71">
        <v>0</v>
      </c>
      <c r="FY35" s="72">
        <v>0</v>
      </c>
      <c r="FZ35" s="244"/>
      <c r="GA35" s="71">
        <v>0</v>
      </c>
      <c r="GB35" s="71">
        <v>0</v>
      </c>
      <c r="GC35" s="71">
        <v>0</v>
      </c>
      <c r="GD35" s="71">
        <v>0</v>
      </c>
      <c r="GE35" s="71">
        <v>0</v>
      </c>
      <c r="GF35" s="72">
        <v>0</v>
      </c>
      <c r="GG35" s="73">
        <v>0</v>
      </c>
      <c r="GH35" s="70">
        <v>0</v>
      </c>
      <c r="GI35" s="71">
        <v>1</v>
      </c>
      <c r="GJ35" s="72">
        <v>1</v>
      </c>
      <c r="GK35" s="244"/>
      <c r="GL35" s="71">
        <v>2</v>
      </c>
      <c r="GM35" s="71">
        <v>3</v>
      </c>
      <c r="GN35" s="71">
        <v>2</v>
      </c>
      <c r="GO35" s="71">
        <v>2</v>
      </c>
      <c r="GP35" s="71">
        <v>0</v>
      </c>
      <c r="GQ35" s="72">
        <v>9</v>
      </c>
      <c r="GR35" s="73">
        <v>10</v>
      </c>
      <c r="GS35" s="123">
        <v>5</v>
      </c>
      <c r="GT35" s="82">
        <v>2</v>
      </c>
      <c r="GU35" s="83">
        <v>7</v>
      </c>
      <c r="GV35" s="241"/>
      <c r="GW35" s="82">
        <v>8</v>
      </c>
      <c r="GX35" s="82">
        <v>9</v>
      </c>
      <c r="GY35" s="82">
        <v>5</v>
      </c>
      <c r="GZ35" s="82">
        <v>6</v>
      </c>
      <c r="HA35" s="82">
        <v>4</v>
      </c>
      <c r="HB35" s="84">
        <v>32</v>
      </c>
      <c r="HC35" s="85">
        <v>39</v>
      </c>
      <c r="HD35" s="70">
        <v>1</v>
      </c>
      <c r="HE35" s="71">
        <v>0</v>
      </c>
      <c r="HF35" s="72">
        <v>1</v>
      </c>
      <c r="HG35" s="244"/>
      <c r="HH35" s="71">
        <v>0</v>
      </c>
      <c r="HI35" s="71">
        <v>0</v>
      </c>
      <c r="HJ35" s="71">
        <v>0</v>
      </c>
      <c r="HK35" s="71">
        <v>0</v>
      </c>
      <c r="HL35" s="71">
        <v>0</v>
      </c>
      <c r="HM35" s="72">
        <v>0</v>
      </c>
      <c r="HN35" s="73">
        <v>1</v>
      </c>
      <c r="HO35" s="70">
        <v>2</v>
      </c>
      <c r="HP35" s="71">
        <v>0</v>
      </c>
      <c r="HQ35" s="72">
        <v>2</v>
      </c>
      <c r="HR35" s="244"/>
      <c r="HS35" s="71">
        <v>0</v>
      </c>
      <c r="HT35" s="71">
        <v>1</v>
      </c>
      <c r="HU35" s="71">
        <v>0</v>
      </c>
      <c r="HV35" s="71">
        <v>1</v>
      </c>
      <c r="HW35" s="71">
        <v>0</v>
      </c>
      <c r="HX35" s="72">
        <v>2</v>
      </c>
      <c r="HY35" s="73">
        <v>4</v>
      </c>
      <c r="HZ35" s="70">
        <v>1</v>
      </c>
      <c r="IA35" s="71">
        <v>1</v>
      </c>
      <c r="IB35" s="72">
        <v>2</v>
      </c>
      <c r="IC35" s="244"/>
      <c r="ID35" s="71">
        <v>1</v>
      </c>
      <c r="IE35" s="71">
        <v>1</v>
      </c>
      <c r="IF35" s="71">
        <v>0</v>
      </c>
      <c r="IG35" s="71">
        <v>0</v>
      </c>
      <c r="IH35" s="71">
        <v>2</v>
      </c>
      <c r="II35" s="72">
        <v>4</v>
      </c>
      <c r="IJ35" s="73">
        <v>6</v>
      </c>
      <c r="IK35" s="70">
        <v>0</v>
      </c>
      <c r="IL35" s="71">
        <v>1</v>
      </c>
      <c r="IM35" s="72">
        <v>1</v>
      </c>
      <c r="IN35" s="244"/>
      <c r="IO35" s="71">
        <v>2</v>
      </c>
      <c r="IP35" s="71">
        <v>0</v>
      </c>
      <c r="IQ35" s="71">
        <v>0</v>
      </c>
      <c r="IR35" s="71">
        <v>1</v>
      </c>
      <c r="IS35" s="71">
        <v>0</v>
      </c>
      <c r="IT35" s="72">
        <v>3</v>
      </c>
      <c r="IU35" s="73">
        <v>4</v>
      </c>
      <c r="IV35" s="70">
        <v>1</v>
      </c>
      <c r="IW35" s="71">
        <v>0</v>
      </c>
      <c r="IX35" s="72">
        <v>1</v>
      </c>
      <c r="IY35" s="244"/>
      <c r="IZ35" s="71">
        <v>3</v>
      </c>
      <c r="JA35" s="71">
        <v>3</v>
      </c>
      <c r="JB35" s="71">
        <v>3</v>
      </c>
      <c r="JC35" s="71">
        <v>1</v>
      </c>
      <c r="JD35" s="71">
        <v>1</v>
      </c>
      <c r="JE35" s="72">
        <v>11</v>
      </c>
      <c r="JF35" s="73">
        <v>12</v>
      </c>
      <c r="JG35" s="70">
        <v>0</v>
      </c>
      <c r="JH35" s="71">
        <v>0</v>
      </c>
      <c r="JI35" s="72">
        <v>0</v>
      </c>
      <c r="JJ35" s="244"/>
      <c r="JK35" s="71">
        <v>2</v>
      </c>
      <c r="JL35" s="71">
        <v>4</v>
      </c>
      <c r="JM35" s="71">
        <v>2</v>
      </c>
      <c r="JN35" s="71">
        <v>3</v>
      </c>
      <c r="JO35" s="71">
        <v>1</v>
      </c>
      <c r="JP35" s="72">
        <v>12</v>
      </c>
      <c r="JQ35" s="73">
        <v>12</v>
      </c>
      <c r="JR35" s="70">
        <v>0</v>
      </c>
      <c r="JS35" s="71">
        <v>0</v>
      </c>
      <c r="JT35" s="72">
        <v>0</v>
      </c>
      <c r="JU35" s="244"/>
      <c r="JV35" s="71">
        <v>0</v>
      </c>
      <c r="JW35" s="71">
        <v>0</v>
      </c>
      <c r="JX35" s="71">
        <v>0</v>
      </c>
      <c r="JY35" s="71">
        <v>0</v>
      </c>
      <c r="JZ35" s="71">
        <v>0</v>
      </c>
      <c r="KA35" s="72">
        <v>0</v>
      </c>
      <c r="KB35" s="73">
        <v>0</v>
      </c>
      <c r="KC35" s="70">
        <v>5</v>
      </c>
      <c r="KD35" s="71">
        <v>2</v>
      </c>
      <c r="KE35" s="72">
        <v>7</v>
      </c>
      <c r="KF35" s="244"/>
      <c r="KG35" s="71">
        <v>8</v>
      </c>
      <c r="KH35" s="71">
        <v>9</v>
      </c>
      <c r="KI35" s="71">
        <v>5</v>
      </c>
      <c r="KJ35" s="71">
        <v>6</v>
      </c>
      <c r="KK35" s="71">
        <v>4</v>
      </c>
      <c r="KL35" s="72">
        <v>32</v>
      </c>
      <c r="KM35" s="73">
        <v>39</v>
      </c>
    </row>
    <row r="36" spans="2:299" ht="21" customHeight="1" x14ac:dyDescent="0.2">
      <c r="B36" s="126" t="s">
        <v>33</v>
      </c>
      <c r="C36" s="315">
        <v>3</v>
      </c>
      <c r="D36" s="82">
        <v>1</v>
      </c>
      <c r="E36" s="83">
        <v>4</v>
      </c>
      <c r="F36" s="241"/>
      <c r="G36" s="82">
        <v>8</v>
      </c>
      <c r="H36" s="82">
        <v>1</v>
      </c>
      <c r="I36" s="82">
        <v>2</v>
      </c>
      <c r="J36" s="82">
        <v>3</v>
      </c>
      <c r="K36" s="82">
        <v>4</v>
      </c>
      <c r="L36" s="84">
        <v>18</v>
      </c>
      <c r="M36" s="85">
        <v>22</v>
      </c>
      <c r="N36" s="70">
        <v>0</v>
      </c>
      <c r="O36" s="71">
        <v>0</v>
      </c>
      <c r="P36" s="72">
        <v>0</v>
      </c>
      <c r="Q36" s="244"/>
      <c r="R36" s="71">
        <v>1</v>
      </c>
      <c r="S36" s="71">
        <v>0</v>
      </c>
      <c r="T36" s="71">
        <v>0</v>
      </c>
      <c r="U36" s="71">
        <v>0</v>
      </c>
      <c r="V36" s="71">
        <v>0</v>
      </c>
      <c r="W36" s="72">
        <v>1</v>
      </c>
      <c r="X36" s="73">
        <v>1</v>
      </c>
      <c r="Y36" s="70">
        <v>0</v>
      </c>
      <c r="Z36" s="71">
        <v>0</v>
      </c>
      <c r="AA36" s="72">
        <v>0</v>
      </c>
      <c r="AB36" s="244"/>
      <c r="AC36" s="71">
        <v>1</v>
      </c>
      <c r="AD36" s="71">
        <v>0</v>
      </c>
      <c r="AE36" s="71">
        <v>0</v>
      </c>
      <c r="AF36" s="71">
        <v>1</v>
      </c>
      <c r="AG36" s="71">
        <v>1</v>
      </c>
      <c r="AH36" s="72">
        <v>3</v>
      </c>
      <c r="AI36" s="73">
        <v>3</v>
      </c>
      <c r="AJ36" s="70">
        <v>0</v>
      </c>
      <c r="AK36" s="71">
        <v>0</v>
      </c>
      <c r="AL36" s="72">
        <v>0</v>
      </c>
      <c r="AM36" s="244"/>
      <c r="AN36" s="71">
        <v>2</v>
      </c>
      <c r="AO36" s="71">
        <v>0</v>
      </c>
      <c r="AP36" s="71">
        <v>0</v>
      </c>
      <c r="AQ36" s="71">
        <v>0</v>
      </c>
      <c r="AR36" s="71">
        <v>2</v>
      </c>
      <c r="AS36" s="72">
        <v>4</v>
      </c>
      <c r="AT36" s="73">
        <v>4</v>
      </c>
      <c r="AU36" s="70">
        <v>0</v>
      </c>
      <c r="AV36" s="71">
        <v>0</v>
      </c>
      <c r="AW36" s="72">
        <v>0</v>
      </c>
      <c r="AX36" s="244"/>
      <c r="AY36" s="71">
        <v>0</v>
      </c>
      <c r="AZ36" s="71">
        <v>1</v>
      </c>
      <c r="BA36" s="71">
        <v>0</v>
      </c>
      <c r="BB36" s="71">
        <v>1</v>
      </c>
      <c r="BC36" s="71">
        <v>0</v>
      </c>
      <c r="BD36" s="72">
        <v>2</v>
      </c>
      <c r="BE36" s="73">
        <v>2</v>
      </c>
      <c r="BF36" s="70">
        <v>1</v>
      </c>
      <c r="BG36" s="71">
        <v>0</v>
      </c>
      <c r="BH36" s="72">
        <v>1</v>
      </c>
      <c r="BI36" s="244"/>
      <c r="BJ36" s="71">
        <v>1</v>
      </c>
      <c r="BK36" s="71">
        <v>0</v>
      </c>
      <c r="BL36" s="71">
        <v>1</v>
      </c>
      <c r="BM36" s="71">
        <v>0</v>
      </c>
      <c r="BN36" s="71">
        <v>1</v>
      </c>
      <c r="BO36" s="72">
        <v>3</v>
      </c>
      <c r="BP36" s="73">
        <v>4</v>
      </c>
      <c r="BQ36" s="70">
        <v>2</v>
      </c>
      <c r="BR36" s="71">
        <v>1</v>
      </c>
      <c r="BS36" s="72">
        <v>3</v>
      </c>
      <c r="BT36" s="244"/>
      <c r="BU36" s="71">
        <v>3</v>
      </c>
      <c r="BV36" s="71">
        <v>0</v>
      </c>
      <c r="BW36" s="71">
        <v>1</v>
      </c>
      <c r="BX36" s="71">
        <v>1</v>
      </c>
      <c r="BY36" s="71">
        <v>0</v>
      </c>
      <c r="BZ36" s="72">
        <v>5</v>
      </c>
      <c r="CA36" s="73">
        <v>8</v>
      </c>
      <c r="CB36" s="70">
        <v>0</v>
      </c>
      <c r="CC36" s="71">
        <v>0</v>
      </c>
      <c r="CD36" s="72">
        <v>0</v>
      </c>
      <c r="CE36" s="244"/>
      <c r="CF36" s="71">
        <v>0</v>
      </c>
      <c r="CG36" s="71">
        <v>0</v>
      </c>
      <c r="CH36" s="71">
        <v>0</v>
      </c>
      <c r="CI36" s="71">
        <v>0</v>
      </c>
      <c r="CJ36" s="71">
        <v>0</v>
      </c>
      <c r="CK36" s="72">
        <v>0</v>
      </c>
      <c r="CL36" s="73">
        <v>0</v>
      </c>
      <c r="CM36" s="70">
        <v>3</v>
      </c>
      <c r="CN36" s="71">
        <v>1</v>
      </c>
      <c r="CO36" s="72">
        <v>4</v>
      </c>
      <c r="CP36" s="244"/>
      <c r="CQ36" s="71">
        <v>8</v>
      </c>
      <c r="CR36" s="71">
        <v>1</v>
      </c>
      <c r="CS36" s="71">
        <v>2</v>
      </c>
      <c r="CT36" s="71">
        <v>3</v>
      </c>
      <c r="CU36" s="71">
        <v>4</v>
      </c>
      <c r="CV36" s="72">
        <v>18</v>
      </c>
      <c r="CW36" s="73">
        <v>22</v>
      </c>
      <c r="CX36" s="123">
        <v>4</v>
      </c>
      <c r="CY36" s="82">
        <v>5</v>
      </c>
      <c r="CZ36" s="83">
        <v>9</v>
      </c>
      <c r="DA36" s="241"/>
      <c r="DB36" s="82">
        <v>2</v>
      </c>
      <c r="DC36" s="82">
        <v>1</v>
      </c>
      <c r="DD36" s="82">
        <v>4</v>
      </c>
      <c r="DE36" s="82">
        <v>3</v>
      </c>
      <c r="DF36" s="82">
        <v>1</v>
      </c>
      <c r="DG36" s="84">
        <v>11</v>
      </c>
      <c r="DH36" s="85">
        <v>20</v>
      </c>
      <c r="DI36" s="70">
        <v>0</v>
      </c>
      <c r="DJ36" s="71">
        <v>0</v>
      </c>
      <c r="DK36" s="72">
        <v>0</v>
      </c>
      <c r="DL36" s="244"/>
      <c r="DM36" s="71">
        <v>0</v>
      </c>
      <c r="DN36" s="71">
        <v>0</v>
      </c>
      <c r="DO36" s="71">
        <v>0</v>
      </c>
      <c r="DP36" s="71">
        <v>0</v>
      </c>
      <c r="DQ36" s="71">
        <v>0</v>
      </c>
      <c r="DR36" s="72">
        <v>0</v>
      </c>
      <c r="DS36" s="73">
        <v>0</v>
      </c>
      <c r="DT36" s="70">
        <v>0</v>
      </c>
      <c r="DU36" s="71">
        <v>0</v>
      </c>
      <c r="DV36" s="72">
        <v>0</v>
      </c>
      <c r="DW36" s="244"/>
      <c r="DX36" s="71">
        <v>0</v>
      </c>
      <c r="DY36" s="71">
        <v>0</v>
      </c>
      <c r="DZ36" s="71">
        <v>1</v>
      </c>
      <c r="EA36" s="71">
        <v>0</v>
      </c>
      <c r="EB36" s="71">
        <v>0</v>
      </c>
      <c r="EC36" s="72">
        <v>1</v>
      </c>
      <c r="ED36" s="73">
        <v>1</v>
      </c>
      <c r="EE36" s="70">
        <v>0</v>
      </c>
      <c r="EF36" s="71">
        <v>2</v>
      </c>
      <c r="EG36" s="72">
        <v>2</v>
      </c>
      <c r="EH36" s="244"/>
      <c r="EI36" s="71">
        <v>0</v>
      </c>
      <c r="EJ36" s="71">
        <v>1</v>
      </c>
      <c r="EK36" s="71">
        <v>1</v>
      </c>
      <c r="EL36" s="71">
        <v>1</v>
      </c>
      <c r="EM36" s="71">
        <v>0</v>
      </c>
      <c r="EN36" s="72">
        <v>3</v>
      </c>
      <c r="EO36" s="73">
        <v>5</v>
      </c>
      <c r="EP36" s="70">
        <v>2</v>
      </c>
      <c r="EQ36" s="71">
        <v>0</v>
      </c>
      <c r="ER36" s="72">
        <v>2</v>
      </c>
      <c r="ES36" s="244"/>
      <c r="ET36" s="71">
        <v>0</v>
      </c>
      <c r="EU36" s="71">
        <v>0</v>
      </c>
      <c r="EV36" s="71">
        <v>0</v>
      </c>
      <c r="EW36" s="71">
        <v>0</v>
      </c>
      <c r="EX36" s="71">
        <v>0</v>
      </c>
      <c r="EY36" s="72">
        <v>0</v>
      </c>
      <c r="EZ36" s="73">
        <v>2</v>
      </c>
      <c r="FA36" s="70">
        <v>1</v>
      </c>
      <c r="FB36" s="71">
        <v>2</v>
      </c>
      <c r="FC36" s="72">
        <v>3</v>
      </c>
      <c r="FD36" s="244"/>
      <c r="FE36" s="71">
        <v>2</v>
      </c>
      <c r="FF36" s="71">
        <v>0</v>
      </c>
      <c r="FG36" s="71">
        <v>0</v>
      </c>
      <c r="FH36" s="71">
        <v>1</v>
      </c>
      <c r="FI36" s="71">
        <v>1</v>
      </c>
      <c r="FJ36" s="72">
        <v>4</v>
      </c>
      <c r="FK36" s="73">
        <v>7</v>
      </c>
      <c r="FL36" s="70">
        <v>1</v>
      </c>
      <c r="FM36" s="71">
        <v>1</v>
      </c>
      <c r="FN36" s="72">
        <v>2</v>
      </c>
      <c r="FO36" s="244"/>
      <c r="FP36" s="71">
        <v>0</v>
      </c>
      <c r="FQ36" s="71">
        <v>0</v>
      </c>
      <c r="FR36" s="71">
        <v>2</v>
      </c>
      <c r="FS36" s="71">
        <v>1</v>
      </c>
      <c r="FT36" s="71">
        <v>0</v>
      </c>
      <c r="FU36" s="72">
        <v>3</v>
      </c>
      <c r="FV36" s="73">
        <v>5</v>
      </c>
      <c r="FW36" s="70">
        <v>0</v>
      </c>
      <c r="FX36" s="71">
        <v>0</v>
      </c>
      <c r="FY36" s="72">
        <v>0</v>
      </c>
      <c r="FZ36" s="244"/>
      <c r="GA36" s="71">
        <v>0</v>
      </c>
      <c r="GB36" s="71">
        <v>0</v>
      </c>
      <c r="GC36" s="71">
        <v>0</v>
      </c>
      <c r="GD36" s="71">
        <v>0</v>
      </c>
      <c r="GE36" s="71">
        <v>0</v>
      </c>
      <c r="GF36" s="72">
        <v>0</v>
      </c>
      <c r="GG36" s="73">
        <v>0</v>
      </c>
      <c r="GH36" s="70">
        <v>4</v>
      </c>
      <c r="GI36" s="71">
        <v>5</v>
      </c>
      <c r="GJ36" s="72">
        <v>9</v>
      </c>
      <c r="GK36" s="244"/>
      <c r="GL36" s="71">
        <v>2</v>
      </c>
      <c r="GM36" s="71">
        <v>1</v>
      </c>
      <c r="GN36" s="71">
        <v>4</v>
      </c>
      <c r="GO36" s="71">
        <v>3</v>
      </c>
      <c r="GP36" s="71">
        <v>1</v>
      </c>
      <c r="GQ36" s="72">
        <v>11</v>
      </c>
      <c r="GR36" s="73">
        <v>20</v>
      </c>
      <c r="GS36" s="123">
        <v>7</v>
      </c>
      <c r="GT36" s="82">
        <v>6</v>
      </c>
      <c r="GU36" s="83">
        <v>13</v>
      </c>
      <c r="GV36" s="241"/>
      <c r="GW36" s="82">
        <v>10</v>
      </c>
      <c r="GX36" s="82">
        <v>2</v>
      </c>
      <c r="GY36" s="82">
        <v>6</v>
      </c>
      <c r="GZ36" s="82">
        <v>6</v>
      </c>
      <c r="HA36" s="82">
        <v>5</v>
      </c>
      <c r="HB36" s="84">
        <v>29</v>
      </c>
      <c r="HC36" s="85">
        <v>42</v>
      </c>
      <c r="HD36" s="70">
        <v>0</v>
      </c>
      <c r="HE36" s="71">
        <v>0</v>
      </c>
      <c r="HF36" s="72">
        <v>0</v>
      </c>
      <c r="HG36" s="244"/>
      <c r="HH36" s="71">
        <v>1</v>
      </c>
      <c r="HI36" s="71">
        <v>0</v>
      </c>
      <c r="HJ36" s="71">
        <v>0</v>
      </c>
      <c r="HK36" s="71">
        <v>0</v>
      </c>
      <c r="HL36" s="71">
        <v>0</v>
      </c>
      <c r="HM36" s="72">
        <v>1</v>
      </c>
      <c r="HN36" s="73">
        <v>1</v>
      </c>
      <c r="HO36" s="70">
        <v>0</v>
      </c>
      <c r="HP36" s="71">
        <v>0</v>
      </c>
      <c r="HQ36" s="72">
        <v>0</v>
      </c>
      <c r="HR36" s="244"/>
      <c r="HS36" s="71">
        <v>1</v>
      </c>
      <c r="HT36" s="71">
        <v>0</v>
      </c>
      <c r="HU36" s="71">
        <v>1</v>
      </c>
      <c r="HV36" s="71">
        <v>1</v>
      </c>
      <c r="HW36" s="71">
        <v>1</v>
      </c>
      <c r="HX36" s="72">
        <v>4</v>
      </c>
      <c r="HY36" s="73">
        <v>4</v>
      </c>
      <c r="HZ36" s="70">
        <v>0</v>
      </c>
      <c r="IA36" s="71">
        <v>2</v>
      </c>
      <c r="IB36" s="72">
        <v>2</v>
      </c>
      <c r="IC36" s="244"/>
      <c r="ID36" s="71">
        <v>2</v>
      </c>
      <c r="IE36" s="71">
        <v>1</v>
      </c>
      <c r="IF36" s="71">
        <v>1</v>
      </c>
      <c r="IG36" s="71">
        <v>1</v>
      </c>
      <c r="IH36" s="71">
        <v>2</v>
      </c>
      <c r="II36" s="72">
        <v>7</v>
      </c>
      <c r="IJ36" s="73">
        <v>9</v>
      </c>
      <c r="IK36" s="70">
        <v>2</v>
      </c>
      <c r="IL36" s="71">
        <v>0</v>
      </c>
      <c r="IM36" s="72">
        <v>2</v>
      </c>
      <c r="IN36" s="244"/>
      <c r="IO36" s="71">
        <v>0</v>
      </c>
      <c r="IP36" s="71">
        <v>1</v>
      </c>
      <c r="IQ36" s="71">
        <v>0</v>
      </c>
      <c r="IR36" s="71">
        <v>1</v>
      </c>
      <c r="IS36" s="71">
        <v>0</v>
      </c>
      <c r="IT36" s="72">
        <v>2</v>
      </c>
      <c r="IU36" s="73">
        <v>4</v>
      </c>
      <c r="IV36" s="70">
        <v>2</v>
      </c>
      <c r="IW36" s="71">
        <v>2</v>
      </c>
      <c r="IX36" s="72">
        <v>4</v>
      </c>
      <c r="IY36" s="244"/>
      <c r="IZ36" s="71">
        <v>3</v>
      </c>
      <c r="JA36" s="71">
        <v>0</v>
      </c>
      <c r="JB36" s="71">
        <v>1</v>
      </c>
      <c r="JC36" s="71">
        <v>1</v>
      </c>
      <c r="JD36" s="71">
        <v>2</v>
      </c>
      <c r="JE36" s="72">
        <v>7</v>
      </c>
      <c r="JF36" s="73">
        <v>11</v>
      </c>
      <c r="JG36" s="70">
        <v>3</v>
      </c>
      <c r="JH36" s="71">
        <v>2</v>
      </c>
      <c r="JI36" s="72">
        <v>5</v>
      </c>
      <c r="JJ36" s="244"/>
      <c r="JK36" s="71">
        <v>3</v>
      </c>
      <c r="JL36" s="71">
        <v>0</v>
      </c>
      <c r="JM36" s="71">
        <v>3</v>
      </c>
      <c r="JN36" s="71">
        <v>2</v>
      </c>
      <c r="JO36" s="71">
        <v>0</v>
      </c>
      <c r="JP36" s="72">
        <v>8</v>
      </c>
      <c r="JQ36" s="73">
        <v>13</v>
      </c>
      <c r="JR36" s="70">
        <v>0</v>
      </c>
      <c r="JS36" s="71">
        <v>0</v>
      </c>
      <c r="JT36" s="72">
        <v>0</v>
      </c>
      <c r="JU36" s="244"/>
      <c r="JV36" s="71">
        <v>0</v>
      </c>
      <c r="JW36" s="71">
        <v>0</v>
      </c>
      <c r="JX36" s="71">
        <v>0</v>
      </c>
      <c r="JY36" s="71">
        <v>0</v>
      </c>
      <c r="JZ36" s="71">
        <v>0</v>
      </c>
      <c r="KA36" s="72">
        <v>0</v>
      </c>
      <c r="KB36" s="73">
        <v>0</v>
      </c>
      <c r="KC36" s="70">
        <v>7</v>
      </c>
      <c r="KD36" s="71">
        <v>6</v>
      </c>
      <c r="KE36" s="72">
        <v>13</v>
      </c>
      <c r="KF36" s="244"/>
      <c r="KG36" s="71">
        <v>10</v>
      </c>
      <c r="KH36" s="71">
        <v>2</v>
      </c>
      <c r="KI36" s="71">
        <v>6</v>
      </c>
      <c r="KJ36" s="71">
        <v>6</v>
      </c>
      <c r="KK36" s="71">
        <v>5</v>
      </c>
      <c r="KL36" s="72">
        <v>29</v>
      </c>
      <c r="KM36" s="73">
        <v>42</v>
      </c>
    </row>
    <row r="37" spans="2:299" ht="21" customHeight="1" x14ac:dyDescent="0.2">
      <c r="B37" s="126" t="s">
        <v>34</v>
      </c>
      <c r="C37" s="315">
        <v>1</v>
      </c>
      <c r="D37" s="82">
        <v>1</v>
      </c>
      <c r="E37" s="83">
        <v>2</v>
      </c>
      <c r="F37" s="241"/>
      <c r="G37" s="82">
        <v>1</v>
      </c>
      <c r="H37" s="82">
        <v>4</v>
      </c>
      <c r="I37" s="82">
        <v>2</v>
      </c>
      <c r="J37" s="82">
        <v>0</v>
      </c>
      <c r="K37" s="82">
        <v>1</v>
      </c>
      <c r="L37" s="84">
        <v>8</v>
      </c>
      <c r="M37" s="85">
        <v>10</v>
      </c>
      <c r="N37" s="70">
        <v>0</v>
      </c>
      <c r="O37" s="71">
        <v>0</v>
      </c>
      <c r="P37" s="72">
        <v>0</v>
      </c>
      <c r="Q37" s="244"/>
      <c r="R37" s="71">
        <v>0</v>
      </c>
      <c r="S37" s="71">
        <v>1</v>
      </c>
      <c r="T37" s="71">
        <v>0</v>
      </c>
      <c r="U37" s="71">
        <v>0</v>
      </c>
      <c r="V37" s="71">
        <v>0</v>
      </c>
      <c r="W37" s="72">
        <v>1</v>
      </c>
      <c r="X37" s="73">
        <v>1</v>
      </c>
      <c r="Y37" s="70">
        <v>0</v>
      </c>
      <c r="Z37" s="71">
        <v>0</v>
      </c>
      <c r="AA37" s="72">
        <v>0</v>
      </c>
      <c r="AB37" s="244"/>
      <c r="AC37" s="71">
        <v>0</v>
      </c>
      <c r="AD37" s="71">
        <v>0</v>
      </c>
      <c r="AE37" s="71">
        <v>0</v>
      </c>
      <c r="AF37" s="71">
        <v>0</v>
      </c>
      <c r="AG37" s="71">
        <v>0</v>
      </c>
      <c r="AH37" s="72">
        <v>0</v>
      </c>
      <c r="AI37" s="73">
        <v>0</v>
      </c>
      <c r="AJ37" s="70">
        <v>0</v>
      </c>
      <c r="AK37" s="71">
        <v>1</v>
      </c>
      <c r="AL37" s="72">
        <v>1</v>
      </c>
      <c r="AM37" s="244"/>
      <c r="AN37" s="71">
        <v>0</v>
      </c>
      <c r="AO37" s="71">
        <v>1</v>
      </c>
      <c r="AP37" s="71">
        <v>0</v>
      </c>
      <c r="AQ37" s="71">
        <v>0</v>
      </c>
      <c r="AR37" s="71">
        <v>0</v>
      </c>
      <c r="AS37" s="72">
        <v>1</v>
      </c>
      <c r="AT37" s="73">
        <v>2</v>
      </c>
      <c r="AU37" s="70">
        <v>1</v>
      </c>
      <c r="AV37" s="71">
        <v>0</v>
      </c>
      <c r="AW37" s="72">
        <v>1</v>
      </c>
      <c r="AX37" s="244"/>
      <c r="AY37" s="71">
        <v>1</v>
      </c>
      <c r="AZ37" s="71">
        <v>0</v>
      </c>
      <c r="BA37" s="71">
        <v>0</v>
      </c>
      <c r="BB37" s="71">
        <v>0</v>
      </c>
      <c r="BC37" s="71">
        <v>0</v>
      </c>
      <c r="BD37" s="72">
        <v>1</v>
      </c>
      <c r="BE37" s="73">
        <v>2</v>
      </c>
      <c r="BF37" s="70">
        <v>0</v>
      </c>
      <c r="BG37" s="71">
        <v>0</v>
      </c>
      <c r="BH37" s="72">
        <v>0</v>
      </c>
      <c r="BI37" s="244"/>
      <c r="BJ37" s="71">
        <v>0</v>
      </c>
      <c r="BK37" s="71">
        <v>0</v>
      </c>
      <c r="BL37" s="71">
        <v>1</v>
      </c>
      <c r="BM37" s="71">
        <v>0</v>
      </c>
      <c r="BN37" s="71">
        <v>0</v>
      </c>
      <c r="BO37" s="72">
        <v>1</v>
      </c>
      <c r="BP37" s="73">
        <v>1</v>
      </c>
      <c r="BQ37" s="70">
        <v>0</v>
      </c>
      <c r="BR37" s="71">
        <v>0</v>
      </c>
      <c r="BS37" s="72">
        <v>0</v>
      </c>
      <c r="BT37" s="244"/>
      <c r="BU37" s="71">
        <v>0</v>
      </c>
      <c r="BV37" s="71">
        <v>2</v>
      </c>
      <c r="BW37" s="71">
        <v>1</v>
      </c>
      <c r="BX37" s="71">
        <v>0</v>
      </c>
      <c r="BY37" s="71">
        <v>1</v>
      </c>
      <c r="BZ37" s="72">
        <v>4</v>
      </c>
      <c r="CA37" s="73">
        <v>4</v>
      </c>
      <c r="CB37" s="70">
        <v>0</v>
      </c>
      <c r="CC37" s="71">
        <v>0</v>
      </c>
      <c r="CD37" s="72">
        <v>0</v>
      </c>
      <c r="CE37" s="244"/>
      <c r="CF37" s="71">
        <v>0</v>
      </c>
      <c r="CG37" s="71">
        <v>0</v>
      </c>
      <c r="CH37" s="71">
        <v>0</v>
      </c>
      <c r="CI37" s="71">
        <v>0</v>
      </c>
      <c r="CJ37" s="71">
        <v>0</v>
      </c>
      <c r="CK37" s="72">
        <v>0</v>
      </c>
      <c r="CL37" s="73">
        <v>0</v>
      </c>
      <c r="CM37" s="70">
        <v>1</v>
      </c>
      <c r="CN37" s="71">
        <v>1</v>
      </c>
      <c r="CO37" s="72">
        <v>2</v>
      </c>
      <c r="CP37" s="244"/>
      <c r="CQ37" s="71">
        <v>1</v>
      </c>
      <c r="CR37" s="71">
        <v>4</v>
      </c>
      <c r="CS37" s="71">
        <v>2</v>
      </c>
      <c r="CT37" s="71">
        <v>0</v>
      </c>
      <c r="CU37" s="71">
        <v>1</v>
      </c>
      <c r="CV37" s="72">
        <v>8</v>
      </c>
      <c r="CW37" s="73">
        <v>10</v>
      </c>
      <c r="CX37" s="123">
        <v>1</v>
      </c>
      <c r="CY37" s="82">
        <v>0</v>
      </c>
      <c r="CZ37" s="83">
        <v>1</v>
      </c>
      <c r="DA37" s="241"/>
      <c r="DB37" s="82">
        <v>1</v>
      </c>
      <c r="DC37" s="82">
        <v>0</v>
      </c>
      <c r="DD37" s="82">
        <v>1</v>
      </c>
      <c r="DE37" s="82">
        <v>0</v>
      </c>
      <c r="DF37" s="82">
        <v>0</v>
      </c>
      <c r="DG37" s="84">
        <v>2</v>
      </c>
      <c r="DH37" s="85">
        <v>3</v>
      </c>
      <c r="DI37" s="70">
        <v>0</v>
      </c>
      <c r="DJ37" s="71">
        <v>0</v>
      </c>
      <c r="DK37" s="72">
        <v>0</v>
      </c>
      <c r="DL37" s="244"/>
      <c r="DM37" s="71">
        <v>0</v>
      </c>
      <c r="DN37" s="71">
        <v>0</v>
      </c>
      <c r="DO37" s="71">
        <v>0</v>
      </c>
      <c r="DP37" s="71">
        <v>0</v>
      </c>
      <c r="DQ37" s="71">
        <v>0</v>
      </c>
      <c r="DR37" s="72">
        <v>0</v>
      </c>
      <c r="DS37" s="73">
        <v>0</v>
      </c>
      <c r="DT37" s="70">
        <v>0</v>
      </c>
      <c r="DU37" s="71">
        <v>0</v>
      </c>
      <c r="DV37" s="72">
        <v>0</v>
      </c>
      <c r="DW37" s="244"/>
      <c r="DX37" s="71">
        <v>0</v>
      </c>
      <c r="DY37" s="71">
        <v>0</v>
      </c>
      <c r="DZ37" s="71">
        <v>0</v>
      </c>
      <c r="EA37" s="71">
        <v>0</v>
      </c>
      <c r="EB37" s="71">
        <v>0</v>
      </c>
      <c r="EC37" s="72">
        <v>0</v>
      </c>
      <c r="ED37" s="73">
        <v>0</v>
      </c>
      <c r="EE37" s="70">
        <v>0</v>
      </c>
      <c r="EF37" s="71">
        <v>0</v>
      </c>
      <c r="EG37" s="72">
        <v>0</v>
      </c>
      <c r="EH37" s="244"/>
      <c r="EI37" s="71">
        <v>0</v>
      </c>
      <c r="EJ37" s="71">
        <v>0</v>
      </c>
      <c r="EK37" s="71">
        <v>1</v>
      </c>
      <c r="EL37" s="71">
        <v>0</v>
      </c>
      <c r="EM37" s="71">
        <v>0</v>
      </c>
      <c r="EN37" s="72">
        <v>1</v>
      </c>
      <c r="EO37" s="73">
        <v>1</v>
      </c>
      <c r="EP37" s="70">
        <v>1</v>
      </c>
      <c r="EQ37" s="71">
        <v>0</v>
      </c>
      <c r="ER37" s="72">
        <v>1</v>
      </c>
      <c r="ES37" s="244"/>
      <c r="ET37" s="71">
        <v>0</v>
      </c>
      <c r="EU37" s="71">
        <v>0</v>
      </c>
      <c r="EV37" s="71">
        <v>0</v>
      </c>
      <c r="EW37" s="71">
        <v>0</v>
      </c>
      <c r="EX37" s="71">
        <v>0</v>
      </c>
      <c r="EY37" s="72">
        <v>0</v>
      </c>
      <c r="EZ37" s="73">
        <v>1</v>
      </c>
      <c r="FA37" s="70">
        <v>0</v>
      </c>
      <c r="FB37" s="71">
        <v>0</v>
      </c>
      <c r="FC37" s="72">
        <v>0</v>
      </c>
      <c r="FD37" s="244"/>
      <c r="FE37" s="71">
        <v>1</v>
      </c>
      <c r="FF37" s="71">
        <v>0</v>
      </c>
      <c r="FG37" s="71">
        <v>0</v>
      </c>
      <c r="FH37" s="71">
        <v>0</v>
      </c>
      <c r="FI37" s="71">
        <v>0</v>
      </c>
      <c r="FJ37" s="72">
        <v>1</v>
      </c>
      <c r="FK37" s="73">
        <v>1</v>
      </c>
      <c r="FL37" s="70">
        <v>0</v>
      </c>
      <c r="FM37" s="71">
        <v>0</v>
      </c>
      <c r="FN37" s="72">
        <v>0</v>
      </c>
      <c r="FO37" s="244"/>
      <c r="FP37" s="71">
        <v>0</v>
      </c>
      <c r="FQ37" s="71">
        <v>0</v>
      </c>
      <c r="FR37" s="71">
        <v>0</v>
      </c>
      <c r="FS37" s="71">
        <v>0</v>
      </c>
      <c r="FT37" s="71">
        <v>0</v>
      </c>
      <c r="FU37" s="72">
        <v>0</v>
      </c>
      <c r="FV37" s="73">
        <v>0</v>
      </c>
      <c r="FW37" s="70">
        <v>0</v>
      </c>
      <c r="FX37" s="71">
        <v>0</v>
      </c>
      <c r="FY37" s="72">
        <v>0</v>
      </c>
      <c r="FZ37" s="244"/>
      <c r="GA37" s="71">
        <v>0</v>
      </c>
      <c r="GB37" s="71">
        <v>0</v>
      </c>
      <c r="GC37" s="71">
        <v>0</v>
      </c>
      <c r="GD37" s="71">
        <v>0</v>
      </c>
      <c r="GE37" s="71">
        <v>0</v>
      </c>
      <c r="GF37" s="72">
        <v>0</v>
      </c>
      <c r="GG37" s="73">
        <v>0</v>
      </c>
      <c r="GH37" s="70">
        <v>1</v>
      </c>
      <c r="GI37" s="71">
        <v>0</v>
      </c>
      <c r="GJ37" s="72">
        <v>1</v>
      </c>
      <c r="GK37" s="244"/>
      <c r="GL37" s="71">
        <v>1</v>
      </c>
      <c r="GM37" s="71">
        <v>0</v>
      </c>
      <c r="GN37" s="71">
        <v>1</v>
      </c>
      <c r="GO37" s="71">
        <v>0</v>
      </c>
      <c r="GP37" s="71">
        <v>0</v>
      </c>
      <c r="GQ37" s="72">
        <v>2</v>
      </c>
      <c r="GR37" s="73">
        <v>3</v>
      </c>
      <c r="GS37" s="123">
        <v>2</v>
      </c>
      <c r="GT37" s="82">
        <v>1</v>
      </c>
      <c r="GU37" s="83">
        <v>3</v>
      </c>
      <c r="GV37" s="241"/>
      <c r="GW37" s="82">
        <v>2</v>
      </c>
      <c r="GX37" s="82">
        <v>4</v>
      </c>
      <c r="GY37" s="82">
        <v>3</v>
      </c>
      <c r="GZ37" s="82">
        <v>0</v>
      </c>
      <c r="HA37" s="82">
        <v>1</v>
      </c>
      <c r="HB37" s="84">
        <v>10</v>
      </c>
      <c r="HC37" s="85">
        <v>13</v>
      </c>
      <c r="HD37" s="70">
        <v>0</v>
      </c>
      <c r="HE37" s="71">
        <v>0</v>
      </c>
      <c r="HF37" s="72">
        <v>0</v>
      </c>
      <c r="HG37" s="244"/>
      <c r="HH37" s="71">
        <v>0</v>
      </c>
      <c r="HI37" s="71">
        <v>1</v>
      </c>
      <c r="HJ37" s="71">
        <v>0</v>
      </c>
      <c r="HK37" s="71">
        <v>0</v>
      </c>
      <c r="HL37" s="71">
        <v>0</v>
      </c>
      <c r="HM37" s="72">
        <v>1</v>
      </c>
      <c r="HN37" s="73">
        <v>1</v>
      </c>
      <c r="HO37" s="70">
        <v>0</v>
      </c>
      <c r="HP37" s="71">
        <v>0</v>
      </c>
      <c r="HQ37" s="72">
        <v>0</v>
      </c>
      <c r="HR37" s="244"/>
      <c r="HS37" s="71">
        <v>0</v>
      </c>
      <c r="HT37" s="71">
        <v>0</v>
      </c>
      <c r="HU37" s="71">
        <v>0</v>
      </c>
      <c r="HV37" s="71">
        <v>0</v>
      </c>
      <c r="HW37" s="71">
        <v>0</v>
      </c>
      <c r="HX37" s="72">
        <v>0</v>
      </c>
      <c r="HY37" s="73">
        <v>0</v>
      </c>
      <c r="HZ37" s="70">
        <v>0</v>
      </c>
      <c r="IA37" s="71">
        <v>1</v>
      </c>
      <c r="IB37" s="72">
        <v>1</v>
      </c>
      <c r="IC37" s="244"/>
      <c r="ID37" s="71">
        <v>0</v>
      </c>
      <c r="IE37" s="71">
        <v>1</v>
      </c>
      <c r="IF37" s="71">
        <v>1</v>
      </c>
      <c r="IG37" s="71">
        <v>0</v>
      </c>
      <c r="IH37" s="71">
        <v>0</v>
      </c>
      <c r="II37" s="72">
        <v>2</v>
      </c>
      <c r="IJ37" s="73">
        <v>3</v>
      </c>
      <c r="IK37" s="70">
        <v>2</v>
      </c>
      <c r="IL37" s="71">
        <v>0</v>
      </c>
      <c r="IM37" s="72">
        <v>2</v>
      </c>
      <c r="IN37" s="244"/>
      <c r="IO37" s="71">
        <v>1</v>
      </c>
      <c r="IP37" s="71">
        <v>0</v>
      </c>
      <c r="IQ37" s="71">
        <v>0</v>
      </c>
      <c r="IR37" s="71">
        <v>0</v>
      </c>
      <c r="IS37" s="71">
        <v>0</v>
      </c>
      <c r="IT37" s="72">
        <v>1</v>
      </c>
      <c r="IU37" s="73">
        <v>3</v>
      </c>
      <c r="IV37" s="70">
        <v>0</v>
      </c>
      <c r="IW37" s="71">
        <v>0</v>
      </c>
      <c r="IX37" s="72">
        <v>0</v>
      </c>
      <c r="IY37" s="244"/>
      <c r="IZ37" s="71">
        <v>1</v>
      </c>
      <c r="JA37" s="71">
        <v>0</v>
      </c>
      <c r="JB37" s="71">
        <v>1</v>
      </c>
      <c r="JC37" s="71">
        <v>0</v>
      </c>
      <c r="JD37" s="71">
        <v>0</v>
      </c>
      <c r="JE37" s="72">
        <v>2</v>
      </c>
      <c r="JF37" s="73">
        <v>2</v>
      </c>
      <c r="JG37" s="70">
        <v>0</v>
      </c>
      <c r="JH37" s="71">
        <v>0</v>
      </c>
      <c r="JI37" s="72">
        <v>0</v>
      </c>
      <c r="JJ37" s="244"/>
      <c r="JK37" s="71">
        <v>0</v>
      </c>
      <c r="JL37" s="71">
        <v>2</v>
      </c>
      <c r="JM37" s="71">
        <v>1</v>
      </c>
      <c r="JN37" s="71">
        <v>0</v>
      </c>
      <c r="JO37" s="71">
        <v>1</v>
      </c>
      <c r="JP37" s="72">
        <v>4</v>
      </c>
      <c r="JQ37" s="73">
        <v>4</v>
      </c>
      <c r="JR37" s="70">
        <v>0</v>
      </c>
      <c r="JS37" s="71">
        <v>0</v>
      </c>
      <c r="JT37" s="72">
        <v>0</v>
      </c>
      <c r="JU37" s="244"/>
      <c r="JV37" s="71">
        <v>0</v>
      </c>
      <c r="JW37" s="71">
        <v>0</v>
      </c>
      <c r="JX37" s="71">
        <v>0</v>
      </c>
      <c r="JY37" s="71">
        <v>0</v>
      </c>
      <c r="JZ37" s="71">
        <v>0</v>
      </c>
      <c r="KA37" s="72">
        <v>0</v>
      </c>
      <c r="KB37" s="73">
        <v>0</v>
      </c>
      <c r="KC37" s="70">
        <v>2</v>
      </c>
      <c r="KD37" s="71">
        <v>1</v>
      </c>
      <c r="KE37" s="72">
        <v>3</v>
      </c>
      <c r="KF37" s="244"/>
      <c r="KG37" s="71">
        <v>2</v>
      </c>
      <c r="KH37" s="71">
        <v>4</v>
      </c>
      <c r="KI37" s="71">
        <v>3</v>
      </c>
      <c r="KJ37" s="71">
        <v>0</v>
      </c>
      <c r="KK37" s="71">
        <v>1</v>
      </c>
      <c r="KL37" s="72">
        <v>10</v>
      </c>
      <c r="KM37" s="73">
        <v>13</v>
      </c>
    </row>
    <row r="38" spans="2:299" ht="21" customHeight="1" x14ac:dyDescent="0.2">
      <c r="B38" s="126" t="s">
        <v>35</v>
      </c>
      <c r="C38" s="315">
        <v>5</v>
      </c>
      <c r="D38" s="82">
        <v>10</v>
      </c>
      <c r="E38" s="83">
        <v>15</v>
      </c>
      <c r="F38" s="241"/>
      <c r="G38" s="82">
        <v>15</v>
      </c>
      <c r="H38" s="82">
        <v>7</v>
      </c>
      <c r="I38" s="82">
        <v>7</v>
      </c>
      <c r="J38" s="82">
        <v>4</v>
      </c>
      <c r="K38" s="82">
        <v>0</v>
      </c>
      <c r="L38" s="84">
        <v>33</v>
      </c>
      <c r="M38" s="85">
        <v>48</v>
      </c>
      <c r="N38" s="70">
        <v>0</v>
      </c>
      <c r="O38" s="71">
        <v>0</v>
      </c>
      <c r="P38" s="72">
        <v>0</v>
      </c>
      <c r="Q38" s="244"/>
      <c r="R38" s="71">
        <v>1</v>
      </c>
      <c r="S38" s="71">
        <v>0</v>
      </c>
      <c r="T38" s="71">
        <v>0</v>
      </c>
      <c r="U38" s="71">
        <v>0</v>
      </c>
      <c r="V38" s="71">
        <v>0</v>
      </c>
      <c r="W38" s="72">
        <v>1</v>
      </c>
      <c r="X38" s="73">
        <v>1</v>
      </c>
      <c r="Y38" s="70">
        <v>0</v>
      </c>
      <c r="Z38" s="71">
        <v>0</v>
      </c>
      <c r="AA38" s="72">
        <v>0</v>
      </c>
      <c r="AB38" s="244"/>
      <c r="AC38" s="71">
        <v>1</v>
      </c>
      <c r="AD38" s="71">
        <v>1</v>
      </c>
      <c r="AE38" s="71">
        <v>0</v>
      </c>
      <c r="AF38" s="71">
        <v>0</v>
      </c>
      <c r="AG38" s="71">
        <v>0</v>
      </c>
      <c r="AH38" s="72">
        <v>2</v>
      </c>
      <c r="AI38" s="73">
        <v>2</v>
      </c>
      <c r="AJ38" s="70">
        <v>0</v>
      </c>
      <c r="AK38" s="71">
        <v>2</v>
      </c>
      <c r="AL38" s="72">
        <v>2</v>
      </c>
      <c r="AM38" s="244"/>
      <c r="AN38" s="71">
        <v>4</v>
      </c>
      <c r="AO38" s="71">
        <v>1</v>
      </c>
      <c r="AP38" s="71">
        <v>3</v>
      </c>
      <c r="AQ38" s="71">
        <v>2</v>
      </c>
      <c r="AR38" s="71">
        <v>0</v>
      </c>
      <c r="AS38" s="72">
        <v>10</v>
      </c>
      <c r="AT38" s="73">
        <v>12</v>
      </c>
      <c r="AU38" s="70">
        <v>2</v>
      </c>
      <c r="AV38" s="71">
        <v>3</v>
      </c>
      <c r="AW38" s="72">
        <v>5</v>
      </c>
      <c r="AX38" s="244"/>
      <c r="AY38" s="71">
        <v>3</v>
      </c>
      <c r="AZ38" s="71">
        <v>2</v>
      </c>
      <c r="BA38" s="71">
        <v>0</v>
      </c>
      <c r="BB38" s="71">
        <v>0</v>
      </c>
      <c r="BC38" s="71">
        <v>0</v>
      </c>
      <c r="BD38" s="72">
        <v>5</v>
      </c>
      <c r="BE38" s="73">
        <v>10</v>
      </c>
      <c r="BF38" s="70">
        <v>0</v>
      </c>
      <c r="BG38" s="71">
        <v>4</v>
      </c>
      <c r="BH38" s="72">
        <v>4</v>
      </c>
      <c r="BI38" s="244"/>
      <c r="BJ38" s="71">
        <v>3</v>
      </c>
      <c r="BK38" s="71">
        <v>1</v>
      </c>
      <c r="BL38" s="71">
        <v>2</v>
      </c>
      <c r="BM38" s="71">
        <v>1</v>
      </c>
      <c r="BN38" s="71">
        <v>0</v>
      </c>
      <c r="BO38" s="72">
        <v>7</v>
      </c>
      <c r="BP38" s="73">
        <v>11</v>
      </c>
      <c r="BQ38" s="70">
        <v>3</v>
      </c>
      <c r="BR38" s="71">
        <v>1</v>
      </c>
      <c r="BS38" s="72">
        <v>4</v>
      </c>
      <c r="BT38" s="244"/>
      <c r="BU38" s="71">
        <v>3</v>
      </c>
      <c r="BV38" s="71">
        <v>2</v>
      </c>
      <c r="BW38" s="71">
        <v>2</v>
      </c>
      <c r="BX38" s="71">
        <v>1</v>
      </c>
      <c r="BY38" s="71">
        <v>0</v>
      </c>
      <c r="BZ38" s="72">
        <v>8</v>
      </c>
      <c r="CA38" s="73">
        <v>12</v>
      </c>
      <c r="CB38" s="70">
        <v>0</v>
      </c>
      <c r="CC38" s="71">
        <v>0</v>
      </c>
      <c r="CD38" s="72">
        <v>0</v>
      </c>
      <c r="CE38" s="244"/>
      <c r="CF38" s="71">
        <v>0</v>
      </c>
      <c r="CG38" s="71">
        <v>0</v>
      </c>
      <c r="CH38" s="71">
        <v>0</v>
      </c>
      <c r="CI38" s="71">
        <v>0</v>
      </c>
      <c r="CJ38" s="71">
        <v>0</v>
      </c>
      <c r="CK38" s="72">
        <v>0</v>
      </c>
      <c r="CL38" s="73">
        <v>0</v>
      </c>
      <c r="CM38" s="70">
        <v>5</v>
      </c>
      <c r="CN38" s="71">
        <v>10</v>
      </c>
      <c r="CO38" s="72">
        <v>15</v>
      </c>
      <c r="CP38" s="244"/>
      <c r="CQ38" s="71">
        <v>15</v>
      </c>
      <c r="CR38" s="71">
        <v>7</v>
      </c>
      <c r="CS38" s="71">
        <v>7</v>
      </c>
      <c r="CT38" s="71">
        <v>4</v>
      </c>
      <c r="CU38" s="71">
        <v>0</v>
      </c>
      <c r="CV38" s="72">
        <v>33</v>
      </c>
      <c r="CW38" s="73">
        <v>48</v>
      </c>
      <c r="CX38" s="123">
        <v>2</v>
      </c>
      <c r="CY38" s="82">
        <v>1</v>
      </c>
      <c r="CZ38" s="83">
        <v>3</v>
      </c>
      <c r="DA38" s="241"/>
      <c r="DB38" s="82">
        <v>5</v>
      </c>
      <c r="DC38" s="82">
        <v>4</v>
      </c>
      <c r="DD38" s="82">
        <v>2</v>
      </c>
      <c r="DE38" s="82">
        <v>8</v>
      </c>
      <c r="DF38" s="82">
        <v>0</v>
      </c>
      <c r="DG38" s="84">
        <v>19</v>
      </c>
      <c r="DH38" s="85">
        <v>22</v>
      </c>
      <c r="DI38" s="70">
        <v>0</v>
      </c>
      <c r="DJ38" s="71">
        <v>0</v>
      </c>
      <c r="DK38" s="72">
        <v>0</v>
      </c>
      <c r="DL38" s="244"/>
      <c r="DM38" s="71">
        <v>0</v>
      </c>
      <c r="DN38" s="71">
        <v>0</v>
      </c>
      <c r="DO38" s="71">
        <v>0</v>
      </c>
      <c r="DP38" s="71">
        <v>0</v>
      </c>
      <c r="DQ38" s="71">
        <v>0</v>
      </c>
      <c r="DR38" s="72">
        <v>0</v>
      </c>
      <c r="DS38" s="73">
        <v>0</v>
      </c>
      <c r="DT38" s="70">
        <v>0</v>
      </c>
      <c r="DU38" s="71">
        <v>0</v>
      </c>
      <c r="DV38" s="72">
        <v>0</v>
      </c>
      <c r="DW38" s="244"/>
      <c r="DX38" s="71">
        <v>0</v>
      </c>
      <c r="DY38" s="71">
        <v>0</v>
      </c>
      <c r="DZ38" s="71">
        <v>1</v>
      </c>
      <c r="EA38" s="71">
        <v>0</v>
      </c>
      <c r="EB38" s="71">
        <v>0</v>
      </c>
      <c r="EC38" s="72">
        <v>1</v>
      </c>
      <c r="ED38" s="73">
        <v>1</v>
      </c>
      <c r="EE38" s="70">
        <v>0</v>
      </c>
      <c r="EF38" s="71">
        <v>0</v>
      </c>
      <c r="EG38" s="72">
        <v>0</v>
      </c>
      <c r="EH38" s="244"/>
      <c r="EI38" s="71">
        <v>0</v>
      </c>
      <c r="EJ38" s="71">
        <v>1</v>
      </c>
      <c r="EK38" s="71">
        <v>0</v>
      </c>
      <c r="EL38" s="71">
        <v>0</v>
      </c>
      <c r="EM38" s="71">
        <v>0</v>
      </c>
      <c r="EN38" s="72">
        <v>1</v>
      </c>
      <c r="EO38" s="73">
        <v>1</v>
      </c>
      <c r="EP38" s="70">
        <v>1</v>
      </c>
      <c r="EQ38" s="71">
        <v>0</v>
      </c>
      <c r="ER38" s="72">
        <v>1</v>
      </c>
      <c r="ES38" s="244"/>
      <c r="ET38" s="71">
        <v>3</v>
      </c>
      <c r="EU38" s="71">
        <v>1</v>
      </c>
      <c r="EV38" s="71">
        <v>0</v>
      </c>
      <c r="EW38" s="71">
        <v>2</v>
      </c>
      <c r="EX38" s="71">
        <v>0</v>
      </c>
      <c r="EY38" s="72">
        <v>6</v>
      </c>
      <c r="EZ38" s="73">
        <v>7</v>
      </c>
      <c r="FA38" s="70">
        <v>1</v>
      </c>
      <c r="FB38" s="71">
        <v>0</v>
      </c>
      <c r="FC38" s="72">
        <v>1</v>
      </c>
      <c r="FD38" s="244"/>
      <c r="FE38" s="71">
        <v>2</v>
      </c>
      <c r="FF38" s="71">
        <v>2</v>
      </c>
      <c r="FG38" s="71">
        <v>0</v>
      </c>
      <c r="FH38" s="71">
        <v>1</v>
      </c>
      <c r="FI38" s="71">
        <v>0</v>
      </c>
      <c r="FJ38" s="72">
        <v>5</v>
      </c>
      <c r="FK38" s="73">
        <v>6</v>
      </c>
      <c r="FL38" s="70">
        <v>0</v>
      </c>
      <c r="FM38" s="71">
        <v>1</v>
      </c>
      <c r="FN38" s="72">
        <v>1</v>
      </c>
      <c r="FO38" s="244"/>
      <c r="FP38" s="71">
        <v>0</v>
      </c>
      <c r="FQ38" s="71">
        <v>0</v>
      </c>
      <c r="FR38" s="71">
        <v>1</v>
      </c>
      <c r="FS38" s="71">
        <v>5</v>
      </c>
      <c r="FT38" s="71">
        <v>0</v>
      </c>
      <c r="FU38" s="72">
        <v>6</v>
      </c>
      <c r="FV38" s="73">
        <v>7</v>
      </c>
      <c r="FW38" s="70">
        <v>0</v>
      </c>
      <c r="FX38" s="71">
        <v>0</v>
      </c>
      <c r="FY38" s="72">
        <v>0</v>
      </c>
      <c r="FZ38" s="244"/>
      <c r="GA38" s="71">
        <v>0</v>
      </c>
      <c r="GB38" s="71">
        <v>0</v>
      </c>
      <c r="GC38" s="71">
        <v>0</v>
      </c>
      <c r="GD38" s="71">
        <v>0</v>
      </c>
      <c r="GE38" s="71">
        <v>0</v>
      </c>
      <c r="GF38" s="72">
        <v>0</v>
      </c>
      <c r="GG38" s="73">
        <v>0</v>
      </c>
      <c r="GH38" s="70">
        <v>2</v>
      </c>
      <c r="GI38" s="71">
        <v>1</v>
      </c>
      <c r="GJ38" s="72">
        <v>3</v>
      </c>
      <c r="GK38" s="244"/>
      <c r="GL38" s="71">
        <v>5</v>
      </c>
      <c r="GM38" s="71">
        <v>4</v>
      </c>
      <c r="GN38" s="71">
        <v>2</v>
      </c>
      <c r="GO38" s="71">
        <v>8</v>
      </c>
      <c r="GP38" s="71">
        <v>0</v>
      </c>
      <c r="GQ38" s="72">
        <v>19</v>
      </c>
      <c r="GR38" s="73">
        <v>22</v>
      </c>
      <c r="GS38" s="123">
        <v>7</v>
      </c>
      <c r="GT38" s="82">
        <v>11</v>
      </c>
      <c r="GU38" s="83">
        <v>18</v>
      </c>
      <c r="GV38" s="241"/>
      <c r="GW38" s="82">
        <v>20</v>
      </c>
      <c r="GX38" s="82">
        <v>11</v>
      </c>
      <c r="GY38" s="82">
        <v>9</v>
      </c>
      <c r="GZ38" s="82">
        <v>12</v>
      </c>
      <c r="HA38" s="82">
        <v>0</v>
      </c>
      <c r="HB38" s="84">
        <v>52</v>
      </c>
      <c r="HC38" s="85">
        <v>70</v>
      </c>
      <c r="HD38" s="70">
        <v>0</v>
      </c>
      <c r="HE38" s="71">
        <v>0</v>
      </c>
      <c r="HF38" s="72">
        <v>0</v>
      </c>
      <c r="HG38" s="244"/>
      <c r="HH38" s="71">
        <v>1</v>
      </c>
      <c r="HI38" s="71">
        <v>0</v>
      </c>
      <c r="HJ38" s="71">
        <v>0</v>
      </c>
      <c r="HK38" s="71">
        <v>0</v>
      </c>
      <c r="HL38" s="71">
        <v>0</v>
      </c>
      <c r="HM38" s="72">
        <v>1</v>
      </c>
      <c r="HN38" s="73">
        <v>1</v>
      </c>
      <c r="HO38" s="70">
        <v>0</v>
      </c>
      <c r="HP38" s="71">
        <v>0</v>
      </c>
      <c r="HQ38" s="72">
        <v>0</v>
      </c>
      <c r="HR38" s="244"/>
      <c r="HS38" s="71">
        <v>1</v>
      </c>
      <c r="HT38" s="71">
        <v>1</v>
      </c>
      <c r="HU38" s="71">
        <v>1</v>
      </c>
      <c r="HV38" s="71">
        <v>0</v>
      </c>
      <c r="HW38" s="71">
        <v>0</v>
      </c>
      <c r="HX38" s="72">
        <v>3</v>
      </c>
      <c r="HY38" s="73">
        <v>3</v>
      </c>
      <c r="HZ38" s="70">
        <v>0</v>
      </c>
      <c r="IA38" s="71">
        <v>2</v>
      </c>
      <c r="IB38" s="72">
        <v>2</v>
      </c>
      <c r="IC38" s="244"/>
      <c r="ID38" s="71">
        <v>4</v>
      </c>
      <c r="IE38" s="71">
        <v>2</v>
      </c>
      <c r="IF38" s="71">
        <v>3</v>
      </c>
      <c r="IG38" s="71">
        <v>2</v>
      </c>
      <c r="IH38" s="71">
        <v>0</v>
      </c>
      <c r="II38" s="72">
        <v>11</v>
      </c>
      <c r="IJ38" s="73">
        <v>13</v>
      </c>
      <c r="IK38" s="70">
        <v>3</v>
      </c>
      <c r="IL38" s="71">
        <v>3</v>
      </c>
      <c r="IM38" s="72">
        <v>6</v>
      </c>
      <c r="IN38" s="244"/>
      <c r="IO38" s="71">
        <v>6</v>
      </c>
      <c r="IP38" s="71">
        <v>3</v>
      </c>
      <c r="IQ38" s="71">
        <v>0</v>
      </c>
      <c r="IR38" s="71">
        <v>2</v>
      </c>
      <c r="IS38" s="71">
        <v>0</v>
      </c>
      <c r="IT38" s="72">
        <v>11</v>
      </c>
      <c r="IU38" s="73">
        <v>17</v>
      </c>
      <c r="IV38" s="70">
        <v>1</v>
      </c>
      <c r="IW38" s="71">
        <v>4</v>
      </c>
      <c r="IX38" s="72">
        <v>5</v>
      </c>
      <c r="IY38" s="244"/>
      <c r="IZ38" s="71">
        <v>5</v>
      </c>
      <c r="JA38" s="71">
        <v>3</v>
      </c>
      <c r="JB38" s="71">
        <v>2</v>
      </c>
      <c r="JC38" s="71">
        <v>2</v>
      </c>
      <c r="JD38" s="71">
        <v>0</v>
      </c>
      <c r="JE38" s="72">
        <v>12</v>
      </c>
      <c r="JF38" s="73">
        <v>17</v>
      </c>
      <c r="JG38" s="70">
        <v>3</v>
      </c>
      <c r="JH38" s="71">
        <v>2</v>
      </c>
      <c r="JI38" s="72">
        <v>5</v>
      </c>
      <c r="JJ38" s="244"/>
      <c r="JK38" s="71">
        <v>3</v>
      </c>
      <c r="JL38" s="71">
        <v>2</v>
      </c>
      <c r="JM38" s="71">
        <v>3</v>
      </c>
      <c r="JN38" s="71">
        <v>6</v>
      </c>
      <c r="JO38" s="71">
        <v>0</v>
      </c>
      <c r="JP38" s="72">
        <v>14</v>
      </c>
      <c r="JQ38" s="73">
        <v>19</v>
      </c>
      <c r="JR38" s="70">
        <v>0</v>
      </c>
      <c r="JS38" s="71">
        <v>0</v>
      </c>
      <c r="JT38" s="72">
        <v>0</v>
      </c>
      <c r="JU38" s="244"/>
      <c r="JV38" s="71">
        <v>0</v>
      </c>
      <c r="JW38" s="71">
        <v>0</v>
      </c>
      <c r="JX38" s="71">
        <v>0</v>
      </c>
      <c r="JY38" s="71">
        <v>0</v>
      </c>
      <c r="JZ38" s="71">
        <v>0</v>
      </c>
      <c r="KA38" s="72">
        <v>0</v>
      </c>
      <c r="KB38" s="73">
        <v>0</v>
      </c>
      <c r="KC38" s="70">
        <v>7</v>
      </c>
      <c r="KD38" s="71">
        <v>11</v>
      </c>
      <c r="KE38" s="72">
        <v>18</v>
      </c>
      <c r="KF38" s="244"/>
      <c r="KG38" s="71">
        <v>20</v>
      </c>
      <c r="KH38" s="71">
        <v>11</v>
      </c>
      <c r="KI38" s="71">
        <v>9</v>
      </c>
      <c r="KJ38" s="71">
        <v>12</v>
      </c>
      <c r="KK38" s="71">
        <v>0</v>
      </c>
      <c r="KL38" s="72">
        <v>52</v>
      </c>
      <c r="KM38" s="73">
        <v>70</v>
      </c>
    </row>
    <row r="39" spans="2:299" ht="21" customHeight="1" x14ac:dyDescent="0.2">
      <c r="B39" s="126" t="s">
        <v>36</v>
      </c>
      <c r="C39" s="315">
        <v>3</v>
      </c>
      <c r="D39" s="82">
        <v>7</v>
      </c>
      <c r="E39" s="83">
        <v>10</v>
      </c>
      <c r="F39" s="241"/>
      <c r="G39" s="82">
        <v>5</v>
      </c>
      <c r="H39" s="82">
        <v>5</v>
      </c>
      <c r="I39" s="82">
        <v>3</v>
      </c>
      <c r="J39" s="82">
        <v>6</v>
      </c>
      <c r="K39" s="82">
        <v>2</v>
      </c>
      <c r="L39" s="84">
        <v>21</v>
      </c>
      <c r="M39" s="85">
        <v>31</v>
      </c>
      <c r="N39" s="70">
        <v>0</v>
      </c>
      <c r="O39" s="71">
        <v>0</v>
      </c>
      <c r="P39" s="72">
        <v>0</v>
      </c>
      <c r="Q39" s="244"/>
      <c r="R39" s="71">
        <v>0</v>
      </c>
      <c r="S39" s="71">
        <v>0</v>
      </c>
      <c r="T39" s="71">
        <v>0</v>
      </c>
      <c r="U39" s="71">
        <v>0</v>
      </c>
      <c r="V39" s="71">
        <v>0</v>
      </c>
      <c r="W39" s="72">
        <v>0</v>
      </c>
      <c r="X39" s="73">
        <v>0</v>
      </c>
      <c r="Y39" s="70">
        <v>0</v>
      </c>
      <c r="Z39" s="71">
        <v>0</v>
      </c>
      <c r="AA39" s="72">
        <v>0</v>
      </c>
      <c r="AB39" s="244"/>
      <c r="AC39" s="71">
        <v>0</v>
      </c>
      <c r="AD39" s="71">
        <v>2</v>
      </c>
      <c r="AE39" s="71">
        <v>0</v>
      </c>
      <c r="AF39" s="71">
        <v>0</v>
      </c>
      <c r="AG39" s="71">
        <v>0</v>
      </c>
      <c r="AH39" s="72">
        <v>2</v>
      </c>
      <c r="AI39" s="73">
        <v>2</v>
      </c>
      <c r="AJ39" s="70">
        <v>1</v>
      </c>
      <c r="AK39" s="71">
        <v>0</v>
      </c>
      <c r="AL39" s="72">
        <v>1</v>
      </c>
      <c r="AM39" s="244"/>
      <c r="AN39" s="71">
        <v>1</v>
      </c>
      <c r="AO39" s="71">
        <v>0</v>
      </c>
      <c r="AP39" s="71">
        <v>0</v>
      </c>
      <c r="AQ39" s="71">
        <v>0</v>
      </c>
      <c r="AR39" s="71">
        <v>1</v>
      </c>
      <c r="AS39" s="72">
        <v>2</v>
      </c>
      <c r="AT39" s="73">
        <v>3</v>
      </c>
      <c r="AU39" s="70">
        <v>0</v>
      </c>
      <c r="AV39" s="71">
        <v>4</v>
      </c>
      <c r="AW39" s="72">
        <v>4</v>
      </c>
      <c r="AX39" s="244"/>
      <c r="AY39" s="71">
        <v>3</v>
      </c>
      <c r="AZ39" s="71">
        <v>2</v>
      </c>
      <c r="BA39" s="71">
        <v>1</v>
      </c>
      <c r="BB39" s="71">
        <v>0</v>
      </c>
      <c r="BC39" s="71">
        <v>1</v>
      </c>
      <c r="BD39" s="72">
        <v>7</v>
      </c>
      <c r="BE39" s="73">
        <v>11</v>
      </c>
      <c r="BF39" s="70">
        <v>1</v>
      </c>
      <c r="BG39" s="71">
        <v>3</v>
      </c>
      <c r="BH39" s="72">
        <v>4</v>
      </c>
      <c r="BI39" s="244"/>
      <c r="BJ39" s="71">
        <v>0</v>
      </c>
      <c r="BK39" s="71">
        <v>0</v>
      </c>
      <c r="BL39" s="71">
        <v>0</v>
      </c>
      <c r="BM39" s="71">
        <v>3</v>
      </c>
      <c r="BN39" s="71">
        <v>0</v>
      </c>
      <c r="BO39" s="72">
        <v>3</v>
      </c>
      <c r="BP39" s="73">
        <v>7</v>
      </c>
      <c r="BQ39" s="70">
        <v>1</v>
      </c>
      <c r="BR39" s="71">
        <v>0</v>
      </c>
      <c r="BS39" s="72">
        <v>1</v>
      </c>
      <c r="BT39" s="244"/>
      <c r="BU39" s="71">
        <v>1</v>
      </c>
      <c r="BV39" s="71">
        <v>1</v>
      </c>
      <c r="BW39" s="71">
        <v>2</v>
      </c>
      <c r="BX39" s="71">
        <v>3</v>
      </c>
      <c r="BY39" s="71">
        <v>0</v>
      </c>
      <c r="BZ39" s="72">
        <v>7</v>
      </c>
      <c r="CA39" s="73">
        <v>8</v>
      </c>
      <c r="CB39" s="70">
        <v>0</v>
      </c>
      <c r="CC39" s="71">
        <v>0</v>
      </c>
      <c r="CD39" s="72">
        <v>0</v>
      </c>
      <c r="CE39" s="244"/>
      <c r="CF39" s="71">
        <v>0</v>
      </c>
      <c r="CG39" s="71">
        <v>0</v>
      </c>
      <c r="CH39" s="71">
        <v>0</v>
      </c>
      <c r="CI39" s="71">
        <v>0</v>
      </c>
      <c r="CJ39" s="71">
        <v>0</v>
      </c>
      <c r="CK39" s="72">
        <v>0</v>
      </c>
      <c r="CL39" s="73">
        <v>0</v>
      </c>
      <c r="CM39" s="70">
        <v>3</v>
      </c>
      <c r="CN39" s="71">
        <v>7</v>
      </c>
      <c r="CO39" s="72">
        <v>10</v>
      </c>
      <c r="CP39" s="244"/>
      <c r="CQ39" s="71">
        <v>5</v>
      </c>
      <c r="CR39" s="71">
        <v>5</v>
      </c>
      <c r="CS39" s="71">
        <v>3</v>
      </c>
      <c r="CT39" s="71">
        <v>6</v>
      </c>
      <c r="CU39" s="71">
        <v>2</v>
      </c>
      <c r="CV39" s="72">
        <v>21</v>
      </c>
      <c r="CW39" s="73">
        <v>31</v>
      </c>
      <c r="CX39" s="123">
        <v>2</v>
      </c>
      <c r="CY39" s="82">
        <v>4</v>
      </c>
      <c r="CZ39" s="83">
        <v>6</v>
      </c>
      <c r="DA39" s="241"/>
      <c r="DB39" s="82">
        <v>7</v>
      </c>
      <c r="DC39" s="82">
        <v>3</v>
      </c>
      <c r="DD39" s="82">
        <v>5</v>
      </c>
      <c r="DE39" s="82">
        <v>5</v>
      </c>
      <c r="DF39" s="82">
        <v>3</v>
      </c>
      <c r="DG39" s="84">
        <v>23</v>
      </c>
      <c r="DH39" s="85">
        <v>29</v>
      </c>
      <c r="DI39" s="70">
        <v>0</v>
      </c>
      <c r="DJ39" s="71">
        <v>0</v>
      </c>
      <c r="DK39" s="72">
        <v>0</v>
      </c>
      <c r="DL39" s="244"/>
      <c r="DM39" s="71">
        <v>0</v>
      </c>
      <c r="DN39" s="71">
        <v>0</v>
      </c>
      <c r="DO39" s="71">
        <v>0</v>
      </c>
      <c r="DP39" s="71">
        <v>0</v>
      </c>
      <c r="DQ39" s="71">
        <v>0</v>
      </c>
      <c r="DR39" s="72">
        <v>0</v>
      </c>
      <c r="DS39" s="73">
        <v>0</v>
      </c>
      <c r="DT39" s="70">
        <v>0</v>
      </c>
      <c r="DU39" s="71">
        <v>0</v>
      </c>
      <c r="DV39" s="72">
        <v>0</v>
      </c>
      <c r="DW39" s="244"/>
      <c r="DX39" s="71">
        <v>0</v>
      </c>
      <c r="DY39" s="71">
        <v>0</v>
      </c>
      <c r="DZ39" s="71">
        <v>0</v>
      </c>
      <c r="EA39" s="71">
        <v>0</v>
      </c>
      <c r="EB39" s="71">
        <v>0</v>
      </c>
      <c r="EC39" s="72">
        <v>0</v>
      </c>
      <c r="ED39" s="73">
        <v>0</v>
      </c>
      <c r="EE39" s="70">
        <v>0</v>
      </c>
      <c r="EF39" s="71">
        <v>2</v>
      </c>
      <c r="EG39" s="72">
        <v>2</v>
      </c>
      <c r="EH39" s="244"/>
      <c r="EI39" s="71">
        <v>1</v>
      </c>
      <c r="EJ39" s="71">
        <v>0</v>
      </c>
      <c r="EK39" s="71">
        <v>0</v>
      </c>
      <c r="EL39" s="71">
        <v>0</v>
      </c>
      <c r="EM39" s="71">
        <v>0</v>
      </c>
      <c r="EN39" s="72">
        <v>1</v>
      </c>
      <c r="EO39" s="73">
        <v>3</v>
      </c>
      <c r="EP39" s="70">
        <v>1</v>
      </c>
      <c r="EQ39" s="71">
        <v>1</v>
      </c>
      <c r="ER39" s="72">
        <v>2</v>
      </c>
      <c r="ES39" s="244"/>
      <c r="ET39" s="71">
        <v>2</v>
      </c>
      <c r="EU39" s="71">
        <v>0</v>
      </c>
      <c r="EV39" s="71">
        <v>1</v>
      </c>
      <c r="EW39" s="71">
        <v>0</v>
      </c>
      <c r="EX39" s="71">
        <v>0</v>
      </c>
      <c r="EY39" s="72">
        <v>3</v>
      </c>
      <c r="EZ39" s="73">
        <v>5</v>
      </c>
      <c r="FA39" s="70">
        <v>0</v>
      </c>
      <c r="FB39" s="71">
        <v>1</v>
      </c>
      <c r="FC39" s="72">
        <v>1</v>
      </c>
      <c r="FD39" s="244"/>
      <c r="FE39" s="71">
        <v>1</v>
      </c>
      <c r="FF39" s="71">
        <v>2</v>
      </c>
      <c r="FG39" s="71">
        <v>1</v>
      </c>
      <c r="FH39" s="71">
        <v>4</v>
      </c>
      <c r="FI39" s="71">
        <v>1</v>
      </c>
      <c r="FJ39" s="72">
        <v>9</v>
      </c>
      <c r="FK39" s="73">
        <v>10</v>
      </c>
      <c r="FL39" s="70">
        <v>1</v>
      </c>
      <c r="FM39" s="71">
        <v>0</v>
      </c>
      <c r="FN39" s="72">
        <v>1</v>
      </c>
      <c r="FO39" s="244"/>
      <c r="FP39" s="71">
        <v>3</v>
      </c>
      <c r="FQ39" s="71">
        <v>1</v>
      </c>
      <c r="FR39" s="71">
        <v>3</v>
      </c>
      <c r="FS39" s="71">
        <v>1</v>
      </c>
      <c r="FT39" s="71">
        <v>2</v>
      </c>
      <c r="FU39" s="72">
        <v>10</v>
      </c>
      <c r="FV39" s="73">
        <v>11</v>
      </c>
      <c r="FW39" s="70">
        <v>0</v>
      </c>
      <c r="FX39" s="71">
        <v>0</v>
      </c>
      <c r="FY39" s="72">
        <v>0</v>
      </c>
      <c r="FZ39" s="244"/>
      <c r="GA39" s="71">
        <v>0</v>
      </c>
      <c r="GB39" s="71">
        <v>0</v>
      </c>
      <c r="GC39" s="71">
        <v>0</v>
      </c>
      <c r="GD39" s="71">
        <v>0</v>
      </c>
      <c r="GE39" s="71">
        <v>0</v>
      </c>
      <c r="GF39" s="72">
        <v>0</v>
      </c>
      <c r="GG39" s="73">
        <v>0</v>
      </c>
      <c r="GH39" s="70">
        <v>2</v>
      </c>
      <c r="GI39" s="71">
        <v>4</v>
      </c>
      <c r="GJ39" s="72">
        <v>6</v>
      </c>
      <c r="GK39" s="244"/>
      <c r="GL39" s="71">
        <v>7</v>
      </c>
      <c r="GM39" s="71">
        <v>3</v>
      </c>
      <c r="GN39" s="71">
        <v>5</v>
      </c>
      <c r="GO39" s="71">
        <v>5</v>
      </c>
      <c r="GP39" s="71">
        <v>3</v>
      </c>
      <c r="GQ39" s="72">
        <v>23</v>
      </c>
      <c r="GR39" s="73">
        <v>29</v>
      </c>
      <c r="GS39" s="123">
        <v>5</v>
      </c>
      <c r="GT39" s="82">
        <v>11</v>
      </c>
      <c r="GU39" s="83">
        <v>16</v>
      </c>
      <c r="GV39" s="241"/>
      <c r="GW39" s="82">
        <v>12</v>
      </c>
      <c r="GX39" s="82">
        <v>8</v>
      </c>
      <c r="GY39" s="82">
        <v>8</v>
      </c>
      <c r="GZ39" s="82">
        <v>11</v>
      </c>
      <c r="HA39" s="82">
        <v>5</v>
      </c>
      <c r="HB39" s="84">
        <v>44</v>
      </c>
      <c r="HC39" s="85">
        <v>60</v>
      </c>
      <c r="HD39" s="70">
        <v>0</v>
      </c>
      <c r="HE39" s="71">
        <v>0</v>
      </c>
      <c r="HF39" s="72">
        <v>0</v>
      </c>
      <c r="HG39" s="244"/>
      <c r="HH39" s="71">
        <v>0</v>
      </c>
      <c r="HI39" s="71">
        <v>0</v>
      </c>
      <c r="HJ39" s="71">
        <v>0</v>
      </c>
      <c r="HK39" s="71">
        <v>0</v>
      </c>
      <c r="HL39" s="71">
        <v>0</v>
      </c>
      <c r="HM39" s="72">
        <v>0</v>
      </c>
      <c r="HN39" s="73">
        <v>0</v>
      </c>
      <c r="HO39" s="70">
        <v>0</v>
      </c>
      <c r="HP39" s="71">
        <v>0</v>
      </c>
      <c r="HQ39" s="72">
        <v>0</v>
      </c>
      <c r="HR39" s="244"/>
      <c r="HS39" s="71">
        <v>0</v>
      </c>
      <c r="HT39" s="71">
        <v>2</v>
      </c>
      <c r="HU39" s="71">
        <v>0</v>
      </c>
      <c r="HV39" s="71">
        <v>0</v>
      </c>
      <c r="HW39" s="71">
        <v>0</v>
      </c>
      <c r="HX39" s="72">
        <v>2</v>
      </c>
      <c r="HY39" s="73">
        <v>2</v>
      </c>
      <c r="HZ39" s="70">
        <v>1</v>
      </c>
      <c r="IA39" s="71">
        <v>2</v>
      </c>
      <c r="IB39" s="72">
        <v>3</v>
      </c>
      <c r="IC39" s="244"/>
      <c r="ID39" s="71">
        <v>2</v>
      </c>
      <c r="IE39" s="71">
        <v>0</v>
      </c>
      <c r="IF39" s="71">
        <v>0</v>
      </c>
      <c r="IG39" s="71">
        <v>0</v>
      </c>
      <c r="IH39" s="71">
        <v>1</v>
      </c>
      <c r="II39" s="72">
        <v>3</v>
      </c>
      <c r="IJ39" s="73">
        <v>6</v>
      </c>
      <c r="IK39" s="70">
        <v>1</v>
      </c>
      <c r="IL39" s="71">
        <v>5</v>
      </c>
      <c r="IM39" s="72">
        <v>6</v>
      </c>
      <c r="IN39" s="244"/>
      <c r="IO39" s="71">
        <v>5</v>
      </c>
      <c r="IP39" s="71">
        <v>2</v>
      </c>
      <c r="IQ39" s="71">
        <v>2</v>
      </c>
      <c r="IR39" s="71">
        <v>0</v>
      </c>
      <c r="IS39" s="71">
        <v>1</v>
      </c>
      <c r="IT39" s="72">
        <v>10</v>
      </c>
      <c r="IU39" s="73">
        <v>16</v>
      </c>
      <c r="IV39" s="70">
        <v>1</v>
      </c>
      <c r="IW39" s="71">
        <v>4</v>
      </c>
      <c r="IX39" s="72">
        <v>5</v>
      </c>
      <c r="IY39" s="244"/>
      <c r="IZ39" s="71">
        <v>1</v>
      </c>
      <c r="JA39" s="71">
        <v>2</v>
      </c>
      <c r="JB39" s="71">
        <v>1</v>
      </c>
      <c r="JC39" s="71">
        <v>7</v>
      </c>
      <c r="JD39" s="71">
        <v>1</v>
      </c>
      <c r="JE39" s="72">
        <v>12</v>
      </c>
      <c r="JF39" s="73">
        <v>17</v>
      </c>
      <c r="JG39" s="70">
        <v>2</v>
      </c>
      <c r="JH39" s="71">
        <v>0</v>
      </c>
      <c r="JI39" s="72">
        <v>2</v>
      </c>
      <c r="JJ39" s="244"/>
      <c r="JK39" s="71">
        <v>4</v>
      </c>
      <c r="JL39" s="71">
        <v>2</v>
      </c>
      <c r="JM39" s="71">
        <v>5</v>
      </c>
      <c r="JN39" s="71">
        <v>4</v>
      </c>
      <c r="JO39" s="71">
        <v>2</v>
      </c>
      <c r="JP39" s="72">
        <v>17</v>
      </c>
      <c r="JQ39" s="73">
        <v>19</v>
      </c>
      <c r="JR39" s="70">
        <v>0</v>
      </c>
      <c r="JS39" s="71">
        <v>0</v>
      </c>
      <c r="JT39" s="72">
        <v>0</v>
      </c>
      <c r="JU39" s="244"/>
      <c r="JV39" s="71">
        <v>0</v>
      </c>
      <c r="JW39" s="71">
        <v>0</v>
      </c>
      <c r="JX39" s="71">
        <v>0</v>
      </c>
      <c r="JY39" s="71">
        <v>0</v>
      </c>
      <c r="JZ39" s="71">
        <v>0</v>
      </c>
      <c r="KA39" s="72">
        <v>0</v>
      </c>
      <c r="KB39" s="73">
        <v>0</v>
      </c>
      <c r="KC39" s="70">
        <v>5</v>
      </c>
      <c r="KD39" s="71">
        <v>11</v>
      </c>
      <c r="KE39" s="72">
        <v>16</v>
      </c>
      <c r="KF39" s="244"/>
      <c r="KG39" s="71">
        <v>12</v>
      </c>
      <c r="KH39" s="71">
        <v>8</v>
      </c>
      <c r="KI39" s="71">
        <v>8</v>
      </c>
      <c r="KJ39" s="71">
        <v>11</v>
      </c>
      <c r="KK39" s="71">
        <v>5</v>
      </c>
      <c r="KL39" s="72">
        <v>44</v>
      </c>
      <c r="KM39" s="73">
        <v>60</v>
      </c>
    </row>
    <row r="40" spans="2:299" ht="21" customHeight="1" thickBot="1" x14ac:dyDescent="0.25">
      <c r="B40" s="127" t="s">
        <v>37</v>
      </c>
      <c r="C40" s="316">
        <v>0</v>
      </c>
      <c r="D40" s="87">
        <v>1</v>
      </c>
      <c r="E40" s="88">
        <v>1</v>
      </c>
      <c r="F40" s="242"/>
      <c r="G40" s="87">
        <v>0</v>
      </c>
      <c r="H40" s="87">
        <v>0</v>
      </c>
      <c r="I40" s="87">
        <v>0</v>
      </c>
      <c r="J40" s="87">
        <v>1</v>
      </c>
      <c r="K40" s="87">
        <v>0</v>
      </c>
      <c r="L40" s="89">
        <v>1</v>
      </c>
      <c r="M40" s="90">
        <v>2</v>
      </c>
      <c r="N40" s="74">
        <v>0</v>
      </c>
      <c r="O40" s="75">
        <v>0</v>
      </c>
      <c r="P40" s="76">
        <v>0</v>
      </c>
      <c r="Q40" s="245"/>
      <c r="R40" s="75">
        <v>0</v>
      </c>
      <c r="S40" s="75">
        <v>0</v>
      </c>
      <c r="T40" s="75">
        <v>0</v>
      </c>
      <c r="U40" s="75">
        <v>0</v>
      </c>
      <c r="V40" s="75">
        <v>0</v>
      </c>
      <c r="W40" s="76">
        <v>0</v>
      </c>
      <c r="X40" s="77">
        <v>0</v>
      </c>
      <c r="Y40" s="74">
        <v>0</v>
      </c>
      <c r="Z40" s="75">
        <v>1</v>
      </c>
      <c r="AA40" s="76">
        <v>1</v>
      </c>
      <c r="AB40" s="245"/>
      <c r="AC40" s="75">
        <v>0</v>
      </c>
      <c r="AD40" s="75">
        <v>0</v>
      </c>
      <c r="AE40" s="75">
        <v>0</v>
      </c>
      <c r="AF40" s="75">
        <v>0</v>
      </c>
      <c r="AG40" s="75">
        <v>0</v>
      </c>
      <c r="AH40" s="76">
        <v>0</v>
      </c>
      <c r="AI40" s="77">
        <v>1</v>
      </c>
      <c r="AJ40" s="74">
        <v>0</v>
      </c>
      <c r="AK40" s="75">
        <v>0</v>
      </c>
      <c r="AL40" s="76">
        <v>0</v>
      </c>
      <c r="AM40" s="245"/>
      <c r="AN40" s="75">
        <v>0</v>
      </c>
      <c r="AO40" s="75">
        <v>0</v>
      </c>
      <c r="AP40" s="75">
        <v>0</v>
      </c>
      <c r="AQ40" s="75">
        <v>0</v>
      </c>
      <c r="AR40" s="75">
        <v>0</v>
      </c>
      <c r="AS40" s="76">
        <v>0</v>
      </c>
      <c r="AT40" s="77">
        <v>0</v>
      </c>
      <c r="AU40" s="74">
        <v>0</v>
      </c>
      <c r="AV40" s="75">
        <v>0</v>
      </c>
      <c r="AW40" s="76">
        <v>0</v>
      </c>
      <c r="AX40" s="245"/>
      <c r="AY40" s="75">
        <v>0</v>
      </c>
      <c r="AZ40" s="75">
        <v>0</v>
      </c>
      <c r="BA40" s="75">
        <v>0</v>
      </c>
      <c r="BB40" s="75">
        <v>1</v>
      </c>
      <c r="BC40" s="75">
        <v>0</v>
      </c>
      <c r="BD40" s="76">
        <v>1</v>
      </c>
      <c r="BE40" s="77">
        <v>1</v>
      </c>
      <c r="BF40" s="74">
        <v>0</v>
      </c>
      <c r="BG40" s="75">
        <v>0</v>
      </c>
      <c r="BH40" s="76">
        <v>0</v>
      </c>
      <c r="BI40" s="245"/>
      <c r="BJ40" s="75">
        <v>0</v>
      </c>
      <c r="BK40" s="75">
        <v>0</v>
      </c>
      <c r="BL40" s="75">
        <v>0</v>
      </c>
      <c r="BM40" s="75">
        <v>0</v>
      </c>
      <c r="BN40" s="75">
        <v>0</v>
      </c>
      <c r="BO40" s="76">
        <v>0</v>
      </c>
      <c r="BP40" s="77">
        <v>0</v>
      </c>
      <c r="BQ40" s="74">
        <v>0</v>
      </c>
      <c r="BR40" s="75">
        <v>0</v>
      </c>
      <c r="BS40" s="76">
        <v>0</v>
      </c>
      <c r="BT40" s="245"/>
      <c r="BU40" s="75">
        <v>0</v>
      </c>
      <c r="BV40" s="75">
        <v>0</v>
      </c>
      <c r="BW40" s="75">
        <v>0</v>
      </c>
      <c r="BX40" s="75">
        <v>0</v>
      </c>
      <c r="BY40" s="75">
        <v>0</v>
      </c>
      <c r="BZ40" s="76">
        <v>0</v>
      </c>
      <c r="CA40" s="77">
        <v>0</v>
      </c>
      <c r="CB40" s="74">
        <v>0</v>
      </c>
      <c r="CC40" s="75">
        <v>0</v>
      </c>
      <c r="CD40" s="76">
        <v>0</v>
      </c>
      <c r="CE40" s="245"/>
      <c r="CF40" s="75">
        <v>0</v>
      </c>
      <c r="CG40" s="75">
        <v>0</v>
      </c>
      <c r="CH40" s="75">
        <v>0</v>
      </c>
      <c r="CI40" s="75">
        <v>0</v>
      </c>
      <c r="CJ40" s="75">
        <v>0</v>
      </c>
      <c r="CK40" s="76">
        <v>0</v>
      </c>
      <c r="CL40" s="77">
        <v>0</v>
      </c>
      <c r="CM40" s="74">
        <v>0</v>
      </c>
      <c r="CN40" s="75">
        <v>1</v>
      </c>
      <c r="CO40" s="76">
        <v>1</v>
      </c>
      <c r="CP40" s="245"/>
      <c r="CQ40" s="75">
        <v>0</v>
      </c>
      <c r="CR40" s="75">
        <v>0</v>
      </c>
      <c r="CS40" s="75">
        <v>0</v>
      </c>
      <c r="CT40" s="75">
        <v>1</v>
      </c>
      <c r="CU40" s="75">
        <v>0</v>
      </c>
      <c r="CV40" s="76">
        <v>1</v>
      </c>
      <c r="CW40" s="77">
        <v>2</v>
      </c>
      <c r="CX40" s="124">
        <v>0</v>
      </c>
      <c r="CY40" s="87">
        <v>0</v>
      </c>
      <c r="CZ40" s="88">
        <v>0</v>
      </c>
      <c r="DA40" s="242"/>
      <c r="DB40" s="87">
        <v>0</v>
      </c>
      <c r="DC40" s="87">
        <v>0</v>
      </c>
      <c r="DD40" s="87">
        <v>0</v>
      </c>
      <c r="DE40" s="87">
        <v>0</v>
      </c>
      <c r="DF40" s="87">
        <v>1</v>
      </c>
      <c r="DG40" s="89">
        <v>1</v>
      </c>
      <c r="DH40" s="90">
        <v>1</v>
      </c>
      <c r="DI40" s="74">
        <v>0</v>
      </c>
      <c r="DJ40" s="75">
        <v>0</v>
      </c>
      <c r="DK40" s="76">
        <v>0</v>
      </c>
      <c r="DL40" s="245"/>
      <c r="DM40" s="75">
        <v>0</v>
      </c>
      <c r="DN40" s="75">
        <v>0</v>
      </c>
      <c r="DO40" s="75">
        <v>0</v>
      </c>
      <c r="DP40" s="75">
        <v>0</v>
      </c>
      <c r="DQ40" s="75">
        <v>0</v>
      </c>
      <c r="DR40" s="76">
        <v>0</v>
      </c>
      <c r="DS40" s="77">
        <v>0</v>
      </c>
      <c r="DT40" s="74">
        <v>0</v>
      </c>
      <c r="DU40" s="75">
        <v>0</v>
      </c>
      <c r="DV40" s="76">
        <v>0</v>
      </c>
      <c r="DW40" s="245"/>
      <c r="DX40" s="75">
        <v>0</v>
      </c>
      <c r="DY40" s="75">
        <v>0</v>
      </c>
      <c r="DZ40" s="75">
        <v>0</v>
      </c>
      <c r="EA40" s="75">
        <v>0</v>
      </c>
      <c r="EB40" s="75">
        <v>0</v>
      </c>
      <c r="EC40" s="76">
        <v>0</v>
      </c>
      <c r="ED40" s="77">
        <v>0</v>
      </c>
      <c r="EE40" s="74">
        <v>0</v>
      </c>
      <c r="EF40" s="75">
        <v>0</v>
      </c>
      <c r="EG40" s="76">
        <v>0</v>
      </c>
      <c r="EH40" s="245"/>
      <c r="EI40" s="75">
        <v>0</v>
      </c>
      <c r="EJ40" s="75">
        <v>0</v>
      </c>
      <c r="EK40" s="75">
        <v>0</v>
      </c>
      <c r="EL40" s="75">
        <v>0</v>
      </c>
      <c r="EM40" s="75">
        <v>0</v>
      </c>
      <c r="EN40" s="76">
        <v>0</v>
      </c>
      <c r="EO40" s="77">
        <v>0</v>
      </c>
      <c r="EP40" s="74">
        <v>0</v>
      </c>
      <c r="EQ40" s="75">
        <v>0</v>
      </c>
      <c r="ER40" s="76">
        <v>0</v>
      </c>
      <c r="ES40" s="245"/>
      <c r="ET40" s="75">
        <v>0</v>
      </c>
      <c r="EU40" s="75">
        <v>0</v>
      </c>
      <c r="EV40" s="75">
        <v>0</v>
      </c>
      <c r="EW40" s="75">
        <v>0</v>
      </c>
      <c r="EX40" s="75">
        <v>0</v>
      </c>
      <c r="EY40" s="76">
        <v>0</v>
      </c>
      <c r="EZ40" s="77">
        <v>0</v>
      </c>
      <c r="FA40" s="74">
        <v>0</v>
      </c>
      <c r="FB40" s="75">
        <v>0</v>
      </c>
      <c r="FC40" s="76">
        <v>0</v>
      </c>
      <c r="FD40" s="245"/>
      <c r="FE40" s="75">
        <v>0</v>
      </c>
      <c r="FF40" s="75">
        <v>0</v>
      </c>
      <c r="FG40" s="75">
        <v>0</v>
      </c>
      <c r="FH40" s="75">
        <v>0</v>
      </c>
      <c r="FI40" s="75">
        <v>0</v>
      </c>
      <c r="FJ40" s="76">
        <v>0</v>
      </c>
      <c r="FK40" s="77">
        <v>0</v>
      </c>
      <c r="FL40" s="74">
        <v>0</v>
      </c>
      <c r="FM40" s="75">
        <v>0</v>
      </c>
      <c r="FN40" s="76">
        <v>0</v>
      </c>
      <c r="FO40" s="245"/>
      <c r="FP40" s="75">
        <v>0</v>
      </c>
      <c r="FQ40" s="75">
        <v>0</v>
      </c>
      <c r="FR40" s="75">
        <v>0</v>
      </c>
      <c r="FS40" s="75">
        <v>0</v>
      </c>
      <c r="FT40" s="75">
        <v>1</v>
      </c>
      <c r="FU40" s="76">
        <v>1</v>
      </c>
      <c r="FV40" s="77">
        <v>1</v>
      </c>
      <c r="FW40" s="74">
        <v>0</v>
      </c>
      <c r="FX40" s="75">
        <v>0</v>
      </c>
      <c r="FY40" s="76">
        <v>0</v>
      </c>
      <c r="FZ40" s="245"/>
      <c r="GA40" s="75">
        <v>0</v>
      </c>
      <c r="GB40" s="75">
        <v>0</v>
      </c>
      <c r="GC40" s="75">
        <v>0</v>
      </c>
      <c r="GD40" s="75">
        <v>0</v>
      </c>
      <c r="GE40" s="75">
        <v>0</v>
      </c>
      <c r="GF40" s="76">
        <v>0</v>
      </c>
      <c r="GG40" s="77">
        <v>0</v>
      </c>
      <c r="GH40" s="74">
        <v>0</v>
      </c>
      <c r="GI40" s="75">
        <v>0</v>
      </c>
      <c r="GJ40" s="76">
        <v>0</v>
      </c>
      <c r="GK40" s="245"/>
      <c r="GL40" s="75">
        <v>0</v>
      </c>
      <c r="GM40" s="75">
        <v>0</v>
      </c>
      <c r="GN40" s="75">
        <v>0</v>
      </c>
      <c r="GO40" s="75">
        <v>0</v>
      </c>
      <c r="GP40" s="75">
        <v>1</v>
      </c>
      <c r="GQ40" s="76">
        <v>1</v>
      </c>
      <c r="GR40" s="77">
        <v>1</v>
      </c>
      <c r="GS40" s="124">
        <v>0</v>
      </c>
      <c r="GT40" s="87">
        <v>1</v>
      </c>
      <c r="GU40" s="88">
        <v>1</v>
      </c>
      <c r="GV40" s="242"/>
      <c r="GW40" s="87">
        <v>0</v>
      </c>
      <c r="GX40" s="87">
        <v>0</v>
      </c>
      <c r="GY40" s="87">
        <v>0</v>
      </c>
      <c r="GZ40" s="87">
        <v>1</v>
      </c>
      <c r="HA40" s="87">
        <v>1</v>
      </c>
      <c r="HB40" s="89">
        <v>2</v>
      </c>
      <c r="HC40" s="90">
        <v>3</v>
      </c>
      <c r="HD40" s="74">
        <v>0</v>
      </c>
      <c r="HE40" s="75">
        <v>0</v>
      </c>
      <c r="HF40" s="76">
        <v>0</v>
      </c>
      <c r="HG40" s="245"/>
      <c r="HH40" s="75">
        <v>0</v>
      </c>
      <c r="HI40" s="75">
        <v>0</v>
      </c>
      <c r="HJ40" s="75">
        <v>0</v>
      </c>
      <c r="HK40" s="75">
        <v>0</v>
      </c>
      <c r="HL40" s="75">
        <v>0</v>
      </c>
      <c r="HM40" s="76">
        <v>0</v>
      </c>
      <c r="HN40" s="77">
        <v>0</v>
      </c>
      <c r="HO40" s="74">
        <v>0</v>
      </c>
      <c r="HP40" s="75">
        <v>1</v>
      </c>
      <c r="HQ40" s="76">
        <v>1</v>
      </c>
      <c r="HR40" s="245"/>
      <c r="HS40" s="75">
        <v>0</v>
      </c>
      <c r="HT40" s="75">
        <v>0</v>
      </c>
      <c r="HU40" s="75">
        <v>0</v>
      </c>
      <c r="HV40" s="75">
        <v>0</v>
      </c>
      <c r="HW40" s="75">
        <v>0</v>
      </c>
      <c r="HX40" s="76">
        <v>0</v>
      </c>
      <c r="HY40" s="77">
        <v>1</v>
      </c>
      <c r="HZ40" s="74">
        <v>0</v>
      </c>
      <c r="IA40" s="75">
        <v>0</v>
      </c>
      <c r="IB40" s="76">
        <v>0</v>
      </c>
      <c r="IC40" s="245"/>
      <c r="ID40" s="75">
        <v>0</v>
      </c>
      <c r="IE40" s="75">
        <v>0</v>
      </c>
      <c r="IF40" s="75">
        <v>0</v>
      </c>
      <c r="IG40" s="75">
        <v>0</v>
      </c>
      <c r="IH40" s="75">
        <v>0</v>
      </c>
      <c r="II40" s="76">
        <v>0</v>
      </c>
      <c r="IJ40" s="77">
        <v>0</v>
      </c>
      <c r="IK40" s="74">
        <v>0</v>
      </c>
      <c r="IL40" s="75">
        <v>0</v>
      </c>
      <c r="IM40" s="76">
        <v>0</v>
      </c>
      <c r="IN40" s="245"/>
      <c r="IO40" s="75">
        <v>0</v>
      </c>
      <c r="IP40" s="75">
        <v>0</v>
      </c>
      <c r="IQ40" s="75">
        <v>0</v>
      </c>
      <c r="IR40" s="75">
        <v>1</v>
      </c>
      <c r="IS40" s="75">
        <v>0</v>
      </c>
      <c r="IT40" s="76">
        <v>1</v>
      </c>
      <c r="IU40" s="77">
        <v>1</v>
      </c>
      <c r="IV40" s="74">
        <v>0</v>
      </c>
      <c r="IW40" s="75">
        <v>0</v>
      </c>
      <c r="IX40" s="76">
        <v>0</v>
      </c>
      <c r="IY40" s="245"/>
      <c r="IZ40" s="75">
        <v>0</v>
      </c>
      <c r="JA40" s="75">
        <v>0</v>
      </c>
      <c r="JB40" s="75">
        <v>0</v>
      </c>
      <c r="JC40" s="75">
        <v>0</v>
      </c>
      <c r="JD40" s="75">
        <v>0</v>
      </c>
      <c r="JE40" s="76">
        <v>0</v>
      </c>
      <c r="JF40" s="77">
        <v>0</v>
      </c>
      <c r="JG40" s="74">
        <v>0</v>
      </c>
      <c r="JH40" s="75">
        <v>0</v>
      </c>
      <c r="JI40" s="76">
        <v>0</v>
      </c>
      <c r="JJ40" s="245"/>
      <c r="JK40" s="75">
        <v>0</v>
      </c>
      <c r="JL40" s="75">
        <v>0</v>
      </c>
      <c r="JM40" s="75">
        <v>0</v>
      </c>
      <c r="JN40" s="75">
        <v>0</v>
      </c>
      <c r="JO40" s="75">
        <v>1</v>
      </c>
      <c r="JP40" s="76">
        <v>1</v>
      </c>
      <c r="JQ40" s="77">
        <v>1</v>
      </c>
      <c r="JR40" s="74">
        <v>0</v>
      </c>
      <c r="JS40" s="75">
        <v>0</v>
      </c>
      <c r="JT40" s="76">
        <v>0</v>
      </c>
      <c r="JU40" s="245"/>
      <c r="JV40" s="75">
        <v>0</v>
      </c>
      <c r="JW40" s="75">
        <v>0</v>
      </c>
      <c r="JX40" s="75">
        <v>0</v>
      </c>
      <c r="JY40" s="75">
        <v>0</v>
      </c>
      <c r="JZ40" s="75">
        <v>0</v>
      </c>
      <c r="KA40" s="76">
        <v>0</v>
      </c>
      <c r="KB40" s="77">
        <v>0</v>
      </c>
      <c r="KC40" s="74">
        <v>0</v>
      </c>
      <c r="KD40" s="75">
        <v>1</v>
      </c>
      <c r="KE40" s="76">
        <v>1</v>
      </c>
      <c r="KF40" s="245"/>
      <c r="KG40" s="75">
        <v>0</v>
      </c>
      <c r="KH40" s="75">
        <v>0</v>
      </c>
      <c r="KI40" s="75">
        <v>0</v>
      </c>
      <c r="KJ40" s="75">
        <v>1</v>
      </c>
      <c r="KK40" s="75">
        <v>1</v>
      </c>
      <c r="KL40" s="76">
        <v>2</v>
      </c>
      <c r="KM40" s="77">
        <v>3</v>
      </c>
    </row>
    <row r="41" spans="2:299" ht="32.25" customHeight="1" x14ac:dyDescent="0.2">
      <c r="C41" s="310" t="s">
        <v>126</v>
      </c>
    </row>
  </sheetData>
  <mergeCells count="36">
    <mergeCell ref="EP5:EZ5"/>
    <mergeCell ref="FA5:FK5"/>
    <mergeCell ref="B3:B5"/>
    <mergeCell ref="C3:CW3"/>
    <mergeCell ref="CX3:GR3"/>
    <mergeCell ref="C5:M5"/>
    <mergeCell ref="N5:X5"/>
    <mergeCell ref="Y5:AI5"/>
    <mergeCell ref="AJ5:AT5"/>
    <mergeCell ref="AU5:BE5"/>
    <mergeCell ref="EE5:EO5"/>
    <mergeCell ref="FW4:GG5"/>
    <mergeCell ref="GH4:GR5"/>
    <mergeCell ref="BF5:BP5"/>
    <mergeCell ref="CX5:DH5"/>
    <mergeCell ref="IV5:JF5"/>
    <mergeCell ref="GS5:HC5"/>
    <mergeCell ref="HD5:HN5"/>
    <mergeCell ref="HO5:HY5"/>
    <mergeCell ref="JG5:JQ5"/>
    <mergeCell ref="F1:G1"/>
    <mergeCell ref="I1:J1"/>
    <mergeCell ref="GS3:KM3"/>
    <mergeCell ref="CM4:CW5"/>
    <mergeCell ref="CX4:FV4"/>
    <mergeCell ref="KC4:KM5"/>
    <mergeCell ref="GS4:JQ4"/>
    <mergeCell ref="JR4:KB5"/>
    <mergeCell ref="DI5:DS5"/>
    <mergeCell ref="DT5:ED5"/>
    <mergeCell ref="HZ5:IJ5"/>
    <mergeCell ref="IK5:IU5"/>
    <mergeCell ref="BQ5:CA5"/>
    <mergeCell ref="C4:CA4"/>
    <mergeCell ref="CB4:CL5"/>
    <mergeCell ref="FL5:FV5"/>
  </mergeCells>
  <phoneticPr fontId="4"/>
  <printOptions horizontalCentered="1"/>
  <pageMargins left="0.59055118110236227" right="0.39370078740157483" top="0.59055118110236227" bottom="0.55118110236220474" header="0.23622047244094491" footer="0.27559055118110237"/>
  <pageSetup paperSize="9" scale="45" orientation="landscape" r:id="rId1"/>
  <headerFooter alignWithMargins="0">
    <oddFooter>&amp;L&amp;20&amp;X&amp;A&amp;C&amp;P/&amp;N</oddFooter>
  </headerFooter>
  <colBreaks count="4" manualBreakCount="4">
    <brk id="35" max="40" man="1"/>
    <brk id="68" max="1048575" man="1"/>
    <brk id="101" max="1048575" man="1"/>
    <brk id="134" max="40" man="1"/>
  </colBreaks>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6"/>
    <pageSetUpPr fitToPage="1"/>
  </sheetPr>
  <dimension ref="A1:AI39"/>
  <sheetViews>
    <sheetView zoomScaleNormal="100" zoomScaleSheetLayoutView="75" workbookViewId="0">
      <pane xSplit="2" ySplit="5" topLeftCell="C6" activePane="bottomRight" state="frozen"/>
      <selection activeCell="F37" sqref="F37"/>
      <selection pane="topRight" activeCell="F37" sqref="F37"/>
      <selection pane="bottomLeft" activeCell="F37" sqref="F37"/>
      <selection pane="bottomRight" activeCell="B1" sqref="B1"/>
    </sheetView>
  </sheetViews>
  <sheetFormatPr defaultColWidth="9" defaultRowHeight="13.2" x14ac:dyDescent="0.2"/>
  <cols>
    <col min="1" max="1" width="3.21875" style="44" customWidth="1"/>
    <col min="2" max="2" width="8.77734375" style="23" customWidth="1"/>
    <col min="3" max="6" width="7.77734375" style="21" customWidth="1"/>
    <col min="7" max="7" width="8.109375" style="21" customWidth="1"/>
    <col min="8" max="8" width="7.44140625" style="21" customWidth="1"/>
    <col min="9" max="9" width="9.109375" style="21" customWidth="1"/>
    <col min="10" max="10" width="7.77734375" style="21" customWidth="1"/>
    <col min="11" max="11" width="8.6640625" style="21" customWidth="1"/>
    <col min="12" max="12" width="9.33203125" style="21" customWidth="1"/>
    <col min="13" max="13" width="8.33203125" style="21" customWidth="1"/>
    <col min="14" max="26" width="7.77734375" style="21" customWidth="1"/>
    <col min="27" max="33" width="7.77734375" style="23" customWidth="1"/>
    <col min="34" max="34" width="9" style="23"/>
    <col min="35" max="35" width="8.6640625" style="23" customWidth="1"/>
    <col min="36" max="16384" width="9" style="23"/>
  </cols>
  <sheetData>
    <row r="1" spans="2:35" ht="24" customHeight="1" x14ac:dyDescent="0.2">
      <c r="B1" s="20" t="s">
        <v>134</v>
      </c>
      <c r="F1" s="22"/>
      <c r="G1" s="524">
        <f>第１表!F2</f>
        <v>5</v>
      </c>
      <c r="H1" s="524"/>
      <c r="I1" s="248">
        <f>第１表!G2</f>
        <v>2</v>
      </c>
      <c r="J1" s="529">
        <f>IF(I1&lt;3,I1+12-2,I1-2)</f>
        <v>12</v>
      </c>
      <c r="K1" s="529"/>
    </row>
    <row r="2" spans="2:35" ht="24" customHeight="1" thickBot="1" x14ac:dyDescent="0.25">
      <c r="B2" s="291"/>
      <c r="J2" s="24"/>
      <c r="K2" s="24"/>
      <c r="L2" s="24"/>
      <c r="M2" s="24"/>
      <c r="N2" s="24"/>
      <c r="O2" s="24"/>
      <c r="P2" s="25"/>
      <c r="Q2" s="25"/>
      <c r="R2" s="25"/>
    </row>
    <row r="3" spans="2:35" s="44" customFormat="1" ht="21" customHeight="1" thickBot="1" x14ac:dyDescent="0.25">
      <c r="B3" s="54"/>
      <c r="C3" s="526" t="s">
        <v>53</v>
      </c>
      <c r="D3" s="527"/>
      <c r="E3" s="527"/>
      <c r="F3" s="527"/>
      <c r="G3" s="527"/>
      <c r="H3" s="527"/>
      <c r="I3" s="527"/>
      <c r="J3" s="527"/>
      <c r="K3" s="527"/>
      <c r="L3" s="527"/>
      <c r="M3" s="528"/>
      <c r="N3" s="526" t="s">
        <v>54</v>
      </c>
      <c r="O3" s="527"/>
      <c r="P3" s="527"/>
      <c r="Q3" s="527"/>
      <c r="R3" s="527"/>
      <c r="S3" s="527"/>
      <c r="T3" s="527"/>
      <c r="U3" s="527"/>
      <c r="V3" s="527"/>
      <c r="W3" s="527"/>
      <c r="X3" s="528"/>
      <c r="Y3" s="526" t="s">
        <v>55</v>
      </c>
      <c r="Z3" s="527"/>
      <c r="AA3" s="527"/>
      <c r="AB3" s="527"/>
      <c r="AC3" s="527"/>
      <c r="AD3" s="527"/>
      <c r="AE3" s="527"/>
      <c r="AF3" s="527"/>
      <c r="AG3" s="527"/>
      <c r="AH3" s="527"/>
      <c r="AI3" s="528"/>
    </row>
    <row r="4" spans="2:35" s="44" customFormat="1" ht="30" customHeight="1" thickBot="1" x14ac:dyDescent="0.25">
      <c r="B4" s="54" t="s">
        <v>42</v>
      </c>
      <c r="C4" s="55" t="s">
        <v>43</v>
      </c>
      <c r="D4" s="56" t="s">
        <v>44</v>
      </c>
      <c r="E4" s="57" t="s">
        <v>45</v>
      </c>
      <c r="F4" s="58" t="s">
        <v>46</v>
      </c>
      <c r="G4" s="56" t="s">
        <v>47</v>
      </c>
      <c r="H4" s="56" t="s">
        <v>48</v>
      </c>
      <c r="I4" s="56" t="s">
        <v>49</v>
      </c>
      <c r="J4" s="56" t="s">
        <v>50</v>
      </c>
      <c r="K4" s="56" t="s">
        <v>51</v>
      </c>
      <c r="L4" s="57" t="s">
        <v>45</v>
      </c>
      <c r="M4" s="45" t="s">
        <v>52</v>
      </c>
      <c r="N4" s="55" t="s">
        <v>43</v>
      </c>
      <c r="O4" s="56" t="s">
        <v>44</v>
      </c>
      <c r="P4" s="57" t="s">
        <v>45</v>
      </c>
      <c r="Q4" s="58" t="s">
        <v>46</v>
      </c>
      <c r="R4" s="56" t="s">
        <v>47</v>
      </c>
      <c r="S4" s="56" t="s">
        <v>48</v>
      </c>
      <c r="T4" s="56" t="s">
        <v>49</v>
      </c>
      <c r="U4" s="56" t="s">
        <v>50</v>
      </c>
      <c r="V4" s="56" t="s">
        <v>51</v>
      </c>
      <c r="W4" s="57" t="s">
        <v>45</v>
      </c>
      <c r="X4" s="45" t="s">
        <v>52</v>
      </c>
      <c r="Y4" s="55" t="s">
        <v>43</v>
      </c>
      <c r="Z4" s="56" t="s">
        <v>44</v>
      </c>
      <c r="AA4" s="57" t="s">
        <v>45</v>
      </c>
      <c r="AB4" s="58" t="s">
        <v>46</v>
      </c>
      <c r="AC4" s="56" t="s">
        <v>47</v>
      </c>
      <c r="AD4" s="56" t="s">
        <v>48</v>
      </c>
      <c r="AE4" s="56" t="s">
        <v>49</v>
      </c>
      <c r="AF4" s="56" t="s">
        <v>50</v>
      </c>
      <c r="AG4" s="56" t="s">
        <v>51</v>
      </c>
      <c r="AH4" s="57" t="s">
        <v>45</v>
      </c>
      <c r="AI4" s="45" t="s">
        <v>52</v>
      </c>
    </row>
    <row r="5" spans="2:35" ht="21" customHeight="1" x14ac:dyDescent="0.2">
      <c r="B5" s="46" t="s">
        <v>4</v>
      </c>
      <c r="C5" s="215">
        <v>16475</v>
      </c>
      <c r="D5" s="216">
        <v>28953</v>
      </c>
      <c r="E5" s="217">
        <v>45428</v>
      </c>
      <c r="F5" s="212">
        <v>0</v>
      </c>
      <c r="G5" s="216">
        <v>59967</v>
      </c>
      <c r="H5" s="216">
        <v>60030</v>
      </c>
      <c r="I5" s="216">
        <v>35326</v>
      </c>
      <c r="J5" s="216">
        <v>27528</v>
      </c>
      <c r="K5" s="216">
        <v>16353</v>
      </c>
      <c r="L5" s="217">
        <v>199204</v>
      </c>
      <c r="M5" s="218">
        <v>244632</v>
      </c>
      <c r="N5" s="219">
        <v>293</v>
      </c>
      <c r="O5" s="216">
        <v>813</v>
      </c>
      <c r="P5" s="217">
        <v>1106</v>
      </c>
      <c r="Q5" s="212">
        <v>0</v>
      </c>
      <c r="R5" s="216">
        <v>1091</v>
      </c>
      <c r="S5" s="216">
        <v>1869</v>
      </c>
      <c r="T5" s="216">
        <v>984</v>
      </c>
      <c r="U5" s="216">
        <v>833</v>
      </c>
      <c r="V5" s="216">
        <v>762</v>
      </c>
      <c r="W5" s="217">
        <v>5539</v>
      </c>
      <c r="X5" s="218">
        <v>6645</v>
      </c>
      <c r="Y5" s="215">
        <v>16768</v>
      </c>
      <c r="Z5" s="216">
        <v>29766</v>
      </c>
      <c r="AA5" s="217">
        <v>46534</v>
      </c>
      <c r="AB5" s="212">
        <v>0</v>
      </c>
      <c r="AC5" s="216">
        <v>61058</v>
      </c>
      <c r="AD5" s="216">
        <v>61899</v>
      </c>
      <c r="AE5" s="216">
        <v>36310</v>
      </c>
      <c r="AF5" s="216">
        <v>28361</v>
      </c>
      <c r="AG5" s="216">
        <v>17115</v>
      </c>
      <c r="AH5" s="217">
        <v>204743</v>
      </c>
      <c r="AI5" s="218">
        <v>251277</v>
      </c>
    </row>
    <row r="6" spans="2:35" ht="21" customHeight="1" x14ac:dyDescent="0.2">
      <c r="B6" s="49" t="s">
        <v>5</v>
      </c>
      <c r="C6" s="220">
        <v>6149</v>
      </c>
      <c r="D6" s="221">
        <v>12868</v>
      </c>
      <c r="E6" s="222">
        <v>19017</v>
      </c>
      <c r="F6" s="213">
        <v>0</v>
      </c>
      <c r="G6" s="221">
        <v>16147</v>
      </c>
      <c r="H6" s="221">
        <v>22462</v>
      </c>
      <c r="I6" s="221">
        <v>11453</v>
      </c>
      <c r="J6" s="221">
        <v>9269</v>
      </c>
      <c r="K6" s="221">
        <v>5489</v>
      </c>
      <c r="L6" s="222">
        <v>64820</v>
      </c>
      <c r="M6" s="223">
        <v>83837</v>
      </c>
      <c r="N6" s="224">
        <v>108</v>
      </c>
      <c r="O6" s="221">
        <v>343</v>
      </c>
      <c r="P6" s="222">
        <v>451</v>
      </c>
      <c r="Q6" s="213">
        <v>0</v>
      </c>
      <c r="R6" s="221">
        <v>258</v>
      </c>
      <c r="S6" s="221">
        <v>759</v>
      </c>
      <c r="T6" s="221">
        <v>363</v>
      </c>
      <c r="U6" s="221">
        <v>311</v>
      </c>
      <c r="V6" s="221">
        <v>294</v>
      </c>
      <c r="W6" s="222">
        <v>1985</v>
      </c>
      <c r="X6" s="223">
        <v>2436</v>
      </c>
      <c r="Y6" s="220">
        <v>6257</v>
      </c>
      <c r="Z6" s="221">
        <v>13211</v>
      </c>
      <c r="AA6" s="222">
        <v>19468</v>
      </c>
      <c r="AB6" s="213">
        <v>0</v>
      </c>
      <c r="AC6" s="221">
        <v>16405</v>
      </c>
      <c r="AD6" s="221">
        <v>23221</v>
      </c>
      <c r="AE6" s="221">
        <v>11816</v>
      </c>
      <c r="AF6" s="221">
        <v>9580</v>
      </c>
      <c r="AG6" s="221">
        <v>5783</v>
      </c>
      <c r="AH6" s="222">
        <v>66805</v>
      </c>
      <c r="AI6" s="223">
        <v>86273</v>
      </c>
    </row>
    <row r="7" spans="2:35" ht="21" customHeight="1" x14ac:dyDescent="0.2">
      <c r="B7" s="49" t="s">
        <v>6</v>
      </c>
      <c r="C7" s="220">
        <v>2229</v>
      </c>
      <c r="D7" s="221">
        <v>3439</v>
      </c>
      <c r="E7" s="222">
        <v>5668</v>
      </c>
      <c r="F7" s="213">
        <v>0</v>
      </c>
      <c r="G7" s="221">
        <v>10831</v>
      </c>
      <c r="H7" s="221">
        <v>8441</v>
      </c>
      <c r="I7" s="221">
        <v>5775</v>
      </c>
      <c r="J7" s="221">
        <v>4679</v>
      </c>
      <c r="K7" s="221">
        <v>2860</v>
      </c>
      <c r="L7" s="222">
        <v>32586</v>
      </c>
      <c r="M7" s="223">
        <v>38254</v>
      </c>
      <c r="N7" s="224">
        <v>49</v>
      </c>
      <c r="O7" s="221">
        <v>106</v>
      </c>
      <c r="P7" s="222">
        <v>155</v>
      </c>
      <c r="Q7" s="213">
        <v>0</v>
      </c>
      <c r="R7" s="221">
        <v>234</v>
      </c>
      <c r="S7" s="221">
        <v>265</v>
      </c>
      <c r="T7" s="221">
        <v>166</v>
      </c>
      <c r="U7" s="221">
        <v>151</v>
      </c>
      <c r="V7" s="221">
        <v>139</v>
      </c>
      <c r="W7" s="222">
        <v>955</v>
      </c>
      <c r="X7" s="223">
        <v>1110</v>
      </c>
      <c r="Y7" s="220">
        <v>2278</v>
      </c>
      <c r="Z7" s="221">
        <v>3545</v>
      </c>
      <c r="AA7" s="222">
        <v>5823</v>
      </c>
      <c r="AB7" s="213">
        <v>0</v>
      </c>
      <c r="AC7" s="221">
        <v>11065</v>
      </c>
      <c r="AD7" s="221">
        <v>8706</v>
      </c>
      <c r="AE7" s="221">
        <v>5941</v>
      </c>
      <c r="AF7" s="221">
        <v>4830</v>
      </c>
      <c r="AG7" s="221">
        <v>2999</v>
      </c>
      <c r="AH7" s="222">
        <v>33541</v>
      </c>
      <c r="AI7" s="223">
        <v>39364</v>
      </c>
    </row>
    <row r="8" spans="2:35" ht="21" customHeight="1" x14ac:dyDescent="0.2">
      <c r="B8" s="49" t="s">
        <v>14</v>
      </c>
      <c r="C8" s="220">
        <v>1150</v>
      </c>
      <c r="D8" s="221">
        <v>2688</v>
      </c>
      <c r="E8" s="222">
        <v>3838</v>
      </c>
      <c r="F8" s="213">
        <v>0</v>
      </c>
      <c r="G8" s="221">
        <v>4405</v>
      </c>
      <c r="H8" s="221">
        <v>5517</v>
      </c>
      <c r="I8" s="221">
        <v>3439</v>
      </c>
      <c r="J8" s="221">
        <v>2311</v>
      </c>
      <c r="K8" s="221">
        <v>1302</v>
      </c>
      <c r="L8" s="222">
        <v>16974</v>
      </c>
      <c r="M8" s="223">
        <v>20812</v>
      </c>
      <c r="N8" s="224">
        <v>18</v>
      </c>
      <c r="O8" s="221">
        <v>98</v>
      </c>
      <c r="P8" s="222">
        <v>116</v>
      </c>
      <c r="Q8" s="213">
        <v>0</v>
      </c>
      <c r="R8" s="221">
        <v>60</v>
      </c>
      <c r="S8" s="221">
        <v>172</v>
      </c>
      <c r="T8" s="221">
        <v>75</v>
      </c>
      <c r="U8" s="221">
        <v>76</v>
      </c>
      <c r="V8" s="221">
        <v>69</v>
      </c>
      <c r="W8" s="222">
        <v>452</v>
      </c>
      <c r="X8" s="223">
        <v>568</v>
      </c>
      <c r="Y8" s="220">
        <v>1168</v>
      </c>
      <c r="Z8" s="221">
        <v>2786</v>
      </c>
      <c r="AA8" s="222">
        <v>3954</v>
      </c>
      <c r="AB8" s="213">
        <v>0</v>
      </c>
      <c r="AC8" s="221">
        <v>4465</v>
      </c>
      <c r="AD8" s="221">
        <v>5689</v>
      </c>
      <c r="AE8" s="221">
        <v>3514</v>
      </c>
      <c r="AF8" s="221">
        <v>2387</v>
      </c>
      <c r="AG8" s="221">
        <v>1371</v>
      </c>
      <c r="AH8" s="222">
        <v>17426</v>
      </c>
      <c r="AI8" s="223">
        <v>21380</v>
      </c>
    </row>
    <row r="9" spans="2:35" ht="21" customHeight="1" x14ac:dyDescent="0.2">
      <c r="B9" s="49" t="s">
        <v>7</v>
      </c>
      <c r="C9" s="220">
        <v>542</v>
      </c>
      <c r="D9" s="221">
        <v>826</v>
      </c>
      <c r="E9" s="222">
        <v>1368</v>
      </c>
      <c r="F9" s="213">
        <v>0</v>
      </c>
      <c r="G9" s="221">
        <v>5024</v>
      </c>
      <c r="H9" s="221">
        <v>3446</v>
      </c>
      <c r="I9" s="221">
        <v>1996</v>
      </c>
      <c r="J9" s="221">
        <v>1574</v>
      </c>
      <c r="K9" s="221">
        <v>833</v>
      </c>
      <c r="L9" s="222">
        <v>12873</v>
      </c>
      <c r="M9" s="223">
        <v>14241</v>
      </c>
      <c r="N9" s="224">
        <v>10</v>
      </c>
      <c r="O9" s="221">
        <v>12</v>
      </c>
      <c r="P9" s="222">
        <v>22</v>
      </c>
      <c r="Q9" s="213">
        <v>0</v>
      </c>
      <c r="R9" s="221">
        <v>95</v>
      </c>
      <c r="S9" s="221">
        <v>98</v>
      </c>
      <c r="T9" s="221">
        <v>50</v>
      </c>
      <c r="U9" s="221">
        <v>36</v>
      </c>
      <c r="V9" s="221">
        <v>27</v>
      </c>
      <c r="W9" s="222">
        <v>306</v>
      </c>
      <c r="X9" s="223">
        <v>328</v>
      </c>
      <c r="Y9" s="220">
        <v>552</v>
      </c>
      <c r="Z9" s="221">
        <v>838</v>
      </c>
      <c r="AA9" s="222">
        <v>1390</v>
      </c>
      <c r="AB9" s="213">
        <v>0</v>
      </c>
      <c r="AC9" s="221">
        <v>5119</v>
      </c>
      <c r="AD9" s="221">
        <v>3544</v>
      </c>
      <c r="AE9" s="221">
        <v>2046</v>
      </c>
      <c r="AF9" s="221">
        <v>1610</v>
      </c>
      <c r="AG9" s="221">
        <v>860</v>
      </c>
      <c r="AH9" s="222">
        <v>13179</v>
      </c>
      <c r="AI9" s="223">
        <v>14569</v>
      </c>
    </row>
    <row r="10" spans="2:35" ht="21" customHeight="1" x14ac:dyDescent="0.2">
      <c r="B10" s="49" t="s">
        <v>8</v>
      </c>
      <c r="C10" s="220">
        <v>567</v>
      </c>
      <c r="D10" s="221">
        <v>642</v>
      </c>
      <c r="E10" s="222">
        <v>1209</v>
      </c>
      <c r="F10" s="213">
        <v>0</v>
      </c>
      <c r="G10" s="221">
        <v>2019</v>
      </c>
      <c r="H10" s="221">
        <v>2094</v>
      </c>
      <c r="I10" s="221">
        <v>1283</v>
      </c>
      <c r="J10" s="221">
        <v>857</v>
      </c>
      <c r="K10" s="221">
        <v>531</v>
      </c>
      <c r="L10" s="222">
        <v>6784</v>
      </c>
      <c r="M10" s="223">
        <v>7993</v>
      </c>
      <c r="N10" s="224">
        <v>6</v>
      </c>
      <c r="O10" s="221">
        <v>25</v>
      </c>
      <c r="P10" s="222">
        <v>31</v>
      </c>
      <c r="Q10" s="213">
        <v>0</v>
      </c>
      <c r="R10" s="221">
        <v>24</v>
      </c>
      <c r="S10" s="221">
        <v>72</v>
      </c>
      <c r="T10" s="221">
        <v>34</v>
      </c>
      <c r="U10" s="221">
        <v>28</v>
      </c>
      <c r="V10" s="221">
        <v>17</v>
      </c>
      <c r="W10" s="222">
        <v>175</v>
      </c>
      <c r="X10" s="223">
        <v>206</v>
      </c>
      <c r="Y10" s="220">
        <v>573</v>
      </c>
      <c r="Z10" s="221">
        <v>667</v>
      </c>
      <c r="AA10" s="222">
        <v>1240</v>
      </c>
      <c r="AB10" s="213">
        <v>0</v>
      </c>
      <c r="AC10" s="221">
        <v>2043</v>
      </c>
      <c r="AD10" s="221">
        <v>2166</v>
      </c>
      <c r="AE10" s="221">
        <v>1317</v>
      </c>
      <c r="AF10" s="221">
        <v>885</v>
      </c>
      <c r="AG10" s="221">
        <v>548</v>
      </c>
      <c r="AH10" s="222">
        <v>6959</v>
      </c>
      <c r="AI10" s="223">
        <v>8199</v>
      </c>
    </row>
    <row r="11" spans="2:35" ht="21" customHeight="1" x14ac:dyDescent="0.2">
      <c r="B11" s="49" t="s">
        <v>9</v>
      </c>
      <c r="C11" s="220">
        <v>508</v>
      </c>
      <c r="D11" s="221">
        <v>575</v>
      </c>
      <c r="E11" s="222">
        <v>1083</v>
      </c>
      <c r="F11" s="213">
        <v>0</v>
      </c>
      <c r="G11" s="221">
        <v>1991</v>
      </c>
      <c r="H11" s="221">
        <v>1485</v>
      </c>
      <c r="I11" s="221">
        <v>1011</v>
      </c>
      <c r="J11" s="221">
        <v>848</v>
      </c>
      <c r="K11" s="221">
        <v>542</v>
      </c>
      <c r="L11" s="222">
        <v>5877</v>
      </c>
      <c r="M11" s="223">
        <v>6960</v>
      </c>
      <c r="N11" s="224">
        <v>2</v>
      </c>
      <c r="O11" s="221">
        <v>13</v>
      </c>
      <c r="P11" s="222">
        <v>15</v>
      </c>
      <c r="Q11" s="213">
        <v>0</v>
      </c>
      <c r="R11" s="221">
        <v>32</v>
      </c>
      <c r="S11" s="221">
        <v>33</v>
      </c>
      <c r="T11" s="221">
        <v>20</v>
      </c>
      <c r="U11" s="221">
        <v>17</v>
      </c>
      <c r="V11" s="221">
        <v>14</v>
      </c>
      <c r="W11" s="222">
        <v>116</v>
      </c>
      <c r="X11" s="223">
        <v>131</v>
      </c>
      <c r="Y11" s="220">
        <v>510</v>
      </c>
      <c r="Z11" s="221">
        <v>588</v>
      </c>
      <c r="AA11" s="222">
        <v>1098</v>
      </c>
      <c r="AB11" s="213">
        <v>0</v>
      </c>
      <c r="AC11" s="221">
        <v>2023</v>
      </c>
      <c r="AD11" s="221">
        <v>1518</v>
      </c>
      <c r="AE11" s="221">
        <v>1031</v>
      </c>
      <c r="AF11" s="221">
        <v>865</v>
      </c>
      <c r="AG11" s="221">
        <v>556</v>
      </c>
      <c r="AH11" s="222">
        <v>5993</v>
      </c>
      <c r="AI11" s="223">
        <v>7091</v>
      </c>
    </row>
    <row r="12" spans="2:35" ht="21" customHeight="1" x14ac:dyDescent="0.2">
      <c r="B12" s="49" t="s">
        <v>10</v>
      </c>
      <c r="C12" s="220">
        <v>1270</v>
      </c>
      <c r="D12" s="221">
        <v>1595</v>
      </c>
      <c r="E12" s="222">
        <v>2865</v>
      </c>
      <c r="F12" s="213">
        <v>0</v>
      </c>
      <c r="G12" s="221">
        <v>4005</v>
      </c>
      <c r="H12" s="221">
        <v>2390</v>
      </c>
      <c r="I12" s="221">
        <v>1584</v>
      </c>
      <c r="J12" s="221">
        <v>1322</v>
      </c>
      <c r="K12" s="221">
        <v>883</v>
      </c>
      <c r="L12" s="222">
        <v>10184</v>
      </c>
      <c r="M12" s="223">
        <v>13049</v>
      </c>
      <c r="N12" s="224">
        <v>31</v>
      </c>
      <c r="O12" s="221">
        <v>35</v>
      </c>
      <c r="P12" s="222">
        <v>66</v>
      </c>
      <c r="Q12" s="213">
        <v>0</v>
      </c>
      <c r="R12" s="221">
        <v>93</v>
      </c>
      <c r="S12" s="221">
        <v>72</v>
      </c>
      <c r="T12" s="221">
        <v>41</v>
      </c>
      <c r="U12" s="221">
        <v>34</v>
      </c>
      <c r="V12" s="221">
        <v>41</v>
      </c>
      <c r="W12" s="222">
        <v>281</v>
      </c>
      <c r="X12" s="223">
        <v>347</v>
      </c>
      <c r="Y12" s="220">
        <v>1301</v>
      </c>
      <c r="Z12" s="221">
        <v>1630</v>
      </c>
      <c r="AA12" s="222">
        <v>2931</v>
      </c>
      <c r="AB12" s="213">
        <v>0</v>
      </c>
      <c r="AC12" s="221">
        <v>4098</v>
      </c>
      <c r="AD12" s="221">
        <v>2462</v>
      </c>
      <c r="AE12" s="221">
        <v>1625</v>
      </c>
      <c r="AF12" s="221">
        <v>1356</v>
      </c>
      <c r="AG12" s="221">
        <v>924</v>
      </c>
      <c r="AH12" s="222">
        <v>10465</v>
      </c>
      <c r="AI12" s="223">
        <v>13396</v>
      </c>
    </row>
    <row r="13" spans="2:35" ht="21" customHeight="1" x14ac:dyDescent="0.2">
      <c r="B13" s="49" t="s">
        <v>11</v>
      </c>
      <c r="C13" s="220">
        <v>533</v>
      </c>
      <c r="D13" s="221">
        <v>578</v>
      </c>
      <c r="E13" s="222">
        <v>1111</v>
      </c>
      <c r="F13" s="213">
        <v>0</v>
      </c>
      <c r="G13" s="221">
        <v>2199</v>
      </c>
      <c r="H13" s="221">
        <v>1303</v>
      </c>
      <c r="I13" s="221">
        <v>922</v>
      </c>
      <c r="J13" s="221">
        <v>750</v>
      </c>
      <c r="K13" s="221">
        <v>387</v>
      </c>
      <c r="L13" s="222">
        <v>5561</v>
      </c>
      <c r="M13" s="223">
        <v>6672</v>
      </c>
      <c r="N13" s="224">
        <v>10</v>
      </c>
      <c r="O13" s="221">
        <v>7</v>
      </c>
      <c r="P13" s="222">
        <v>17</v>
      </c>
      <c r="Q13" s="213">
        <v>0</v>
      </c>
      <c r="R13" s="221">
        <v>40</v>
      </c>
      <c r="S13" s="221">
        <v>32</v>
      </c>
      <c r="T13" s="221">
        <v>22</v>
      </c>
      <c r="U13" s="221">
        <v>15</v>
      </c>
      <c r="V13" s="221">
        <v>18</v>
      </c>
      <c r="W13" s="222">
        <v>127</v>
      </c>
      <c r="X13" s="223">
        <v>144</v>
      </c>
      <c r="Y13" s="220">
        <v>543</v>
      </c>
      <c r="Z13" s="221">
        <v>585</v>
      </c>
      <c r="AA13" s="222">
        <v>1128</v>
      </c>
      <c r="AB13" s="213">
        <v>0</v>
      </c>
      <c r="AC13" s="221">
        <v>2239</v>
      </c>
      <c r="AD13" s="221">
        <v>1335</v>
      </c>
      <c r="AE13" s="221">
        <v>944</v>
      </c>
      <c r="AF13" s="221">
        <v>765</v>
      </c>
      <c r="AG13" s="221">
        <v>405</v>
      </c>
      <c r="AH13" s="222">
        <v>5688</v>
      </c>
      <c r="AI13" s="223">
        <v>6816</v>
      </c>
    </row>
    <row r="14" spans="2:35" ht="21" customHeight="1" x14ac:dyDescent="0.2">
      <c r="B14" s="49" t="s">
        <v>12</v>
      </c>
      <c r="C14" s="220">
        <v>777</v>
      </c>
      <c r="D14" s="221">
        <v>1018</v>
      </c>
      <c r="E14" s="222">
        <v>1795</v>
      </c>
      <c r="F14" s="213">
        <v>0</v>
      </c>
      <c r="G14" s="221">
        <v>1647</v>
      </c>
      <c r="H14" s="221">
        <v>1437</v>
      </c>
      <c r="I14" s="221">
        <v>961</v>
      </c>
      <c r="J14" s="221">
        <v>877</v>
      </c>
      <c r="K14" s="221">
        <v>502</v>
      </c>
      <c r="L14" s="222">
        <v>5424</v>
      </c>
      <c r="M14" s="223">
        <v>7219</v>
      </c>
      <c r="N14" s="224">
        <v>14</v>
      </c>
      <c r="O14" s="221">
        <v>29</v>
      </c>
      <c r="P14" s="222">
        <v>43</v>
      </c>
      <c r="Q14" s="213">
        <v>0</v>
      </c>
      <c r="R14" s="221">
        <v>17</v>
      </c>
      <c r="S14" s="221">
        <v>26</v>
      </c>
      <c r="T14" s="221">
        <v>15</v>
      </c>
      <c r="U14" s="221">
        <v>25</v>
      </c>
      <c r="V14" s="221">
        <v>14</v>
      </c>
      <c r="W14" s="222">
        <v>97</v>
      </c>
      <c r="X14" s="223">
        <v>140</v>
      </c>
      <c r="Y14" s="220">
        <v>791</v>
      </c>
      <c r="Z14" s="221">
        <v>1047</v>
      </c>
      <c r="AA14" s="222">
        <v>1838</v>
      </c>
      <c r="AB14" s="213">
        <v>0</v>
      </c>
      <c r="AC14" s="221">
        <v>1664</v>
      </c>
      <c r="AD14" s="221">
        <v>1463</v>
      </c>
      <c r="AE14" s="221">
        <v>976</v>
      </c>
      <c r="AF14" s="221">
        <v>902</v>
      </c>
      <c r="AG14" s="221">
        <v>516</v>
      </c>
      <c r="AH14" s="222">
        <v>5521</v>
      </c>
      <c r="AI14" s="223">
        <v>7359</v>
      </c>
    </row>
    <row r="15" spans="2:35" ht="21" customHeight="1" x14ac:dyDescent="0.2">
      <c r="B15" s="49" t="s">
        <v>13</v>
      </c>
      <c r="C15" s="220">
        <v>123</v>
      </c>
      <c r="D15" s="221">
        <v>228</v>
      </c>
      <c r="E15" s="222">
        <v>351</v>
      </c>
      <c r="F15" s="213">
        <v>0</v>
      </c>
      <c r="G15" s="221">
        <v>654</v>
      </c>
      <c r="H15" s="221">
        <v>616</v>
      </c>
      <c r="I15" s="221">
        <v>395</v>
      </c>
      <c r="J15" s="221">
        <v>325</v>
      </c>
      <c r="K15" s="221">
        <v>196</v>
      </c>
      <c r="L15" s="222">
        <v>2186</v>
      </c>
      <c r="M15" s="223">
        <v>2537</v>
      </c>
      <c r="N15" s="224">
        <v>0</v>
      </c>
      <c r="O15" s="221">
        <v>2</v>
      </c>
      <c r="P15" s="222">
        <v>2</v>
      </c>
      <c r="Q15" s="213">
        <v>0</v>
      </c>
      <c r="R15" s="221">
        <v>12</v>
      </c>
      <c r="S15" s="221">
        <v>12</v>
      </c>
      <c r="T15" s="221">
        <v>11</v>
      </c>
      <c r="U15" s="221">
        <v>4</v>
      </c>
      <c r="V15" s="221">
        <v>8</v>
      </c>
      <c r="W15" s="222">
        <v>47</v>
      </c>
      <c r="X15" s="223">
        <v>49</v>
      </c>
      <c r="Y15" s="220">
        <v>123</v>
      </c>
      <c r="Z15" s="221">
        <v>230</v>
      </c>
      <c r="AA15" s="222">
        <v>353</v>
      </c>
      <c r="AB15" s="213">
        <v>0</v>
      </c>
      <c r="AC15" s="221">
        <v>666</v>
      </c>
      <c r="AD15" s="221">
        <v>628</v>
      </c>
      <c r="AE15" s="221">
        <v>406</v>
      </c>
      <c r="AF15" s="221">
        <v>329</v>
      </c>
      <c r="AG15" s="221">
        <v>204</v>
      </c>
      <c r="AH15" s="222">
        <v>2233</v>
      </c>
      <c r="AI15" s="223">
        <v>2586</v>
      </c>
    </row>
    <row r="16" spans="2:35" ht="21" customHeight="1" x14ac:dyDescent="0.2">
      <c r="B16" s="49" t="s">
        <v>15</v>
      </c>
      <c r="C16" s="220">
        <v>86</v>
      </c>
      <c r="D16" s="221">
        <v>185</v>
      </c>
      <c r="E16" s="222">
        <v>271</v>
      </c>
      <c r="F16" s="213">
        <v>0</v>
      </c>
      <c r="G16" s="221">
        <v>503</v>
      </c>
      <c r="H16" s="221">
        <v>557</v>
      </c>
      <c r="I16" s="221">
        <v>305</v>
      </c>
      <c r="J16" s="221">
        <v>239</v>
      </c>
      <c r="K16" s="221">
        <v>119</v>
      </c>
      <c r="L16" s="222">
        <v>1723</v>
      </c>
      <c r="M16" s="223">
        <v>1994</v>
      </c>
      <c r="N16" s="224">
        <v>0</v>
      </c>
      <c r="O16" s="221">
        <v>5</v>
      </c>
      <c r="P16" s="222">
        <v>5</v>
      </c>
      <c r="Q16" s="213">
        <v>0</v>
      </c>
      <c r="R16" s="221">
        <v>7</v>
      </c>
      <c r="S16" s="221">
        <v>13</v>
      </c>
      <c r="T16" s="221">
        <v>1</v>
      </c>
      <c r="U16" s="221">
        <v>2</v>
      </c>
      <c r="V16" s="221">
        <v>5</v>
      </c>
      <c r="W16" s="222">
        <v>28</v>
      </c>
      <c r="X16" s="223">
        <v>33</v>
      </c>
      <c r="Y16" s="220">
        <v>86</v>
      </c>
      <c r="Z16" s="221">
        <v>190</v>
      </c>
      <c r="AA16" s="222">
        <v>276</v>
      </c>
      <c r="AB16" s="213">
        <v>0</v>
      </c>
      <c r="AC16" s="221">
        <v>510</v>
      </c>
      <c r="AD16" s="221">
        <v>570</v>
      </c>
      <c r="AE16" s="221">
        <v>306</v>
      </c>
      <c r="AF16" s="221">
        <v>241</v>
      </c>
      <c r="AG16" s="221">
        <v>124</v>
      </c>
      <c r="AH16" s="222">
        <v>1751</v>
      </c>
      <c r="AI16" s="223">
        <v>2027</v>
      </c>
    </row>
    <row r="17" spans="2:35" ht="21" customHeight="1" x14ac:dyDescent="0.2">
      <c r="B17" s="49" t="s">
        <v>16</v>
      </c>
      <c r="C17" s="220">
        <v>232</v>
      </c>
      <c r="D17" s="221">
        <v>410</v>
      </c>
      <c r="E17" s="222">
        <v>642</v>
      </c>
      <c r="F17" s="213">
        <v>0</v>
      </c>
      <c r="G17" s="221">
        <v>981</v>
      </c>
      <c r="H17" s="221">
        <v>1298</v>
      </c>
      <c r="I17" s="221">
        <v>741</v>
      </c>
      <c r="J17" s="221">
        <v>568</v>
      </c>
      <c r="K17" s="221">
        <v>346</v>
      </c>
      <c r="L17" s="222">
        <v>3934</v>
      </c>
      <c r="M17" s="223">
        <v>4576</v>
      </c>
      <c r="N17" s="224">
        <v>8</v>
      </c>
      <c r="O17" s="221">
        <v>12</v>
      </c>
      <c r="P17" s="222">
        <v>20</v>
      </c>
      <c r="Q17" s="213">
        <v>0</v>
      </c>
      <c r="R17" s="221">
        <v>15</v>
      </c>
      <c r="S17" s="221">
        <v>41</v>
      </c>
      <c r="T17" s="221">
        <v>25</v>
      </c>
      <c r="U17" s="221">
        <v>12</v>
      </c>
      <c r="V17" s="221">
        <v>15</v>
      </c>
      <c r="W17" s="222">
        <v>108</v>
      </c>
      <c r="X17" s="223">
        <v>128</v>
      </c>
      <c r="Y17" s="220">
        <v>240</v>
      </c>
      <c r="Z17" s="221">
        <v>422</v>
      </c>
      <c r="AA17" s="222">
        <v>662</v>
      </c>
      <c r="AB17" s="213">
        <v>0</v>
      </c>
      <c r="AC17" s="221">
        <v>996</v>
      </c>
      <c r="AD17" s="221">
        <v>1339</v>
      </c>
      <c r="AE17" s="221">
        <v>766</v>
      </c>
      <c r="AF17" s="221">
        <v>580</v>
      </c>
      <c r="AG17" s="221">
        <v>361</v>
      </c>
      <c r="AH17" s="222">
        <v>4042</v>
      </c>
      <c r="AI17" s="223">
        <v>4704</v>
      </c>
    </row>
    <row r="18" spans="2:35" ht="21" customHeight="1" x14ac:dyDescent="0.2">
      <c r="B18" s="49" t="s">
        <v>17</v>
      </c>
      <c r="C18" s="220">
        <v>303</v>
      </c>
      <c r="D18" s="221">
        <v>603</v>
      </c>
      <c r="E18" s="222">
        <v>906</v>
      </c>
      <c r="F18" s="213">
        <v>0</v>
      </c>
      <c r="G18" s="221">
        <v>1117</v>
      </c>
      <c r="H18" s="221">
        <v>1678</v>
      </c>
      <c r="I18" s="221">
        <v>984</v>
      </c>
      <c r="J18" s="221">
        <v>698</v>
      </c>
      <c r="K18" s="221">
        <v>471</v>
      </c>
      <c r="L18" s="222">
        <v>4948</v>
      </c>
      <c r="M18" s="223">
        <v>5854</v>
      </c>
      <c r="N18" s="224">
        <v>3</v>
      </c>
      <c r="O18" s="221">
        <v>29</v>
      </c>
      <c r="P18" s="222">
        <v>32</v>
      </c>
      <c r="Q18" s="213">
        <v>0</v>
      </c>
      <c r="R18" s="221">
        <v>18</v>
      </c>
      <c r="S18" s="221">
        <v>63</v>
      </c>
      <c r="T18" s="221">
        <v>39</v>
      </c>
      <c r="U18" s="221">
        <v>25</v>
      </c>
      <c r="V18" s="221">
        <v>24</v>
      </c>
      <c r="W18" s="222">
        <v>169</v>
      </c>
      <c r="X18" s="223">
        <v>201</v>
      </c>
      <c r="Y18" s="220">
        <v>306</v>
      </c>
      <c r="Z18" s="221">
        <v>632</v>
      </c>
      <c r="AA18" s="222">
        <v>938</v>
      </c>
      <c r="AB18" s="213">
        <v>0</v>
      </c>
      <c r="AC18" s="221">
        <v>1135</v>
      </c>
      <c r="AD18" s="221">
        <v>1741</v>
      </c>
      <c r="AE18" s="221">
        <v>1023</v>
      </c>
      <c r="AF18" s="221">
        <v>723</v>
      </c>
      <c r="AG18" s="221">
        <v>495</v>
      </c>
      <c r="AH18" s="222">
        <v>5117</v>
      </c>
      <c r="AI18" s="223">
        <v>6055</v>
      </c>
    </row>
    <row r="19" spans="2:35" ht="21" customHeight="1" x14ac:dyDescent="0.2">
      <c r="B19" s="49" t="s">
        <v>18</v>
      </c>
      <c r="C19" s="220">
        <v>350</v>
      </c>
      <c r="D19" s="221">
        <v>656</v>
      </c>
      <c r="E19" s="222">
        <v>1006</v>
      </c>
      <c r="F19" s="213">
        <v>0</v>
      </c>
      <c r="G19" s="221">
        <v>1810</v>
      </c>
      <c r="H19" s="221">
        <v>1715</v>
      </c>
      <c r="I19" s="221">
        <v>1065</v>
      </c>
      <c r="J19" s="221">
        <v>740</v>
      </c>
      <c r="K19" s="221">
        <v>467</v>
      </c>
      <c r="L19" s="222">
        <v>5797</v>
      </c>
      <c r="M19" s="223">
        <v>6803</v>
      </c>
      <c r="N19" s="224">
        <v>11</v>
      </c>
      <c r="O19" s="221">
        <v>18</v>
      </c>
      <c r="P19" s="222">
        <v>29</v>
      </c>
      <c r="Q19" s="213">
        <v>0</v>
      </c>
      <c r="R19" s="221">
        <v>56</v>
      </c>
      <c r="S19" s="221">
        <v>54</v>
      </c>
      <c r="T19" s="221">
        <v>37</v>
      </c>
      <c r="U19" s="221">
        <v>30</v>
      </c>
      <c r="V19" s="221">
        <v>23</v>
      </c>
      <c r="W19" s="222">
        <v>200</v>
      </c>
      <c r="X19" s="223">
        <v>229</v>
      </c>
      <c r="Y19" s="220">
        <v>361</v>
      </c>
      <c r="Z19" s="221">
        <v>674</v>
      </c>
      <c r="AA19" s="222">
        <v>1035</v>
      </c>
      <c r="AB19" s="213">
        <v>0</v>
      </c>
      <c r="AC19" s="221">
        <v>1866</v>
      </c>
      <c r="AD19" s="221">
        <v>1769</v>
      </c>
      <c r="AE19" s="221">
        <v>1102</v>
      </c>
      <c r="AF19" s="221">
        <v>770</v>
      </c>
      <c r="AG19" s="221">
        <v>490</v>
      </c>
      <c r="AH19" s="222">
        <v>5997</v>
      </c>
      <c r="AI19" s="223">
        <v>7032</v>
      </c>
    </row>
    <row r="20" spans="2:35" ht="21" customHeight="1" x14ac:dyDescent="0.2">
      <c r="B20" s="49" t="s">
        <v>19</v>
      </c>
      <c r="C20" s="220">
        <v>213</v>
      </c>
      <c r="D20" s="221">
        <v>326</v>
      </c>
      <c r="E20" s="222">
        <v>539</v>
      </c>
      <c r="F20" s="213">
        <v>0</v>
      </c>
      <c r="G20" s="221">
        <v>852</v>
      </c>
      <c r="H20" s="221">
        <v>700</v>
      </c>
      <c r="I20" s="221">
        <v>421</v>
      </c>
      <c r="J20" s="221">
        <v>303</v>
      </c>
      <c r="K20" s="221">
        <v>199</v>
      </c>
      <c r="L20" s="222">
        <v>2475</v>
      </c>
      <c r="M20" s="223">
        <v>3014</v>
      </c>
      <c r="N20" s="224">
        <v>5</v>
      </c>
      <c r="O20" s="221">
        <v>6</v>
      </c>
      <c r="P20" s="222">
        <v>11</v>
      </c>
      <c r="Q20" s="213">
        <v>0</v>
      </c>
      <c r="R20" s="221">
        <v>16</v>
      </c>
      <c r="S20" s="221">
        <v>19</v>
      </c>
      <c r="T20" s="221">
        <v>13</v>
      </c>
      <c r="U20" s="221">
        <v>8</v>
      </c>
      <c r="V20" s="221">
        <v>14</v>
      </c>
      <c r="W20" s="222">
        <v>70</v>
      </c>
      <c r="X20" s="223">
        <v>81</v>
      </c>
      <c r="Y20" s="220">
        <v>218</v>
      </c>
      <c r="Z20" s="221">
        <v>332</v>
      </c>
      <c r="AA20" s="222">
        <v>550</v>
      </c>
      <c r="AB20" s="213">
        <v>0</v>
      </c>
      <c r="AC20" s="221">
        <v>868</v>
      </c>
      <c r="AD20" s="221">
        <v>719</v>
      </c>
      <c r="AE20" s="221">
        <v>434</v>
      </c>
      <c r="AF20" s="221">
        <v>311</v>
      </c>
      <c r="AG20" s="221">
        <v>213</v>
      </c>
      <c r="AH20" s="222">
        <v>2545</v>
      </c>
      <c r="AI20" s="223">
        <v>3095</v>
      </c>
    </row>
    <row r="21" spans="2:35" ht="21" customHeight="1" x14ac:dyDescent="0.2">
      <c r="B21" s="49" t="s">
        <v>20</v>
      </c>
      <c r="C21" s="220">
        <v>203</v>
      </c>
      <c r="D21" s="221">
        <v>425</v>
      </c>
      <c r="E21" s="222">
        <v>628</v>
      </c>
      <c r="F21" s="213">
        <v>0</v>
      </c>
      <c r="G21" s="221">
        <v>1095</v>
      </c>
      <c r="H21" s="221">
        <v>717</v>
      </c>
      <c r="I21" s="221">
        <v>504</v>
      </c>
      <c r="J21" s="221">
        <v>320</v>
      </c>
      <c r="K21" s="221">
        <v>160</v>
      </c>
      <c r="L21" s="222">
        <v>2796</v>
      </c>
      <c r="M21" s="223">
        <v>3424</v>
      </c>
      <c r="N21" s="224">
        <v>3</v>
      </c>
      <c r="O21" s="221">
        <v>21</v>
      </c>
      <c r="P21" s="222">
        <v>24</v>
      </c>
      <c r="Q21" s="213">
        <v>0</v>
      </c>
      <c r="R21" s="221">
        <v>28</v>
      </c>
      <c r="S21" s="221">
        <v>19</v>
      </c>
      <c r="T21" s="221">
        <v>14</v>
      </c>
      <c r="U21" s="221">
        <v>19</v>
      </c>
      <c r="V21" s="221">
        <v>5</v>
      </c>
      <c r="W21" s="222">
        <v>85</v>
      </c>
      <c r="X21" s="223">
        <v>109</v>
      </c>
      <c r="Y21" s="220">
        <v>206</v>
      </c>
      <c r="Z21" s="221">
        <v>446</v>
      </c>
      <c r="AA21" s="222">
        <v>652</v>
      </c>
      <c r="AB21" s="213">
        <v>0</v>
      </c>
      <c r="AC21" s="221">
        <v>1123</v>
      </c>
      <c r="AD21" s="221">
        <v>736</v>
      </c>
      <c r="AE21" s="221">
        <v>518</v>
      </c>
      <c r="AF21" s="221">
        <v>339</v>
      </c>
      <c r="AG21" s="221">
        <v>165</v>
      </c>
      <c r="AH21" s="222">
        <v>2881</v>
      </c>
      <c r="AI21" s="223">
        <v>3533</v>
      </c>
    </row>
    <row r="22" spans="2:35" ht="21" customHeight="1" x14ac:dyDescent="0.2">
      <c r="B22" s="49" t="s">
        <v>21</v>
      </c>
      <c r="C22" s="220">
        <v>277</v>
      </c>
      <c r="D22" s="221">
        <v>414</v>
      </c>
      <c r="E22" s="222">
        <v>691</v>
      </c>
      <c r="F22" s="213">
        <v>0</v>
      </c>
      <c r="G22" s="221">
        <v>930</v>
      </c>
      <c r="H22" s="221">
        <v>1065</v>
      </c>
      <c r="I22" s="221">
        <v>629</v>
      </c>
      <c r="J22" s="221">
        <v>429</v>
      </c>
      <c r="K22" s="221">
        <v>244</v>
      </c>
      <c r="L22" s="222">
        <v>3297</v>
      </c>
      <c r="M22" s="223">
        <v>3988</v>
      </c>
      <c r="N22" s="224">
        <v>7</v>
      </c>
      <c r="O22" s="221">
        <v>14</v>
      </c>
      <c r="P22" s="222">
        <v>21</v>
      </c>
      <c r="Q22" s="213">
        <v>0</v>
      </c>
      <c r="R22" s="221">
        <v>9</v>
      </c>
      <c r="S22" s="221">
        <v>39</v>
      </c>
      <c r="T22" s="221">
        <v>18</v>
      </c>
      <c r="U22" s="221">
        <v>9</v>
      </c>
      <c r="V22" s="221">
        <v>11</v>
      </c>
      <c r="W22" s="222">
        <v>86</v>
      </c>
      <c r="X22" s="223">
        <v>107</v>
      </c>
      <c r="Y22" s="220">
        <v>284</v>
      </c>
      <c r="Z22" s="221">
        <v>428</v>
      </c>
      <c r="AA22" s="222">
        <v>712</v>
      </c>
      <c r="AB22" s="213">
        <v>0</v>
      </c>
      <c r="AC22" s="221">
        <v>939</v>
      </c>
      <c r="AD22" s="221">
        <v>1104</v>
      </c>
      <c r="AE22" s="221">
        <v>647</v>
      </c>
      <c r="AF22" s="221">
        <v>438</v>
      </c>
      <c r="AG22" s="221">
        <v>255</v>
      </c>
      <c r="AH22" s="222">
        <v>3383</v>
      </c>
      <c r="AI22" s="223">
        <v>4095</v>
      </c>
    </row>
    <row r="23" spans="2:35" ht="21" customHeight="1" x14ac:dyDescent="0.2">
      <c r="B23" s="49" t="s">
        <v>22</v>
      </c>
      <c r="C23" s="220">
        <v>65</v>
      </c>
      <c r="D23" s="221">
        <v>158</v>
      </c>
      <c r="E23" s="222">
        <v>223</v>
      </c>
      <c r="F23" s="213">
        <v>0</v>
      </c>
      <c r="G23" s="221">
        <v>420</v>
      </c>
      <c r="H23" s="221">
        <v>378</v>
      </c>
      <c r="I23" s="221">
        <v>203</v>
      </c>
      <c r="J23" s="221">
        <v>131</v>
      </c>
      <c r="K23" s="221">
        <v>91</v>
      </c>
      <c r="L23" s="222">
        <v>1223</v>
      </c>
      <c r="M23" s="223">
        <v>1446</v>
      </c>
      <c r="N23" s="224">
        <v>0</v>
      </c>
      <c r="O23" s="221">
        <v>6</v>
      </c>
      <c r="P23" s="222">
        <v>6</v>
      </c>
      <c r="Q23" s="213">
        <v>0</v>
      </c>
      <c r="R23" s="221">
        <v>13</v>
      </c>
      <c r="S23" s="221">
        <v>6</v>
      </c>
      <c r="T23" s="221">
        <v>6</v>
      </c>
      <c r="U23" s="221">
        <v>5</v>
      </c>
      <c r="V23" s="221">
        <v>1</v>
      </c>
      <c r="W23" s="222">
        <v>31</v>
      </c>
      <c r="X23" s="223">
        <v>37</v>
      </c>
      <c r="Y23" s="220">
        <v>65</v>
      </c>
      <c r="Z23" s="221">
        <v>164</v>
      </c>
      <c r="AA23" s="222">
        <v>229</v>
      </c>
      <c r="AB23" s="213">
        <v>0</v>
      </c>
      <c r="AC23" s="221">
        <v>433</v>
      </c>
      <c r="AD23" s="221">
        <v>384</v>
      </c>
      <c r="AE23" s="221">
        <v>209</v>
      </c>
      <c r="AF23" s="221">
        <v>136</v>
      </c>
      <c r="AG23" s="221">
        <v>92</v>
      </c>
      <c r="AH23" s="222">
        <v>1254</v>
      </c>
      <c r="AI23" s="223">
        <v>1483</v>
      </c>
    </row>
    <row r="24" spans="2:35" ht="21" customHeight="1" x14ac:dyDescent="0.2">
      <c r="B24" s="49" t="s">
        <v>23</v>
      </c>
      <c r="C24" s="220">
        <v>132</v>
      </c>
      <c r="D24" s="221">
        <v>254</v>
      </c>
      <c r="E24" s="222">
        <v>386</v>
      </c>
      <c r="F24" s="213">
        <v>0</v>
      </c>
      <c r="G24" s="221">
        <v>637</v>
      </c>
      <c r="H24" s="221">
        <v>548</v>
      </c>
      <c r="I24" s="221">
        <v>297</v>
      </c>
      <c r="J24" s="221">
        <v>272</v>
      </c>
      <c r="K24" s="221">
        <v>144</v>
      </c>
      <c r="L24" s="222">
        <v>1898</v>
      </c>
      <c r="M24" s="223">
        <v>2284</v>
      </c>
      <c r="N24" s="224">
        <v>3</v>
      </c>
      <c r="O24" s="221">
        <v>8</v>
      </c>
      <c r="P24" s="222">
        <v>11</v>
      </c>
      <c r="Q24" s="213">
        <v>0</v>
      </c>
      <c r="R24" s="221">
        <v>9</v>
      </c>
      <c r="S24" s="221">
        <v>17</v>
      </c>
      <c r="T24" s="221">
        <v>8</v>
      </c>
      <c r="U24" s="221">
        <v>7</v>
      </c>
      <c r="V24" s="221">
        <v>4</v>
      </c>
      <c r="W24" s="222">
        <v>45</v>
      </c>
      <c r="X24" s="223">
        <v>56</v>
      </c>
      <c r="Y24" s="220">
        <v>135</v>
      </c>
      <c r="Z24" s="221">
        <v>262</v>
      </c>
      <c r="AA24" s="222">
        <v>397</v>
      </c>
      <c r="AB24" s="213">
        <v>0</v>
      </c>
      <c r="AC24" s="221">
        <v>646</v>
      </c>
      <c r="AD24" s="221">
        <v>565</v>
      </c>
      <c r="AE24" s="221">
        <v>305</v>
      </c>
      <c r="AF24" s="221">
        <v>279</v>
      </c>
      <c r="AG24" s="221">
        <v>148</v>
      </c>
      <c r="AH24" s="222">
        <v>1943</v>
      </c>
      <c r="AI24" s="223">
        <v>2340</v>
      </c>
    </row>
    <row r="25" spans="2:35" ht="21" customHeight="1" x14ac:dyDescent="0.2">
      <c r="B25" s="49" t="s">
        <v>24</v>
      </c>
      <c r="C25" s="220">
        <v>119</v>
      </c>
      <c r="D25" s="221">
        <v>116</v>
      </c>
      <c r="E25" s="222">
        <v>235</v>
      </c>
      <c r="F25" s="213">
        <v>0</v>
      </c>
      <c r="G25" s="221">
        <v>315</v>
      </c>
      <c r="H25" s="221">
        <v>240</v>
      </c>
      <c r="I25" s="221">
        <v>171</v>
      </c>
      <c r="J25" s="221">
        <v>119</v>
      </c>
      <c r="K25" s="221">
        <v>94</v>
      </c>
      <c r="L25" s="222">
        <v>939</v>
      </c>
      <c r="M25" s="223">
        <v>1174</v>
      </c>
      <c r="N25" s="224">
        <v>2</v>
      </c>
      <c r="O25" s="221">
        <v>1</v>
      </c>
      <c r="P25" s="222">
        <v>3</v>
      </c>
      <c r="Q25" s="213">
        <v>0</v>
      </c>
      <c r="R25" s="221">
        <v>4</v>
      </c>
      <c r="S25" s="221">
        <v>7</v>
      </c>
      <c r="T25" s="221">
        <v>4</v>
      </c>
      <c r="U25" s="221">
        <v>1</v>
      </c>
      <c r="V25" s="221">
        <v>1</v>
      </c>
      <c r="W25" s="222">
        <v>17</v>
      </c>
      <c r="X25" s="223">
        <v>20</v>
      </c>
      <c r="Y25" s="220">
        <v>121</v>
      </c>
      <c r="Z25" s="221">
        <v>117</v>
      </c>
      <c r="AA25" s="222">
        <v>238</v>
      </c>
      <c r="AB25" s="213">
        <v>0</v>
      </c>
      <c r="AC25" s="221">
        <v>319</v>
      </c>
      <c r="AD25" s="221">
        <v>247</v>
      </c>
      <c r="AE25" s="221">
        <v>175</v>
      </c>
      <c r="AF25" s="221">
        <v>120</v>
      </c>
      <c r="AG25" s="221">
        <v>95</v>
      </c>
      <c r="AH25" s="222">
        <v>956</v>
      </c>
      <c r="AI25" s="223">
        <v>1194</v>
      </c>
    </row>
    <row r="26" spans="2:35" ht="21" customHeight="1" x14ac:dyDescent="0.2">
      <c r="B26" s="49" t="s">
        <v>25</v>
      </c>
      <c r="C26" s="220">
        <v>103</v>
      </c>
      <c r="D26" s="221">
        <v>164</v>
      </c>
      <c r="E26" s="222">
        <v>267</v>
      </c>
      <c r="F26" s="213">
        <v>0</v>
      </c>
      <c r="G26" s="221">
        <v>366</v>
      </c>
      <c r="H26" s="221">
        <v>294</v>
      </c>
      <c r="I26" s="221">
        <v>158</v>
      </c>
      <c r="J26" s="221">
        <v>132</v>
      </c>
      <c r="K26" s="221">
        <v>70</v>
      </c>
      <c r="L26" s="222">
        <v>1020</v>
      </c>
      <c r="M26" s="223">
        <v>1287</v>
      </c>
      <c r="N26" s="224">
        <v>1</v>
      </c>
      <c r="O26" s="221">
        <v>6</v>
      </c>
      <c r="P26" s="222">
        <v>7</v>
      </c>
      <c r="Q26" s="213">
        <v>0</v>
      </c>
      <c r="R26" s="221">
        <v>5</v>
      </c>
      <c r="S26" s="221">
        <v>14</v>
      </c>
      <c r="T26" s="221">
        <v>3</v>
      </c>
      <c r="U26" s="221">
        <v>2</v>
      </c>
      <c r="V26" s="221">
        <v>2</v>
      </c>
      <c r="W26" s="222">
        <v>26</v>
      </c>
      <c r="X26" s="223">
        <v>33</v>
      </c>
      <c r="Y26" s="220">
        <v>104</v>
      </c>
      <c r="Z26" s="221">
        <v>170</v>
      </c>
      <c r="AA26" s="222">
        <v>274</v>
      </c>
      <c r="AB26" s="213">
        <v>0</v>
      </c>
      <c r="AC26" s="221">
        <v>371</v>
      </c>
      <c r="AD26" s="221">
        <v>308</v>
      </c>
      <c r="AE26" s="221">
        <v>161</v>
      </c>
      <c r="AF26" s="221">
        <v>134</v>
      </c>
      <c r="AG26" s="221">
        <v>72</v>
      </c>
      <c r="AH26" s="222">
        <v>1046</v>
      </c>
      <c r="AI26" s="223">
        <v>1320</v>
      </c>
    </row>
    <row r="27" spans="2:35" ht="21" customHeight="1" x14ac:dyDescent="0.2">
      <c r="B27" s="49" t="s">
        <v>26</v>
      </c>
      <c r="C27" s="220">
        <v>79</v>
      </c>
      <c r="D27" s="221">
        <v>109</v>
      </c>
      <c r="E27" s="222">
        <v>188</v>
      </c>
      <c r="F27" s="213">
        <v>0</v>
      </c>
      <c r="G27" s="221">
        <v>306</v>
      </c>
      <c r="H27" s="221">
        <v>270</v>
      </c>
      <c r="I27" s="221">
        <v>172</v>
      </c>
      <c r="J27" s="221">
        <v>104</v>
      </c>
      <c r="K27" s="221">
        <v>86</v>
      </c>
      <c r="L27" s="222">
        <v>938</v>
      </c>
      <c r="M27" s="223">
        <v>1126</v>
      </c>
      <c r="N27" s="224">
        <v>0</v>
      </c>
      <c r="O27" s="221">
        <v>1</v>
      </c>
      <c r="P27" s="222">
        <v>1</v>
      </c>
      <c r="Q27" s="213">
        <v>0</v>
      </c>
      <c r="R27" s="221">
        <v>8</v>
      </c>
      <c r="S27" s="221">
        <v>4</v>
      </c>
      <c r="T27" s="221">
        <v>2</v>
      </c>
      <c r="U27" s="221">
        <v>3</v>
      </c>
      <c r="V27" s="221">
        <v>1</v>
      </c>
      <c r="W27" s="222">
        <v>18</v>
      </c>
      <c r="X27" s="223">
        <v>19</v>
      </c>
      <c r="Y27" s="220">
        <v>79</v>
      </c>
      <c r="Z27" s="221">
        <v>110</v>
      </c>
      <c r="AA27" s="222">
        <v>189</v>
      </c>
      <c r="AB27" s="213">
        <v>0</v>
      </c>
      <c r="AC27" s="221">
        <v>314</v>
      </c>
      <c r="AD27" s="221">
        <v>274</v>
      </c>
      <c r="AE27" s="221">
        <v>174</v>
      </c>
      <c r="AF27" s="221">
        <v>107</v>
      </c>
      <c r="AG27" s="221">
        <v>87</v>
      </c>
      <c r="AH27" s="222">
        <v>956</v>
      </c>
      <c r="AI27" s="223">
        <v>1145</v>
      </c>
    </row>
    <row r="28" spans="2:35" ht="21" customHeight="1" x14ac:dyDescent="0.2">
      <c r="B28" s="49" t="s">
        <v>27</v>
      </c>
      <c r="C28" s="220">
        <v>124</v>
      </c>
      <c r="D28" s="221">
        <v>177</v>
      </c>
      <c r="E28" s="222">
        <v>301</v>
      </c>
      <c r="F28" s="213">
        <v>0</v>
      </c>
      <c r="G28" s="221">
        <v>256</v>
      </c>
      <c r="H28" s="221">
        <v>199</v>
      </c>
      <c r="I28" s="221">
        <v>159</v>
      </c>
      <c r="J28" s="221">
        <v>120</v>
      </c>
      <c r="K28" s="221">
        <v>58</v>
      </c>
      <c r="L28" s="222">
        <v>792</v>
      </c>
      <c r="M28" s="223">
        <v>1093</v>
      </c>
      <c r="N28" s="224">
        <v>1</v>
      </c>
      <c r="O28" s="221">
        <v>4</v>
      </c>
      <c r="P28" s="222">
        <v>5</v>
      </c>
      <c r="Q28" s="213">
        <v>0</v>
      </c>
      <c r="R28" s="221">
        <v>5</v>
      </c>
      <c r="S28" s="221">
        <v>4</v>
      </c>
      <c r="T28" s="221">
        <v>3</v>
      </c>
      <c r="U28" s="221">
        <v>0</v>
      </c>
      <c r="V28" s="221">
        <v>3</v>
      </c>
      <c r="W28" s="222">
        <v>15</v>
      </c>
      <c r="X28" s="223">
        <v>20</v>
      </c>
      <c r="Y28" s="220">
        <v>125</v>
      </c>
      <c r="Z28" s="221">
        <v>181</v>
      </c>
      <c r="AA28" s="222">
        <v>306</v>
      </c>
      <c r="AB28" s="213">
        <v>0</v>
      </c>
      <c r="AC28" s="221">
        <v>261</v>
      </c>
      <c r="AD28" s="221">
        <v>203</v>
      </c>
      <c r="AE28" s="221">
        <v>162</v>
      </c>
      <c r="AF28" s="221">
        <v>120</v>
      </c>
      <c r="AG28" s="221">
        <v>61</v>
      </c>
      <c r="AH28" s="222">
        <v>807</v>
      </c>
      <c r="AI28" s="223">
        <v>1113</v>
      </c>
    </row>
    <row r="29" spans="2:35" ht="21" customHeight="1" x14ac:dyDescent="0.2">
      <c r="B29" s="49" t="s">
        <v>28</v>
      </c>
      <c r="C29" s="220">
        <v>11</v>
      </c>
      <c r="D29" s="221">
        <v>22</v>
      </c>
      <c r="E29" s="222">
        <v>33</v>
      </c>
      <c r="F29" s="213">
        <v>0</v>
      </c>
      <c r="G29" s="221">
        <v>76</v>
      </c>
      <c r="H29" s="221">
        <v>94</v>
      </c>
      <c r="I29" s="221">
        <v>47</v>
      </c>
      <c r="J29" s="221">
        <v>44</v>
      </c>
      <c r="K29" s="221">
        <v>23</v>
      </c>
      <c r="L29" s="222">
        <v>284</v>
      </c>
      <c r="M29" s="223">
        <v>317</v>
      </c>
      <c r="N29" s="224">
        <v>0</v>
      </c>
      <c r="O29" s="221">
        <v>1</v>
      </c>
      <c r="P29" s="222">
        <v>1</v>
      </c>
      <c r="Q29" s="213">
        <v>0</v>
      </c>
      <c r="R29" s="221">
        <v>0</v>
      </c>
      <c r="S29" s="221">
        <v>1</v>
      </c>
      <c r="T29" s="221">
        <v>0</v>
      </c>
      <c r="U29" s="221">
        <v>1</v>
      </c>
      <c r="V29" s="221">
        <v>3</v>
      </c>
      <c r="W29" s="222">
        <v>5</v>
      </c>
      <c r="X29" s="223">
        <v>6</v>
      </c>
      <c r="Y29" s="220">
        <v>11</v>
      </c>
      <c r="Z29" s="221">
        <v>23</v>
      </c>
      <c r="AA29" s="222">
        <v>34</v>
      </c>
      <c r="AB29" s="213">
        <v>0</v>
      </c>
      <c r="AC29" s="221">
        <v>76</v>
      </c>
      <c r="AD29" s="221">
        <v>95</v>
      </c>
      <c r="AE29" s="221">
        <v>47</v>
      </c>
      <c r="AF29" s="221">
        <v>45</v>
      </c>
      <c r="AG29" s="221">
        <v>26</v>
      </c>
      <c r="AH29" s="222">
        <v>289</v>
      </c>
      <c r="AI29" s="223">
        <v>323</v>
      </c>
    </row>
    <row r="30" spans="2:35" ht="21" customHeight="1" x14ac:dyDescent="0.2">
      <c r="B30" s="49" t="s">
        <v>29</v>
      </c>
      <c r="C30" s="220">
        <v>33</v>
      </c>
      <c r="D30" s="221">
        <v>31</v>
      </c>
      <c r="E30" s="222">
        <v>64</v>
      </c>
      <c r="F30" s="213">
        <v>0</v>
      </c>
      <c r="G30" s="221">
        <v>93</v>
      </c>
      <c r="H30" s="221">
        <v>109</v>
      </c>
      <c r="I30" s="221">
        <v>58</v>
      </c>
      <c r="J30" s="221">
        <v>50</v>
      </c>
      <c r="K30" s="221">
        <v>29</v>
      </c>
      <c r="L30" s="222">
        <v>339</v>
      </c>
      <c r="M30" s="223">
        <v>403</v>
      </c>
      <c r="N30" s="224">
        <v>0</v>
      </c>
      <c r="O30" s="221">
        <v>3</v>
      </c>
      <c r="P30" s="222">
        <v>3</v>
      </c>
      <c r="Q30" s="213">
        <v>0</v>
      </c>
      <c r="R30" s="221">
        <v>3</v>
      </c>
      <c r="S30" s="221">
        <v>3</v>
      </c>
      <c r="T30" s="221">
        <v>2</v>
      </c>
      <c r="U30" s="221">
        <v>1</v>
      </c>
      <c r="V30" s="221">
        <v>0</v>
      </c>
      <c r="W30" s="222">
        <v>9</v>
      </c>
      <c r="X30" s="223">
        <v>12</v>
      </c>
      <c r="Y30" s="220">
        <v>33</v>
      </c>
      <c r="Z30" s="221">
        <v>34</v>
      </c>
      <c r="AA30" s="222">
        <v>67</v>
      </c>
      <c r="AB30" s="213">
        <v>0</v>
      </c>
      <c r="AC30" s="221">
        <v>96</v>
      </c>
      <c r="AD30" s="221">
        <v>112</v>
      </c>
      <c r="AE30" s="221">
        <v>60</v>
      </c>
      <c r="AF30" s="221">
        <v>51</v>
      </c>
      <c r="AG30" s="221">
        <v>29</v>
      </c>
      <c r="AH30" s="222">
        <v>348</v>
      </c>
      <c r="AI30" s="223">
        <v>415</v>
      </c>
    </row>
    <row r="31" spans="2:35" ht="21" customHeight="1" x14ac:dyDescent="0.2">
      <c r="B31" s="49" t="s">
        <v>30</v>
      </c>
      <c r="C31" s="220">
        <v>40</v>
      </c>
      <c r="D31" s="221">
        <v>32</v>
      </c>
      <c r="E31" s="222">
        <v>72</v>
      </c>
      <c r="F31" s="213">
        <v>0</v>
      </c>
      <c r="G31" s="221">
        <v>104</v>
      </c>
      <c r="H31" s="221">
        <v>85</v>
      </c>
      <c r="I31" s="221">
        <v>66</v>
      </c>
      <c r="J31" s="221">
        <v>48</v>
      </c>
      <c r="K31" s="221">
        <v>14</v>
      </c>
      <c r="L31" s="222">
        <v>317</v>
      </c>
      <c r="M31" s="223">
        <v>389</v>
      </c>
      <c r="N31" s="224">
        <v>0</v>
      </c>
      <c r="O31" s="221">
        <v>0</v>
      </c>
      <c r="P31" s="222">
        <v>0</v>
      </c>
      <c r="Q31" s="213">
        <v>0</v>
      </c>
      <c r="R31" s="221">
        <v>1</v>
      </c>
      <c r="S31" s="221">
        <v>0</v>
      </c>
      <c r="T31" s="221">
        <v>3</v>
      </c>
      <c r="U31" s="221">
        <v>1</v>
      </c>
      <c r="V31" s="221">
        <v>0</v>
      </c>
      <c r="W31" s="222">
        <v>5</v>
      </c>
      <c r="X31" s="223">
        <v>5</v>
      </c>
      <c r="Y31" s="220">
        <v>40</v>
      </c>
      <c r="Z31" s="221">
        <v>32</v>
      </c>
      <c r="AA31" s="222">
        <v>72</v>
      </c>
      <c r="AB31" s="213">
        <v>0</v>
      </c>
      <c r="AC31" s="221">
        <v>105</v>
      </c>
      <c r="AD31" s="221">
        <v>85</v>
      </c>
      <c r="AE31" s="221">
        <v>69</v>
      </c>
      <c r="AF31" s="221">
        <v>49</v>
      </c>
      <c r="AG31" s="221">
        <v>14</v>
      </c>
      <c r="AH31" s="222">
        <v>322</v>
      </c>
      <c r="AI31" s="223">
        <v>394</v>
      </c>
    </row>
    <row r="32" spans="2:35" ht="21" customHeight="1" x14ac:dyDescent="0.2">
      <c r="B32" s="49" t="s">
        <v>31</v>
      </c>
      <c r="C32" s="220">
        <v>24</v>
      </c>
      <c r="D32" s="221">
        <v>51</v>
      </c>
      <c r="E32" s="222">
        <v>75</v>
      </c>
      <c r="F32" s="213">
        <v>0</v>
      </c>
      <c r="G32" s="221">
        <v>119</v>
      </c>
      <c r="H32" s="221">
        <v>100</v>
      </c>
      <c r="I32" s="221">
        <v>56</v>
      </c>
      <c r="J32" s="221">
        <v>36</v>
      </c>
      <c r="K32" s="221">
        <v>19</v>
      </c>
      <c r="L32" s="222">
        <v>330</v>
      </c>
      <c r="M32" s="223">
        <v>405</v>
      </c>
      <c r="N32" s="224">
        <v>0</v>
      </c>
      <c r="O32" s="221">
        <v>1</v>
      </c>
      <c r="P32" s="222">
        <v>1</v>
      </c>
      <c r="Q32" s="213">
        <v>0</v>
      </c>
      <c r="R32" s="221">
        <v>4</v>
      </c>
      <c r="S32" s="221">
        <v>1</v>
      </c>
      <c r="T32" s="221">
        <v>0</v>
      </c>
      <c r="U32" s="221">
        <v>2</v>
      </c>
      <c r="V32" s="221">
        <v>2</v>
      </c>
      <c r="W32" s="222">
        <v>9</v>
      </c>
      <c r="X32" s="223">
        <v>10</v>
      </c>
      <c r="Y32" s="220">
        <v>24</v>
      </c>
      <c r="Z32" s="221">
        <v>52</v>
      </c>
      <c r="AA32" s="222">
        <v>76</v>
      </c>
      <c r="AB32" s="213">
        <v>0</v>
      </c>
      <c r="AC32" s="221">
        <v>123</v>
      </c>
      <c r="AD32" s="221">
        <v>101</v>
      </c>
      <c r="AE32" s="221">
        <v>56</v>
      </c>
      <c r="AF32" s="221">
        <v>38</v>
      </c>
      <c r="AG32" s="221">
        <v>21</v>
      </c>
      <c r="AH32" s="222">
        <v>339</v>
      </c>
      <c r="AI32" s="223">
        <v>415</v>
      </c>
    </row>
    <row r="33" spans="2:35" ht="21" customHeight="1" x14ac:dyDescent="0.2">
      <c r="B33" s="49" t="s">
        <v>32</v>
      </c>
      <c r="C33" s="220">
        <v>35</v>
      </c>
      <c r="D33" s="221">
        <v>44</v>
      </c>
      <c r="E33" s="222">
        <v>79</v>
      </c>
      <c r="F33" s="213">
        <v>0</v>
      </c>
      <c r="G33" s="221">
        <v>141</v>
      </c>
      <c r="H33" s="221">
        <v>114</v>
      </c>
      <c r="I33" s="221">
        <v>68</v>
      </c>
      <c r="J33" s="221">
        <v>52</v>
      </c>
      <c r="K33" s="221">
        <v>35</v>
      </c>
      <c r="L33" s="222">
        <v>410</v>
      </c>
      <c r="M33" s="223">
        <v>489</v>
      </c>
      <c r="N33" s="224">
        <v>0</v>
      </c>
      <c r="O33" s="221">
        <v>1</v>
      </c>
      <c r="P33" s="222">
        <v>1</v>
      </c>
      <c r="Q33" s="213">
        <v>0</v>
      </c>
      <c r="R33" s="221">
        <v>8</v>
      </c>
      <c r="S33" s="221">
        <v>6</v>
      </c>
      <c r="T33" s="221">
        <v>1</v>
      </c>
      <c r="U33" s="221">
        <v>2</v>
      </c>
      <c r="V33" s="221">
        <v>3</v>
      </c>
      <c r="W33" s="222">
        <v>20</v>
      </c>
      <c r="X33" s="223">
        <v>21</v>
      </c>
      <c r="Y33" s="220">
        <v>35</v>
      </c>
      <c r="Z33" s="221">
        <v>45</v>
      </c>
      <c r="AA33" s="222">
        <v>80</v>
      </c>
      <c r="AB33" s="213">
        <v>0</v>
      </c>
      <c r="AC33" s="221">
        <v>149</v>
      </c>
      <c r="AD33" s="221">
        <v>120</v>
      </c>
      <c r="AE33" s="221">
        <v>69</v>
      </c>
      <c r="AF33" s="221">
        <v>54</v>
      </c>
      <c r="AG33" s="221">
        <v>38</v>
      </c>
      <c r="AH33" s="222">
        <v>430</v>
      </c>
      <c r="AI33" s="223">
        <v>510</v>
      </c>
    </row>
    <row r="34" spans="2:35" ht="21" customHeight="1" x14ac:dyDescent="0.2">
      <c r="B34" s="49" t="s">
        <v>33</v>
      </c>
      <c r="C34" s="220">
        <v>38</v>
      </c>
      <c r="D34" s="221">
        <v>58</v>
      </c>
      <c r="E34" s="222">
        <v>96</v>
      </c>
      <c r="F34" s="213">
        <v>0</v>
      </c>
      <c r="G34" s="221">
        <v>133</v>
      </c>
      <c r="H34" s="221">
        <v>85</v>
      </c>
      <c r="I34" s="221">
        <v>57</v>
      </c>
      <c r="J34" s="221">
        <v>32</v>
      </c>
      <c r="K34" s="221">
        <v>22</v>
      </c>
      <c r="L34" s="222">
        <v>329</v>
      </c>
      <c r="M34" s="223">
        <v>425</v>
      </c>
      <c r="N34" s="224">
        <v>0</v>
      </c>
      <c r="O34" s="221">
        <v>0</v>
      </c>
      <c r="P34" s="222">
        <v>0</v>
      </c>
      <c r="Q34" s="213">
        <v>0</v>
      </c>
      <c r="R34" s="221">
        <v>3</v>
      </c>
      <c r="S34" s="221">
        <v>1</v>
      </c>
      <c r="T34" s="221">
        <v>0</v>
      </c>
      <c r="U34" s="221">
        <v>1</v>
      </c>
      <c r="V34" s="221">
        <v>1</v>
      </c>
      <c r="W34" s="222">
        <v>6</v>
      </c>
      <c r="X34" s="223">
        <v>6</v>
      </c>
      <c r="Y34" s="220">
        <v>38</v>
      </c>
      <c r="Z34" s="221">
        <v>58</v>
      </c>
      <c r="AA34" s="222">
        <v>96</v>
      </c>
      <c r="AB34" s="213">
        <v>0</v>
      </c>
      <c r="AC34" s="221">
        <v>136</v>
      </c>
      <c r="AD34" s="221">
        <v>86</v>
      </c>
      <c r="AE34" s="221">
        <v>57</v>
      </c>
      <c r="AF34" s="221">
        <v>33</v>
      </c>
      <c r="AG34" s="221">
        <v>23</v>
      </c>
      <c r="AH34" s="222">
        <v>335</v>
      </c>
      <c r="AI34" s="223">
        <v>431</v>
      </c>
    </row>
    <row r="35" spans="2:35" ht="21" customHeight="1" x14ac:dyDescent="0.2">
      <c r="B35" s="49" t="s">
        <v>34</v>
      </c>
      <c r="C35" s="220">
        <v>19</v>
      </c>
      <c r="D35" s="221">
        <v>26</v>
      </c>
      <c r="E35" s="222">
        <v>45</v>
      </c>
      <c r="F35" s="213">
        <v>0</v>
      </c>
      <c r="G35" s="221">
        <v>97</v>
      </c>
      <c r="H35" s="221">
        <v>71</v>
      </c>
      <c r="I35" s="221">
        <v>37</v>
      </c>
      <c r="J35" s="221">
        <v>32</v>
      </c>
      <c r="K35" s="221">
        <v>18</v>
      </c>
      <c r="L35" s="222">
        <v>255</v>
      </c>
      <c r="M35" s="223">
        <v>300</v>
      </c>
      <c r="N35" s="224">
        <v>0</v>
      </c>
      <c r="O35" s="221">
        <v>0</v>
      </c>
      <c r="P35" s="222">
        <v>0</v>
      </c>
      <c r="Q35" s="213">
        <v>0</v>
      </c>
      <c r="R35" s="221">
        <v>4</v>
      </c>
      <c r="S35" s="221">
        <v>2</v>
      </c>
      <c r="T35" s="221">
        <v>1</v>
      </c>
      <c r="U35" s="221">
        <v>1</v>
      </c>
      <c r="V35" s="221">
        <v>1</v>
      </c>
      <c r="W35" s="222">
        <v>9</v>
      </c>
      <c r="X35" s="223">
        <v>9</v>
      </c>
      <c r="Y35" s="220">
        <v>19</v>
      </c>
      <c r="Z35" s="221">
        <v>26</v>
      </c>
      <c r="AA35" s="222">
        <v>45</v>
      </c>
      <c r="AB35" s="213">
        <v>0</v>
      </c>
      <c r="AC35" s="221">
        <v>101</v>
      </c>
      <c r="AD35" s="221">
        <v>73</v>
      </c>
      <c r="AE35" s="221">
        <v>38</v>
      </c>
      <c r="AF35" s="221">
        <v>33</v>
      </c>
      <c r="AG35" s="221">
        <v>19</v>
      </c>
      <c r="AH35" s="222">
        <v>264</v>
      </c>
      <c r="AI35" s="223">
        <v>309</v>
      </c>
    </row>
    <row r="36" spans="2:35" ht="21" customHeight="1" x14ac:dyDescent="0.2">
      <c r="B36" s="49" t="s">
        <v>35</v>
      </c>
      <c r="C36" s="220">
        <v>75</v>
      </c>
      <c r="D36" s="221">
        <v>110</v>
      </c>
      <c r="E36" s="222">
        <v>185</v>
      </c>
      <c r="F36" s="213">
        <v>0</v>
      </c>
      <c r="G36" s="221">
        <v>379</v>
      </c>
      <c r="H36" s="221">
        <v>236</v>
      </c>
      <c r="I36" s="221">
        <v>132</v>
      </c>
      <c r="J36" s="221">
        <v>127</v>
      </c>
      <c r="K36" s="221">
        <v>50</v>
      </c>
      <c r="L36" s="222">
        <v>924</v>
      </c>
      <c r="M36" s="223">
        <v>1109</v>
      </c>
      <c r="N36" s="224">
        <v>0</v>
      </c>
      <c r="O36" s="221">
        <v>1</v>
      </c>
      <c r="P36" s="222">
        <v>1</v>
      </c>
      <c r="Q36" s="213">
        <v>0</v>
      </c>
      <c r="R36" s="221">
        <v>2</v>
      </c>
      <c r="S36" s="221">
        <v>6</v>
      </c>
      <c r="T36" s="221">
        <v>1</v>
      </c>
      <c r="U36" s="221">
        <v>1</v>
      </c>
      <c r="V36" s="221">
        <v>1</v>
      </c>
      <c r="W36" s="222">
        <v>11</v>
      </c>
      <c r="X36" s="223">
        <v>12</v>
      </c>
      <c r="Y36" s="220">
        <v>75</v>
      </c>
      <c r="Z36" s="221">
        <v>111</v>
      </c>
      <c r="AA36" s="222">
        <v>186</v>
      </c>
      <c r="AB36" s="213">
        <v>0</v>
      </c>
      <c r="AC36" s="221">
        <v>381</v>
      </c>
      <c r="AD36" s="221">
        <v>242</v>
      </c>
      <c r="AE36" s="221">
        <v>133</v>
      </c>
      <c r="AF36" s="221">
        <v>128</v>
      </c>
      <c r="AG36" s="221">
        <v>51</v>
      </c>
      <c r="AH36" s="222">
        <v>935</v>
      </c>
      <c r="AI36" s="223">
        <v>1121</v>
      </c>
    </row>
    <row r="37" spans="2:35" ht="21" customHeight="1" x14ac:dyDescent="0.2">
      <c r="B37" s="49" t="s">
        <v>36</v>
      </c>
      <c r="C37" s="220">
        <v>53</v>
      </c>
      <c r="D37" s="221">
        <v>118</v>
      </c>
      <c r="E37" s="222">
        <v>171</v>
      </c>
      <c r="F37" s="213">
        <v>0</v>
      </c>
      <c r="G37" s="221">
        <v>287</v>
      </c>
      <c r="H37" s="221">
        <v>267</v>
      </c>
      <c r="I37" s="221">
        <v>154</v>
      </c>
      <c r="J37" s="221">
        <v>111</v>
      </c>
      <c r="K37" s="221">
        <v>65</v>
      </c>
      <c r="L37" s="222">
        <v>884</v>
      </c>
      <c r="M37" s="223">
        <v>1055</v>
      </c>
      <c r="N37" s="224">
        <v>1</v>
      </c>
      <c r="O37" s="221">
        <v>5</v>
      </c>
      <c r="P37" s="222">
        <v>6</v>
      </c>
      <c r="Q37" s="213">
        <v>0</v>
      </c>
      <c r="R37" s="221">
        <v>7</v>
      </c>
      <c r="S37" s="221">
        <v>7</v>
      </c>
      <c r="T37" s="221">
        <v>5</v>
      </c>
      <c r="U37" s="221">
        <v>1</v>
      </c>
      <c r="V37" s="221">
        <v>1</v>
      </c>
      <c r="W37" s="222">
        <v>21</v>
      </c>
      <c r="X37" s="223">
        <v>27</v>
      </c>
      <c r="Y37" s="220">
        <v>54</v>
      </c>
      <c r="Z37" s="221">
        <v>123</v>
      </c>
      <c r="AA37" s="222">
        <v>177</v>
      </c>
      <c r="AB37" s="213">
        <v>0</v>
      </c>
      <c r="AC37" s="221">
        <v>294</v>
      </c>
      <c r="AD37" s="221">
        <v>274</v>
      </c>
      <c r="AE37" s="221">
        <v>159</v>
      </c>
      <c r="AF37" s="221">
        <v>112</v>
      </c>
      <c r="AG37" s="221">
        <v>66</v>
      </c>
      <c r="AH37" s="222">
        <v>905</v>
      </c>
      <c r="AI37" s="223">
        <v>1082</v>
      </c>
    </row>
    <row r="38" spans="2:35" ht="21" customHeight="1" thickBot="1" x14ac:dyDescent="0.25">
      <c r="B38" s="50" t="s">
        <v>37</v>
      </c>
      <c r="C38" s="225">
        <v>13</v>
      </c>
      <c r="D38" s="226">
        <v>7</v>
      </c>
      <c r="E38" s="227">
        <v>20</v>
      </c>
      <c r="F38" s="214">
        <v>0</v>
      </c>
      <c r="G38" s="226">
        <v>28</v>
      </c>
      <c r="H38" s="226">
        <v>19</v>
      </c>
      <c r="I38" s="226">
        <v>23</v>
      </c>
      <c r="J38" s="226">
        <v>9</v>
      </c>
      <c r="K38" s="226">
        <v>4</v>
      </c>
      <c r="L38" s="227">
        <v>83</v>
      </c>
      <c r="M38" s="228">
        <v>103</v>
      </c>
      <c r="N38" s="229">
        <v>0</v>
      </c>
      <c r="O38" s="226">
        <v>0</v>
      </c>
      <c r="P38" s="227">
        <v>0</v>
      </c>
      <c r="Q38" s="214">
        <v>0</v>
      </c>
      <c r="R38" s="226">
        <v>1</v>
      </c>
      <c r="S38" s="226">
        <v>1</v>
      </c>
      <c r="T38" s="226">
        <v>1</v>
      </c>
      <c r="U38" s="226">
        <v>2</v>
      </c>
      <c r="V38" s="226">
        <v>0</v>
      </c>
      <c r="W38" s="227">
        <v>5</v>
      </c>
      <c r="X38" s="228">
        <v>5</v>
      </c>
      <c r="Y38" s="225">
        <v>13</v>
      </c>
      <c r="Z38" s="226">
        <v>7</v>
      </c>
      <c r="AA38" s="227">
        <v>20</v>
      </c>
      <c r="AB38" s="214">
        <v>0</v>
      </c>
      <c r="AC38" s="226">
        <v>29</v>
      </c>
      <c r="AD38" s="226">
        <v>20</v>
      </c>
      <c r="AE38" s="226">
        <v>24</v>
      </c>
      <c r="AF38" s="226">
        <v>11</v>
      </c>
      <c r="AG38" s="226">
        <v>4</v>
      </c>
      <c r="AH38" s="227">
        <v>88</v>
      </c>
      <c r="AI38" s="228">
        <v>108</v>
      </c>
    </row>
    <row r="39" spans="2:35" x14ac:dyDescent="0.2">
      <c r="AA39" s="21"/>
      <c r="AB39" s="21"/>
      <c r="AC39" s="21"/>
      <c r="AD39" s="21"/>
      <c r="AE39" s="21"/>
      <c r="AF39" s="21"/>
      <c r="AG39" s="21"/>
      <c r="AH39" s="21"/>
      <c r="AI39" s="21"/>
    </row>
  </sheetData>
  <mergeCells count="5">
    <mergeCell ref="C3:M3"/>
    <mergeCell ref="N3:X3"/>
    <mergeCell ref="Y3:AI3"/>
    <mergeCell ref="G1:H1"/>
    <mergeCell ref="J1:K1"/>
  </mergeCells>
  <phoneticPr fontId="4"/>
  <pageMargins left="0.43307086614173229" right="0.27559055118110237" top="0.35433070866141736" bottom="0.39370078740157483" header="0.19685039370078741" footer="0.19685039370078741"/>
  <pageSetup paperSize="9" scale="51" orientation="landscape" r:id="rId1"/>
  <headerFooter alignWithMargins="0">
    <oddFooter>&amp;L&amp;20&amp;A&amp;C&amp;P/&amp;N</oddFooter>
  </headerFooter>
  <colBreaks count="1" manualBreakCount="1">
    <brk id="24" max="1048575" man="1"/>
  </colBreaks>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sheetPr>
  <dimension ref="A1:EZ39"/>
  <sheetViews>
    <sheetView zoomScaleNormal="100" workbookViewId="0">
      <pane xSplit="2" ySplit="6" topLeftCell="C7" activePane="bottomRight" state="frozen"/>
      <selection pane="topRight" activeCell="B1" sqref="B1"/>
      <selection pane="bottomLeft" activeCell="A7" sqref="A7"/>
      <selection pane="bottomRight" activeCell="L2" sqref="L2"/>
    </sheetView>
  </sheetViews>
  <sheetFormatPr defaultColWidth="9" defaultRowHeight="13.2" x14ac:dyDescent="0.2"/>
  <cols>
    <col min="1" max="1" width="2.77734375" style="44" customWidth="1"/>
    <col min="2" max="4" width="9" style="255"/>
    <col min="5" max="5" width="10.33203125" style="255" customWidth="1"/>
    <col min="6" max="6" width="7.6640625" style="255" customWidth="1"/>
    <col min="7" max="7" width="10.21875" style="255" customWidth="1"/>
    <col min="8" max="8" width="10.44140625" style="255" customWidth="1"/>
    <col min="9" max="16" width="9" style="255"/>
    <col min="17" max="17" width="7.21875" style="255" customWidth="1"/>
    <col min="18" max="27" width="9" style="255"/>
    <col min="28" max="28" width="7.6640625" style="255" customWidth="1"/>
    <col min="29" max="38" width="9" style="255"/>
    <col min="39" max="39" width="7.6640625" style="255" customWidth="1"/>
    <col min="40" max="49" width="9" style="255"/>
    <col min="50" max="50" width="7.21875" style="255" customWidth="1"/>
    <col min="51" max="60" width="9" style="255"/>
    <col min="61" max="61" width="7.21875" style="255" customWidth="1"/>
    <col min="62" max="71" width="9" style="255"/>
    <col min="72" max="72" width="7.33203125" style="255" customWidth="1"/>
    <col min="73" max="82" width="9" style="255"/>
    <col min="83" max="83" width="7.44140625" style="255" customWidth="1"/>
    <col min="84" max="93" width="9" style="255"/>
    <col min="94" max="94" width="7.6640625" style="255" customWidth="1"/>
    <col min="95" max="104" width="9" style="255"/>
    <col min="105" max="105" width="7.44140625" style="255" customWidth="1"/>
    <col min="106" max="115" width="9" style="255"/>
    <col min="116" max="116" width="7.44140625" style="255" customWidth="1"/>
    <col min="117" max="126" width="9" style="255"/>
    <col min="127" max="127" width="7.44140625" style="255" customWidth="1"/>
    <col min="128" max="137" width="9" style="255"/>
    <col min="138" max="138" width="7.33203125" style="255" customWidth="1"/>
    <col min="139" max="148" width="9" style="255"/>
    <col min="149" max="149" width="7.77734375" style="255" customWidth="1"/>
    <col min="150" max="16384" width="9" style="255"/>
  </cols>
  <sheetData>
    <row r="1" spans="2:156" ht="24" customHeight="1" x14ac:dyDescent="0.2">
      <c r="B1" s="290" t="s">
        <v>122</v>
      </c>
      <c r="I1" s="524">
        <f>第１表!F2</f>
        <v>5</v>
      </c>
      <c r="J1" s="524"/>
      <c r="K1" s="248">
        <f>第１表!G2</f>
        <v>2</v>
      </c>
      <c r="L1" s="529">
        <f>IF(K1&lt;3,K1+12-2,K1-2)</f>
        <v>12</v>
      </c>
      <c r="M1" s="529"/>
    </row>
    <row r="2" spans="2:156" ht="24" customHeight="1" thickBot="1" x14ac:dyDescent="0.25">
      <c r="B2" s="290" t="s">
        <v>138</v>
      </c>
      <c r="G2" s="247"/>
      <c r="H2" s="248"/>
      <c r="J2" s="254"/>
      <c r="K2" s="254"/>
    </row>
    <row r="3" spans="2:156" ht="21" customHeight="1" thickBot="1" x14ac:dyDescent="0.25">
      <c r="B3" s="537"/>
      <c r="C3" s="540" t="s">
        <v>70</v>
      </c>
      <c r="D3" s="541"/>
      <c r="E3" s="541"/>
      <c r="F3" s="541"/>
      <c r="G3" s="541"/>
      <c r="H3" s="541"/>
      <c r="I3" s="541"/>
      <c r="J3" s="541"/>
      <c r="K3" s="541"/>
      <c r="L3" s="541"/>
      <c r="M3" s="542"/>
      <c r="N3" s="540" t="s">
        <v>71</v>
      </c>
      <c r="O3" s="541"/>
      <c r="P3" s="541"/>
      <c r="Q3" s="541"/>
      <c r="R3" s="541"/>
      <c r="S3" s="541"/>
      <c r="T3" s="541"/>
      <c r="U3" s="541"/>
      <c r="V3" s="541"/>
      <c r="W3" s="541"/>
      <c r="X3" s="542"/>
      <c r="Y3" s="540" t="s">
        <v>72</v>
      </c>
      <c r="Z3" s="541"/>
      <c r="AA3" s="541"/>
      <c r="AB3" s="541"/>
      <c r="AC3" s="541"/>
      <c r="AD3" s="541"/>
      <c r="AE3" s="541"/>
      <c r="AF3" s="541"/>
      <c r="AG3" s="541"/>
      <c r="AH3" s="541"/>
      <c r="AI3" s="542"/>
      <c r="AJ3" s="540" t="s">
        <v>73</v>
      </c>
      <c r="AK3" s="541"/>
      <c r="AL3" s="541"/>
      <c r="AM3" s="541"/>
      <c r="AN3" s="541"/>
      <c r="AO3" s="541"/>
      <c r="AP3" s="541"/>
      <c r="AQ3" s="541"/>
      <c r="AR3" s="541"/>
      <c r="AS3" s="541"/>
      <c r="AT3" s="542"/>
      <c r="AU3" s="540" t="s">
        <v>74</v>
      </c>
      <c r="AV3" s="541"/>
      <c r="AW3" s="541"/>
      <c r="AX3" s="541"/>
      <c r="AY3" s="541"/>
      <c r="AZ3" s="541"/>
      <c r="BA3" s="541"/>
      <c r="BB3" s="541"/>
      <c r="BC3" s="541"/>
      <c r="BD3" s="541"/>
      <c r="BE3" s="542"/>
      <c r="BF3" s="540" t="s">
        <v>75</v>
      </c>
      <c r="BG3" s="541"/>
      <c r="BH3" s="541"/>
      <c r="BI3" s="541"/>
      <c r="BJ3" s="541"/>
      <c r="BK3" s="541"/>
      <c r="BL3" s="541"/>
      <c r="BM3" s="541"/>
      <c r="BN3" s="541"/>
      <c r="BO3" s="541"/>
      <c r="BP3" s="542"/>
      <c r="BQ3" s="540" t="s">
        <v>76</v>
      </c>
      <c r="BR3" s="541"/>
      <c r="BS3" s="541"/>
      <c r="BT3" s="541"/>
      <c r="BU3" s="541"/>
      <c r="BV3" s="541"/>
      <c r="BW3" s="541"/>
      <c r="BX3" s="541"/>
      <c r="BY3" s="541"/>
      <c r="BZ3" s="541"/>
      <c r="CA3" s="542"/>
      <c r="CB3" s="540" t="s">
        <v>77</v>
      </c>
      <c r="CC3" s="541"/>
      <c r="CD3" s="541"/>
      <c r="CE3" s="541"/>
      <c r="CF3" s="541"/>
      <c r="CG3" s="541"/>
      <c r="CH3" s="541"/>
      <c r="CI3" s="541"/>
      <c r="CJ3" s="541"/>
      <c r="CK3" s="541"/>
      <c r="CL3" s="542"/>
      <c r="CM3" s="540" t="s">
        <v>78</v>
      </c>
      <c r="CN3" s="541"/>
      <c r="CO3" s="541"/>
      <c r="CP3" s="541"/>
      <c r="CQ3" s="541"/>
      <c r="CR3" s="541"/>
      <c r="CS3" s="541"/>
      <c r="CT3" s="541"/>
      <c r="CU3" s="541"/>
      <c r="CV3" s="541"/>
      <c r="CW3" s="542"/>
      <c r="CX3" s="540" t="s">
        <v>79</v>
      </c>
      <c r="CY3" s="541"/>
      <c r="CZ3" s="541"/>
      <c r="DA3" s="541"/>
      <c r="DB3" s="541"/>
      <c r="DC3" s="541"/>
      <c r="DD3" s="541"/>
      <c r="DE3" s="541"/>
      <c r="DF3" s="541"/>
      <c r="DG3" s="541"/>
      <c r="DH3" s="542"/>
      <c r="DI3" s="540" t="s">
        <v>152</v>
      </c>
      <c r="DJ3" s="541"/>
      <c r="DK3" s="541"/>
      <c r="DL3" s="541"/>
      <c r="DM3" s="541"/>
      <c r="DN3" s="541"/>
      <c r="DO3" s="541"/>
      <c r="DP3" s="541"/>
      <c r="DQ3" s="541"/>
      <c r="DR3" s="541"/>
      <c r="DS3" s="542"/>
      <c r="DT3" s="540" t="s">
        <v>80</v>
      </c>
      <c r="DU3" s="541"/>
      <c r="DV3" s="541"/>
      <c r="DW3" s="541"/>
      <c r="DX3" s="541"/>
      <c r="DY3" s="541"/>
      <c r="DZ3" s="541"/>
      <c r="EA3" s="541"/>
      <c r="EB3" s="541"/>
      <c r="EC3" s="541"/>
      <c r="ED3" s="542"/>
      <c r="EE3" s="540" t="s">
        <v>68</v>
      </c>
      <c r="EF3" s="541"/>
      <c r="EG3" s="541"/>
      <c r="EH3" s="541"/>
      <c r="EI3" s="541"/>
      <c r="EJ3" s="541"/>
      <c r="EK3" s="541"/>
      <c r="EL3" s="541"/>
      <c r="EM3" s="541"/>
      <c r="EN3" s="541"/>
      <c r="EO3" s="542"/>
      <c r="EP3" s="543" t="s">
        <v>69</v>
      </c>
      <c r="EQ3" s="544"/>
      <c r="ER3" s="544"/>
      <c r="ES3" s="544"/>
      <c r="ET3" s="544"/>
      <c r="EU3" s="544"/>
      <c r="EV3" s="544"/>
      <c r="EW3" s="544"/>
      <c r="EX3" s="544"/>
      <c r="EY3" s="544"/>
      <c r="EZ3" s="545"/>
    </row>
    <row r="4" spans="2:156" ht="21" customHeight="1" x14ac:dyDescent="0.2">
      <c r="B4" s="538"/>
      <c r="C4" s="532" t="s">
        <v>61</v>
      </c>
      <c r="D4" s="533"/>
      <c r="E4" s="534"/>
      <c r="F4" s="535" t="s">
        <v>62</v>
      </c>
      <c r="G4" s="533"/>
      <c r="H4" s="533"/>
      <c r="I4" s="533"/>
      <c r="J4" s="533"/>
      <c r="K4" s="533"/>
      <c r="L4" s="536"/>
      <c r="M4" s="530" t="s">
        <v>52</v>
      </c>
      <c r="N4" s="532" t="s">
        <v>61</v>
      </c>
      <c r="O4" s="533"/>
      <c r="P4" s="534"/>
      <c r="Q4" s="535" t="s">
        <v>62</v>
      </c>
      <c r="R4" s="533"/>
      <c r="S4" s="533"/>
      <c r="T4" s="533"/>
      <c r="U4" s="533"/>
      <c r="V4" s="533"/>
      <c r="W4" s="534"/>
      <c r="X4" s="530" t="s">
        <v>52</v>
      </c>
      <c r="Y4" s="532" t="s">
        <v>61</v>
      </c>
      <c r="Z4" s="533"/>
      <c r="AA4" s="534"/>
      <c r="AB4" s="535" t="s">
        <v>62</v>
      </c>
      <c r="AC4" s="533"/>
      <c r="AD4" s="533"/>
      <c r="AE4" s="533"/>
      <c r="AF4" s="533"/>
      <c r="AG4" s="533"/>
      <c r="AH4" s="534"/>
      <c r="AI4" s="530" t="s">
        <v>52</v>
      </c>
      <c r="AJ4" s="532" t="s">
        <v>61</v>
      </c>
      <c r="AK4" s="533"/>
      <c r="AL4" s="534"/>
      <c r="AM4" s="535" t="s">
        <v>62</v>
      </c>
      <c r="AN4" s="533"/>
      <c r="AO4" s="533"/>
      <c r="AP4" s="533"/>
      <c r="AQ4" s="533"/>
      <c r="AR4" s="533"/>
      <c r="AS4" s="534"/>
      <c r="AT4" s="530" t="s">
        <v>52</v>
      </c>
      <c r="AU4" s="532" t="s">
        <v>61</v>
      </c>
      <c r="AV4" s="533"/>
      <c r="AW4" s="534"/>
      <c r="AX4" s="535" t="s">
        <v>62</v>
      </c>
      <c r="AY4" s="533"/>
      <c r="AZ4" s="533"/>
      <c r="BA4" s="533"/>
      <c r="BB4" s="533"/>
      <c r="BC4" s="533"/>
      <c r="BD4" s="536"/>
      <c r="BE4" s="530" t="s">
        <v>52</v>
      </c>
      <c r="BF4" s="532" t="s">
        <v>61</v>
      </c>
      <c r="BG4" s="533"/>
      <c r="BH4" s="534"/>
      <c r="BI4" s="535" t="s">
        <v>62</v>
      </c>
      <c r="BJ4" s="533"/>
      <c r="BK4" s="533"/>
      <c r="BL4" s="533"/>
      <c r="BM4" s="533"/>
      <c r="BN4" s="533"/>
      <c r="BO4" s="534"/>
      <c r="BP4" s="530" t="s">
        <v>52</v>
      </c>
      <c r="BQ4" s="532" t="s">
        <v>61</v>
      </c>
      <c r="BR4" s="533"/>
      <c r="BS4" s="534"/>
      <c r="BT4" s="535" t="s">
        <v>62</v>
      </c>
      <c r="BU4" s="533"/>
      <c r="BV4" s="533"/>
      <c r="BW4" s="533"/>
      <c r="BX4" s="533"/>
      <c r="BY4" s="533"/>
      <c r="BZ4" s="534"/>
      <c r="CA4" s="530" t="s">
        <v>52</v>
      </c>
      <c r="CB4" s="532" t="s">
        <v>61</v>
      </c>
      <c r="CC4" s="533"/>
      <c r="CD4" s="534"/>
      <c r="CE4" s="535" t="s">
        <v>62</v>
      </c>
      <c r="CF4" s="533"/>
      <c r="CG4" s="533"/>
      <c r="CH4" s="533"/>
      <c r="CI4" s="533"/>
      <c r="CJ4" s="533"/>
      <c r="CK4" s="534"/>
      <c r="CL4" s="530" t="s">
        <v>52</v>
      </c>
      <c r="CM4" s="532" t="s">
        <v>61</v>
      </c>
      <c r="CN4" s="533"/>
      <c r="CO4" s="534"/>
      <c r="CP4" s="535" t="s">
        <v>62</v>
      </c>
      <c r="CQ4" s="533"/>
      <c r="CR4" s="533"/>
      <c r="CS4" s="533"/>
      <c r="CT4" s="533"/>
      <c r="CU4" s="533"/>
      <c r="CV4" s="534"/>
      <c r="CW4" s="530" t="s">
        <v>52</v>
      </c>
      <c r="CX4" s="532" t="s">
        <v>61</v>
      </c>
      <c r="CY4" s="533"/>
      <c r="CZ4" s="534"/>
      <c r="DA4" s="535" t="s">
        <v>62</v>
      </c>
      <c r="DB4" s="533"/>
      <c r="DC4" s="533"/>
      <c r="DD4" s="533"/>
      <c r="DE4" s="533"/>
      <c r="DF4" s="533"/>
      <c r="DG4" s="534"/>
      <c r="DH4" s="530" t="s">
        <v>52</v>
      </c>
      <c r="DI4" s="532" t="s">
        <v>61</v>
      </c>
      <c r="DJ4" s="533"/>
      <c r="DK4" s="534"/>
      <c r="DL4" s="535" t="s">
        <v>62</v>
      </c>
      <c r="DM4" s="533"/>
      <c r="DN4" s="533"/>
      <c r="DO4" s="533"/>
      <c r="DP4" s="533"/>
      <c r="DQ4" s="533"/>
      <c r="DR4" s="534"/>
      <c r="DS4" s="530" t="s">
        <v>52</v>
      </c>
      <c r="DT4" s="532" t="s">
        <v>61</v>
      </c>
      <c r="DU4" s="533"/>
      <c r="DV4" s="534"/>
      <c r="DW4" s="535" t="s">
        <v>62</v>
      </c>
      <c r="DX4" s="533"/>
      <c r="DY4" s="533"/>
      <c r="DZ4" s="533"/>
      <c r="EA4" s="533"/>
      <c r="EB4" s="533"/>
      <c r="EC4" s="534"/>
      <c r="ED4" s="530" t="s">
        <v>52</v>
      </c>
      <c r="EE4" s="532" t="s">
        <v>61</v>
      </c>
      <c r="EF4" s="533"/>
      <c r="EG4" s="534"/>
      <c r="EH4" s="535" t="s">
        <v>62</v>
      </c>
      <c r="EI4" s="533"/>
      <c r="EJ4" s="533"/>
      <c r="EK4" s="533"/>
      <c r="EL4" s="533"/>
      <c r="EM4" s="533"/>
      <c r="EN4" s="534"/>
      <c r="EO4" s="530" t="s">
        <v>52</v>
      </c>
      <c r="EP4" s="532" t="s">
        <v>61</v>
      </c>
      <c r="EQ4" s="533"/>
      <c r="ER4" s="534"/>
      <c r="ES4" s="535" t="s">
        <v>62</v>
      </c>
      <c r="ET4" s="533"/>
      <c r="EU4" s="533"/>
      <c r="EV4" s="533"/>
      <c r="EW4" s="533"/>
      <c r="EX4" s="533"/>
      <c r="EY4" s="534"/>
      <c r="EZ4" s="530" t="s">
        <v>52</v>
      </c>
    </row>
    <row r="5" spans="2:156" ht="30" customHeight="1" thickBot="1" x14ac:dyDescent="0.25">
      <c r="B5" s="539"/>
      <c r="C5" s="263" t="s">
        <v>43</v>
      </c>
      <c r="D5" s="259" t="s">
        <v>44</v>
      </c>
      <c r="E5" s="382" t="s">
        <v>45</v>
      </c>
      <c r="F5" s="267" t="s">
        <v>83</v>
      </c>
      <c r="G5" s="259" t="s">
        <v>47</v>
      </c>
      <c r="H5" s="259" t="s">
        <v>48</v>
      </c>
      <c r="I5" s="259" t="s">
        <v>49</v>
      </c>
      <c r="J5" s="259" t="s">
        <v>50</v>
      </c>
      <c r="K5" s="259" t="s">
        <v>51</v>
      </c>
      <c r="L5" s="268" t="s">
        <v>45</v>
      </c>
      <c r="M5" s="531"/>
      <c r="N5" s="263" t="s">
        <v>43</v>
      </c>
      <c r="O5" s="259" t="s">
        <v>44</v>
      </c>
      <c r="P5" s="265" t="s">
        <v>45</v>
      </c>
      <c r="Q5" s="267" t="s">
        <v>83</v>
      </c>
      <c r="R5" s="259" t="s">
        <v>47</v>
      </c>
      <c r="S5" s="259" t="s">
        <v>48</v>
      </c>
      <c r="T5" s="259" t="s">
        <v>49</v>
      </c>
      <c r="U5" s="259" t="s">
        <v>50</v>
      </c>
      <c r="V5" s="259" t="s">
        <v>51</v>
      </c>
      <c r="W5" s="265" t="s">
        <v>45</v>
      </c>
      <c r="X5" s="531"/>
      <c r="Y5" s="263" t="s">
        <v>43</v>
      </c>
      <c r="Z5" s="259" t="s">
        <v>44</v>
      </c>
      <c r="AA5" s="265" t="s">
        <v>45</v>
      </c>
      <c r="AB5" s="267" t="s">
        <v>83</v>
      </c>
      <c r="AC5" s="259" t="s">
        <v>47</v>
      </c>
      <c r="AD5" s="259" t="s">
        <v>48</v>
      </c>
      <c r="AE5" s="259" t="s">
        <v>49</v>
      </c>
      <c r="AF5" s="259" t="s">
        <v>50</v>
      </c>
      <c r="AG5" s="259" t="s">
        <v>51</v>
      </c>
      <c r="AH5" s="265" t="s">
        <v>45</v>
      </c>
      <c r="AI5" s="531"/>
      <c r="AJ5" s="263" t="s">
        <v>43</v>
      </c>
      <c r="AK5" s="259" t="s">
        <v>44</v>
      </c>
      <c r="AL5" s="265" t="s">
        <v>45</v>
      </c>
      <c r="AM5" s="267" t="s">
        <v>83</v>
      </c>
      <c r="AN5" s="259" t="s">
        <v>47</v>
      </c>
      <c r="AO5" s="259" t="s">
        <v>48</v>
      </c>
      <c r="AP5" s="259" t="s">
        <v>49</v>
      </c>
      <c r="AQ5" s="259" t="s">
        <v>50</v>
      </c>
      <c r="AR5" s="259" t="s">
        <v>51</v>
      </c>
      <c r="AS5" s="265" t="s">
        <v>45</v>
      </c>
      <c r="AT5" s="531"/>
      <c r="AU5" s="263" t="s">
        <v>43</v>
      </c>
      <c r="AV5" s="259" t="s">
        <v>44</v>
      </c>
      <c r="AW5" s="265" t="s">
        <v>45</v>
      </c>
      <c r="AX5" s="267" t="s">
        <v>83</v>
      </c>
      <c r="AY5" s="259" t="s">
        <v>47</v>
      </c>
      <c r="AZ5" s="259" t="s">
        <v>48</v>
      </c>
      <c r="BA5" s="259" t="s">
        <v>49</v>
      </c>
      <c r="BB5" s="259" t="s">
        <v>50</v>
      </c>
      <c r="BC5" s="259" t="s">
        <v>51</v>
      </c>
      <c r="BD5" s="268" t="s">
        <v>45</v>
      </c>
      <c r="BE5" s="531"/>
      <c r="BF5" s="263" t="s">
        <v>43</v>
      </c>
      <c r="BG5" s="259" t="s">
        <v>44</v>
      </c>
      <c r="BH5" s="265" t="s">
        <v>45</v>
      </c>
      <c r="BI5" s="267" t="s">
        <v>83</v>
      </c>
      <c r="BJ5" s="259" t="s">
        <v>47</v>
      </c>
      <c r="BK5" s="259" t="s">
        <v>48</v>
      </c>
      <c r="BL5" s="259" t="s">
        <v>49</v>
      </c>
      <c r="BM5" s="259" t="s">
        <v>50</v>
      </c>
      <c r="BN5" s="259" t="s">
        <v>51</v>
      </c>
      <c r="BO5" s="265" t="s">
        <v>45</v>
      </c>
      <c r="BP5" s="531"/>
      <c r="BQ5" s="263" t="s">
        <v>43</v>
      </c>
      <c r="BR5" s="259" t="s">
        <v>44</v>
      </c>
      <c r="BS5" s="265" t="s">
        <v>45</v>
      </c>
      <c r="BT5" s="267" t="s">
        <v>83</v>
      </c>
      <c r="BU5" s="259" t="s">
        <v>47</v>
      </c>
      <c r="BV5" s="259" t="s">
        <v>48</v>
      </c>
      <c r="BW5" s="259" t="s">
        <v>49</v>
      </c>
      <c r="BX5" s="259" t="s">
        <v>50</v>
      </c>
      <c r="BY5" s="259" t="s">
        <v>51</v>
      </c>
      <c r="BZ5" s="265" t="s">
        <v>45</v>
      </c>
      <c r="CA5" s="531"/>
      <c r="CB5" s="263" t="s">
        <v>43</v>
      </c>
      <c r="CC5" s="259" t="s">
        <v>44</v>
      </c>
      <c r="CD5" s="265" t="s">
        <v>45</v>
      </c>
      <c r="CE5" s="267" t="s">
        <v>83</v>
      </c>
      <c r="CF5" s="259" t="s">
        <v>47</v>
      </c>
      <c r="CG5" s="259" t="s">
        <v>48</v>
      </c>
      <c r="CH5" s="259" t="s">
        <v>49</v>
      </c>
      <c r="CI5" s="259" t="s">
        <v>50</v>
      </c>
      <c r="CJ5" s="259" t="s">
        <v>51</v>
      </c>
      <c r="CK5" s="265" t="s">
        <v>45</v>
      </c>
      <c r="CL5" s="531"/>
      <c r="CM5" s="263" t="s">
        <v>43</v>
      </c>
      <c r="CN5" s="259" t="s">
        <v>44</v>
      </c>
      <c r="CO5" s="265" t="s">
        <v>45</v>
      </c>
      <c r="CP5" s="267" t="s">
        <v>83</v>
      </c>
      <c r="CQ5" s="259" t="s">
        <v>47</v>
      </c>
      <c r="CR5" s="259" t="s">
        <v>48</v>
      </c>
      <c r="CS5" s="259" t="s">
        <v>49</v>
      </c>
      <c r="CT5" s="259" t="s">
        <v>50</v>
      </c>
      <c r="CU5" s="259" t="s">
        <v>51</v>
      </c>
      <c r="CV5" s="265" t="s">
        <v>45</v>
      </c>
      <c r="CW5" s="531"/>
      <c r="CX5" s="263" t="s">
        <v>43</v>
      </c>
      <c r="CY5" s="259" t="s">
        <v>44</v>
      </c>
      <c r="CZ5" s="265" t="s">
        <v>45</v>
      </c>
      <c r="DA5" s="267" t="s">
        <v>83</v>
      </c>
      <c r="DB5" s="259" t="s">
        <v>47</v>
      </c>
      <c r="DC5" s="259" t="s">
        <v>48</v>
      </c>
      <c r="DD5" s="259" t="s">
        <v>49</v>
      </c>
      <c r="DE5" s="259" t="s">
        <v>50</v>
      </c>
      <c r="DF5" s="259" t="s">
        <v>51</v>
      </c>
      <c r="DG5" s="265" t="s">
        <v>45</v>
      </c>
      <c r="DH5" s="531"/>
      <c r="DI5" s="344" t="s">
        <v>43</v>
      </c>
      <c r="DJ5" s="259" t="s">
        <v>44</v>
      </c>
      <c r="DK5" s="265" t="s">
        <v>45</v>
      </c>
      <c r="DL5" s="267" t="s">
        <v>83</v>
      </c>
      <c r="DM5" s="259" t="s">
        <v>47</v>
      </c>
      <c r="DN5" s="259" t="s">
        <v>48</v>
      </c>
      <c r="DO5" s="259" t="s">
        <v>49</v>
      </c>
      <c r="DP5" s="259" t="s">
        <v>50</v>
      </c>
      <c r="DQ5" s="259" t="s">
        <v>51</v>
      </c>
      <c r="DR5" s="265" t="s">
        <v>45</v>
      </c>
      <c r="DS5" s="531"/>
      <c r="DT5" s="263" t="s">
        <v>43</v>
      </c>
      <c r="DU5" s="259" t="s">
        <v>44</v>
      </c>
      <c r="DV5" s="265" t="s">
        <v>45</v>
      </c>
      <c r="DW5" s="267" t="s">
        <v>83</v>
      </c>
      <c r="DX5" s="259" t="s">
        <v>47</v>
      </c>
      <c r="DY5" s="259" t="s">
        <v>48</v>
      </c>
      <c r="DZ5" s="259" t="s">
        <v>49</v>
      </c>
      <c r="EA5" s="259" t="s">
        <v>50</v>
      </c>
      <c r="EB5" s="259" t="s">
        <v>51</v>
      </c>
      <c r="EC5" s="265" t="s">
        <v>45</v>
      </c>
      <c r="ED5" s="531"/>
      <c r="EE5" s="263" t="s">
        <v>43</v>
      </c>
      <c r="EF5" s="259" t="s">
        <v>44</v>
      </c>
      <c r="EG5" s="265" t="s">
        <v>45</v>
      </c>
      <c r="EH5" s="267" t="s">
        <v>83</v>
      </c>
      <c r="EI5" s="259" t="s">
        <v>47</v>
      </c>
      <c r="EJ5" s="259" t="s">
        <v>48</v>
      </c>
      <c r="EK5" s="259" t="s">
        <v>49</v>
      </c>
      <c r="EL5" s="259" t="s">
        <v>50</v>
      </c>
      <c r="EM5" s="259" t="s">
        <v>51</v>
      </c>
      <c r="EN5" s="265" t="s">
        <v>45</v>
      </c>
      <c r="EO5" s="531"/>
      <c r="EP5" s="263" t="s">
        <v>43</v>
      </c>
      <c r="EQ5" s="259" t="s">
        <v>44</v>
      </c>
      <c r="ER5" s="265" t="s">
        <v>45</v>
      </c>
      <c r="ES5" s="267" t="s">
        <v>83</v>
      </c>
      <c r="ET5" s="259" t="s">
        <v>47</v>
      </c>
      <c r="EU5" s="259" t="s">
        <v>48</v>
      </c>
      <c r="EV5" s="259" t="s">
        <v>49</v>
      </c>
      <c r="EW5" s="259" t="s">
        <v>50</v>
      </c>
      <c r="EX5" s="259" t="s">
        <v>51</v>
      </c>
      <c r="EY5" s="265" t="s">
        <v>45</v>
      </c>
      <c r="EZ5" s="531"/>
    </row>
    <row r="6" spans="2:156" ht="21" customHeight="1" x14ac:dyDescent="0.2">
      <c r="B6" s="260" t="s">
        <v>4</v>
      </c>
      <c r="C6" s="269">
        <v>0</v>
      </c>
      <c r="D6" s="273">
        <v>0</v>
      </c>
      <c r="E6" s="383">
        <v>0</v>
      </c>
      <c r="F6" s="272">
        <v>0</v>
      </c>
      <c r="G6" s="273">
        <v>19163</v>
      </c>
      <c r="H6" s="273">
        <v>22467</v>
      </c>
      <c r="I6" s="273">
        <v>12341</v>
      </c>
      <c r="J6" s="273">
        <v>10050</v>
      </c>
      <c r="K6" s="273">
        <v>7561</v>
      </c>
      <c r="L6" s="274">
        <v>71582</v>
      </c>
      <c r="M6" s="275">
        <v>71582</v>
      </c>
      <c r="N6" s="269">
        <v>4</v>
      </c>
      <c r="O6" s="273">
        <v>25</v>
      </c>
      <c r="P6" s="270">
        <v>29</v>
      </c>
      <c r="Q6" s="272">
        <v>0</v>
      </c>
      <c r="R6" s="273">
        <v>123</v>
      </c>
      <c r="S6" s="273">
        <v>499</v>
      </c>
      <c r="T6" s="273">
        <v>841</v>
      </c>
      <c r="U6" s="273">
        <v>1984</v>
      </c>
      <c r="V6" s="273">
        <v>3477</v>
      </c>
      <c r="W6" s="270">
        <v>6924</v>
      </c>
      <c r="X6" s="275">
        <v>6953</v>
      </c>
      <c r="Y6" s="269">
        <v>2236</v>
      </c>
      <c r="Z6" s="273">
        <v>5347</v>
      </c>
      <c r="AA6" s="270">
        <v>7583</v>
      </c>
      <c r="AB6" s="272">
        <v>0</v>
      </c>
      <c r="AC6" s="273">
        <v>11458</v>
      </c>
      <c r="AD6" s="273">
        <v>16003</v>
      </c>
      <c r="AE6" s="273">
        <v>9744</v>
      </c>
      <c r="AF6" s="273">
        <v>8765</v>
      </c>
      <c r="AG6" s="273">
        <v>6596</v>
      </c>
      <c r="AH6" s="270">
        <v>52566</v>
      </c>
      <c r="AI6" s="275">
        <v>60149</v>
      </c>
      <c r="AJ6" s="269">
        <v>243</v>
      </c>
      <c r="AK6" s="273">
        <v>752</v>
      </c>
      <c r="AL6" s="270">
        <v>995</v>
      </c>
      <c r="AM6" s="272">
        <v>0</v>
      </c>
      <c r="AN6" s="273">
        <v>1073</v>
      </c>
      <c r="AO6" s="273">
        <v>1706</v>
      </c>
      <c r="AP6" s="273">
        <v>1132</v>
      </c>
      <c r="AQ6" s="273">
        <v>1003</v>
      </c>
      <c r="AR6" s="273">
        <v>627</v>
      </c>
      <c r="AS6" s="270">
        <v>5541</v>
      </c>
      <c r="AT6" s="275">
        <v>6536</v>
      </c>
      <c r="AU6" s="269">
        <v>2863</v>
      </c>
      <c r="AV6" s="273">
        <v>3857</v>
      </c>
      <c r="AW6" s="270">
        <v>6720</v>
      </c>
      <c r="AX6" s="272">
        <v>0</v>
      </c>
      <c r="AY6" s="273">
        <v>17639</v>
      </c>
      <c r="AZ6" s="273">
        <v>21810</v>
      </c>
      <c r="BA6" s="273">
        <v>19252</v>
      </c>
      <c r="BB6" s="273">
        <v>19007</v>
      </c>
      <c r="BC6" s="273">
        <v>14331</v>
      </c>
      <c r="BD6" s="274">
        <v>92039</v>
      </c>
      <c r="BE6" s="275">
        <v>98759</v>
      </c>
      <c r="BF6" s="269">
        <v>0</v>
      </c>
      <c r="BG6" s="273">
        <v>1</v>
      </c>
      <c r="BH6" s="270">
        <v>1</v>
      </c>
      <c r="BI6" s="272">
        <v>0</v>
      </c>
      <c r="BJ6" s="273">
        <v>21700</v>
      </c>
      <c r="BK6" s="273">
        <v>20011</v>
      </c>
      <c r="BL6" s="273">
        <v>10946</v>
      </c>
      <c r="BM6" s="273">
        <v>6537</v>
      </c>
      <c r="BN6" s="273">
        <v>3172</v>
      </c>
      <c r="BO6" s="270">
        <v>62366</v>
      </c>
      <c r="BP6" s="275">
        <v>62367</v>
      </c>
      <c r="BQ6" s="269">
        <v>1623</v>
      </c>
      <c r="BR6" s="273">
        <v>2541</v>
      </c>
      <c r="BS6" s="270">
        <v>4164</v>
      </c>
      <c r="BT6" s="272">
        <v>0</v>
      </c>
      <c r="BU6" s="273">
        <v>4414</v>
      </c>
      <c r="BV6" s="273">
        <v>6321</v>
      </c>
      <c r="BW6" s="273">
        <v>3716</v>
      </c>
      <c r="BX6" s="273">
        <v>2385</v>
      </c>
      <c r="BY6" s="273">
        <v>890</v>
      </c>
      <c r="BZ6" s="270">
        <v>17726</v>
      </c>
      <c r="CA6" s="275">
        <v>21890</v>
      </c>
      <c r="CB6" s="269">
        <v>53</v>
      </c>
      <c r="CC6" s="273">
        <v>224</v>
      </c>
      <c r="CD6" s="270">
        <v>277</v>
      </c>
      <c r="CE6" s="272">
        <v>0</v>
      </c>
      <c r="CF6" s="273">
        <v>2032</v>
      </c>
      <c r="CG6" s="273">
        <v>3408</v>
      </c>
      <c r="CH6" s="273">
        <v>4387</v>
      </c>
      <c r="CI6" s="273">
        <v>3046</v>
      </c>
      <c r="CJ6" s="273">
        <v>1786</v>
      </c>
      <c r="CK6" s="270">
        <v>14659</v>
      </c>
      <c r="CL6" s="275">
        <v>14936</v>
      </c>
      <c r="CM6" s="269">
        <v>2</v>
      </c>
      <c r="CN6" s="273">
        <v>22</v>
      </c>
      <c r="CO6" s="270">
        <v>24</v>
      </c>
      <c r="CP6" s="272">
        <v>0</v>
      </c>
      <c r="CQ6" s="273">
        <v>197</v>
      </c>
      <c r="CR6" s="273">
        <v>432</v>
      </c>
      <c r="CS6" s="273">
        <v>548</v>
      </c>
      <c r="CT6" s="273">
        <v>506</v>
      </c>
      <c r="CU6" s="273">
        <v>324</v>
      </c>
      <c r="CV6" s="270">
        <v>2007</v>
      </c>
      <c r="CW6" s="275">
        <v>2031</v>
      </c>
      <c r="CX6" s="269">
        <v>0</v>
      </c>
      <c r="CY6" s="273">
        <v>0</v>
      </c>
      <c r="CZ6" s="270">
        <v>0</v>
      </c>
      <c r="DA6" s="272">
        <v>0</v>
      </c>
      <c r="DB6" s="273">
        <v>0</v>
      </c>
      <c r="DC6" s="273">
        <v>0</v>
      </c>
      <c r="DD6" s="273">
        <v>0</v>
      </c>
      <c r="DE6" s="273">
        <v>0</v>
      </c>
      <c r="DF6" s="273">
        <v>0</v>
      </c>
      <c r="DG6" s="270">
        <v>0</v>
      </c>
      <c r="DH6" s="275">
        <v>0</v>
      </c>
      <c r="DI6" s="269">
        <v>0</v>
      </c>
      <c r="DJ6" s="273">
        <v>0</v>
      </c>
      <c r="DK6" s="270">
        <v>0</v>
      </c>
      <c r="DL6" s="272">
        <v>0</v>
      </c>
      <c r="DM6" s="273">
        <v>0</v>
      </c>
      <c r="DN6" s="273">
        <v>0</v>
      </c>
      <c r="DO6" s="273">
        <v>1</v>
      </c>
      <c r="DP6" s="273">
        <v>0</v>
      </c>
      <c r="DQ6" s="273">
        <v>0</v>
      </c>
      <c r="DR6" s="270">
        <v>1</v>
      </c>
      <c r="DS6" s="275">
        <v>1</v>
      </c>
      <c r="DT6" s="269">
        <v>10740</v>
      </c>
      <c r="DU6" s="273">
        <v>22655</v>
      </c>
      <c r="DV6" s="270">
        <v>33395</v>
      </c>
      <c r="DW6" s="272">
        <v>0</v>
      </c>
      <c r="DX6" s="273">
        <v>26926</v>
      </c>
      <c r="DY6" s="273">
        <v>44808</v>
      </c>
      <c r="DZ6" s="273">
        <v>26873</v>
      </c>
      <c r="EA6" s="273">
        <v>20950</v>
      </c>
      <c r="EB6" s="273">
        <v>13169</v>
      </c>
      <c r="EC6" s="270">
        <v>132726</v>
      </c>
      <c r="ED6" s="275">
        <v>166121</v>
      </c>
      <c r="EE6" s="269">
        <v>1682</v>
      </c>
      <c r="EF6" s="273">
        <v>1277</v>
      </c>
      <c r="EG6" s="270">
        <v>2959</v>
      </c>
      <c r="EH6" s="272">
        <v>0</v>
      </c>
      <c r="EI6" s="273">
        <v>5936</v>
      </c>
      <c r="EJ6" s="273">
        <v>5378</v>
      </c>
      <c r="EK6" s="273">
        <v>4679</v>
      </c>
      <c r="EL6" s="273">
        <v>5430</v>
      </c>
      <c r="EM6" s="273">
        <v>3115</v>
      </c>
      <c r="EN6" s="270">
        <v>24538</v>
      </c>
      <c r="EO6" s="275">
        <v>27497</v>
      </c>
      <c r="EP6" s="269">
        <v>13822</v>
      </c>
      <c r="EQ6" s="273">
        <v>26969</v>
      </c>
      <c r="ER6" s="270">
        <v>40791</v>
      </c>
      <c r="ES6" s="272">
        <v>0</v>
      </c>
      <c r="ET6" s="273">
        <v>57276</v>
      </c>
      <c r="EU6" s="273">
        <v>59724</v>
      </c>
      <c r="EV6" s="273">
        <v>31834</v>
      </c>
      <c r="EW6" s="273">
        <v>22357</v>
      </c>
      <c r="EX6" s="273">
        <v>13528</v>
      </c>
      <c r="EY6" s="270">
        <v>184719</v>
      </c>
      <c r="EZ6" s="275">
        <v>225510</v>
      </c>
    </row>
    <row r="7" spans="2:156" ht="21" customHeight="1" x14ac:dyDescent="0.2">
      <c r="B7" s="261" t="s">
        <v>5</v>
      </c>
      <c r="C7" s="276">
        <v>0</v>
      </c>
      <c r="D7" s="280">
        <v>0</v>
      </c>
      <c r="E7" s="384">
        <v>0</v>
      </c>
      <c r="F7" s="279">
        <v>0</v>
      </c>
      <c r="G7" s="280">
        <v>6775</v>
      </c>
      <c r="H7" s="280">
        <v>11107</v>
      </c>
      <c r="I7" s="280">
        <v>5377</v>
      </c>
      <c r="J7" s="280">
        <v>4162</v>
      </c>
      <c r="K7" s="280">
        <v>3091</v>
      </c>
      <c r="L7" s="281">
        <v>30512</v>
      </c>
      <c r="M7" s="282">
        <v>30512</v>
      </c>
      <c r="N7" s="276">
        <v>2</v>
      </c>
      <c r="O7" s="280">
        <v>9</v>
      </c>
      <c r="P7" s="277">
        <v>11</v>
      </c>
      <c r="Q7" s="279">
        <v>0</v>
      </c>
      <c r="R7" s="280">
        <v>29</v>
      </c>
      <c r="S7" s="280">
        <v>182</v>
      </c>
      <c r="T7" s="280">
        <v>329</v>
      </c>
      <c r="U7" s="280">
        <v>799</v>
      </c>
      <c r="V7" s="280">
        <v>1488</v>
      </c>
      <c r="W7" s="277">
        <v>2827</v>
      </c>
      <c r="X7" s="282">
        <v>2838</v>
      </c>
      <c r="Y7" s="276">
        <v>978</v>
      </c>
      <c r="Z7" s="280">
        <v>2733</v>
      </c>
      <c r="AA7" s="277">
        <v>3711</v>
      </c>
      <c r="AB7" s="279">
        <v>0</v>
      </c>
      <c r="AC7" s="280">
        <v>4218</v>
      </c>
      <c r="AD7" s="280">
        <v>8067</v>
      </c>
      <c r="AE7" s="280">
        <v>4521</v>
      </c>
      <c r="AF7" s="280">
        <v>3882</v>
      </c>
      <c r="AG7" s="280">
        <v>2886</v>
      </c>
      <c r="AH7" s="277">
        <v>23574</v>
      </c>
      <c r="AI7" s="282">
        <v>27285</v>
      </c>
      <c r="AJ7" s="276">
        <v>102</v>
      </c>
      <c r="AK7" s="280">
        <v>376</v>
      </c>
      <c r="AL7" s="277">
        <v>478</v>
      </c>
      <c r="AM7" s="279">
        <v>0</v>
      </c>
      <c r="AN7" s="280">
        <v>273</v>
      </c>
      <c r="AO7" s="280">
        <v>695</v>
      </c>
      <c r="AP7" s="280">
        <v>457</v>
      </c>
      <c r="AQ7" s="280">
        <v>406</v>
      </c>
      <c r="AR7" s="280">
        <v>219</v>
      </c>
      <c r="AS7" s="277">
        <v>2050</v>
      </c>
      <c r="AT7" s="282">
        <v>2528</v>
      </c>
      <c r="AU7" s="276">
        <v>1193</v>
      </c>
      <c r="AV7" s="280">
        <v>1907</v>
      </c>
      <c r="AW7" s="277">
        <v>3100</v>
      </c>
      <c r="AX7" s="279">
        <v>0</v>
      </c>
      <c r="AY7" s="280">
        <v>6469</v>
      </c>
      <c r="AZ7" s="280">
        <v>9520</v>
      </c>
      <c r="BA7" s="280">
        <v>7820</v>
      </c>
      <c r="BB7" s="280">
        <v>7672</v>
      </c>
      <c r="BC7" s="280">
        <v>5863</v>
      </c>
      <c r="BD7" s="281">
        <v>37344</v>
      </c>
      <c r="BE7" s="282">
        <v>40444</v>
      </c>
      <c r="BF7" s="276">
        <v>0</v>
      </c>
      <c r="BG7" s="280">
        <v>1</v>
      </c>
      <c r="BH7" s="277">
        <v>1</v>
      </c>
      <c r="BI7" s="279">
        <v>0</v>
      </c>
      <c r="BJ7" s="280">
        <v>6858</v>
      </c>
      <c r="BK7" s="280">
        <v>8190</v>
      </c>
      <c r="BL7" s="280">
        <v>4055</v>
      </c>
      <c r="BM7" s="280">
        <v>2301</v>
      </c>
      <c r="BN7" s="280">
        <v>1143</v>
      </c>
      <c r="BO7" s="277">
        <v>22547</v>
      </c>
      <c r="BP7" s="282">
        <v>22548</v>
      </c>
      <c r="BQ7" s="276">
        <v>721</v>
      </c>
      <c r="BR7" s="280">
        <v>1163</v>
      </c>
      <c r="BS7" s="277">
        <v>1884</v>
      </c>
      <c r="BT7" s="279">
        <v>0</v>
      </c>
      <c r="BU7" s="280">
        <v>1355</v>
      </c>
      <c r="BV7" s="280">
        <v>2879</v>
      </c>
      <c r="BW7" s="280">
        <v>1624</v>
      </c>
      <c r="BX7" s="280">
        <v>1069</v>
      </c>
      <c r="BY7" s="280">
        <v>408</v>
      </c>
      <c r="BZ7" s="277">
        <v>7335</v>
      </c>
      <c r="CA7" s="282">
        <v>9219</v>
      </c>
      <c r="CB7" s="276">
        <v>15</v>
      </c>
      <c r="CC7" s="280">
        <v>100</v>
      </c>
      <c r="CD7" s="277">
        <v>115</v>
      </c>
      <c r="CE7" s="279">
        <v>0</v>
      </c>
      <c r="CF7" s="280">
        <v>584</v>
      </c>
      <c r="CG7" s="280">
        <v>1274</v>
      </c>
      <c r="CH7" s="280">
        <v>1607</v>
      </c>
      <c r="CI7" s="280">
        <v>1098</v>
      </c>
      <c r="CJ7" s="280">
        <v>645</v>
      </c>
      <c r="CK7" s="277">
        <v>5208</v>
      </c>
      <c r="CL7" s="282">
        <v>5323</v>
      </c>
      <c r="CM7" s="276">
        <v>1</v>
      </c>
      <c r="CN7" s="280">
        <v>14</v>
      </c>
      <c r="CO7" s="277">
        <v>15</v>
      </c>
      <c r="CP7" s="279">
        <v>0</v>
      </c>
      <c r="CQ7" s="280">
        <v>94</v>
      </c>
      <c r="CR7" s="280">
        <v>247</v>
      </c>
      <c r="CS7" s="280">
        <v>308</v>
      </c>
      <c r="CT7" s="280">
        <v>295</v>
      </c>
      <c r="CU7" s="280">
        <v>199</v>
      </c>
      <c r="CV7" s="277">
        <v>1143</v>
      </c>
      <c r="CW7" s="282">
        <v>1158</v>
      </c>
      <c r="CX7" s="276">
        <v>0</v>
      </c>
      <c r="CY7" s="280">
        <v>0</v>
      </c>
      <c r="CZ7" s="277">
        <v>0</v>
      </c>
      <c r="DA7" s="279">
        <v>0</v>
      </c>
      <c r="DB7" s="280">
        <v>0</v>
      </c>
      <c r="DC7" s="280">
        <v>0</v>
      </c>
      <c r="DD7" s="280">
        <v>0</v>
      </c>
      <c r="DE7" s="280">
        <v>0</v>
      </c>
      <c r="DF7" s="280">
        <v>0</v>
      </c>
      <c r="DG7" s="277">
        <v>0</v>
      </c>
      <c r="DH7" s="282">
        <v>0</v>
      </c>
      <c r="DI7" s="276">
        <v>0</v>
      </c>
      <c r="DJ7" s="280">
        <v>0</v>
      </c>
      <c r="DK7" s="277">
        <v>0</v>
      </c>
      <c r="DL7" s="279">
        <v>0</v>
      </c>
      <c r="DM7" s="280">
        <v>0</v>
      </c>
      <c r="DN7" s="280">
        <v>0</v>
      </c>
      <c r="DO7" s="280">
        <v>0</v>
      </c>
      <c r="DP7" s="280">
        <v>0</v>
      </c>
      <c r="DQ7" s="280">
        <v>0</v>
      </c>
      <c r="DR7" s="277">
        <v>0</v>
      </c>
      <c r="DS7" s="282">
        <v>0</v>
      </c>
      <c r="DT7" s="276">
        <v>3619</v>
      </c>
      <c r="DU7" s="280">
        <v>9701</v>
      </c>
      <c r="DV7" s="277">
        <v>13320</v>
      </c>
      <c r="DW7" s="279">
        <v>0</v>
      </c>
      <c r="DX7" s="280">
        <v>7602</v>
      </c>
      <c r="DY7" s="280">
        <v>19826</v>
      </c>
      <c r="DZ7" s="280">
        <v>10874</v>
      </c>
      <c r="EA7" s="280">
        <v>8282</v>
      </c>
      <c r="EB7" s="280">
        <v>5354</v>
      </c>
      <c r="EC7" s="277">
        <v>51938</v>
      </c>
      <c r="ED7" s="282">
        <v>65258</v>
      </c>
      <c r="EE7" s="276">
        <v>716</v>
      </c>
      <c r="EF7" s="280">
        <v>554</v>
      </c>
      <c r="EG7" s="277">
        <v>1270</v>
      </c>
      <c r="EH7" s="279">
        <v>0</v>
      </c>
      <c r="EI7" s="280">
        <v>2394</v>
      </c>
      <c r="EJ7" s="280">
        <v>2539</v>
      </c>
      <c r="EK7" s="280">
        <v>2060</v>
      </c>
      <c r="EL7" s="280">
        <v>2414</v>
      </c>
      <c r="EM7" s="280">
        <v>1334</v>
      </c>
      <c r="EN7" s="277">
        <v>10741</v>
      </c>
      <c r="EO7" s="282">
        <v>12011</v>
      </c>
      <c r="EP7" s="276">
        <v>5017</v>
      </c>
      <c r="EQ7" s="280">
        <v>11902</v>
      </c>
      <c r="ER7" s="277">
        <v>16919</v>
      </c>
      <c r="ES7" s="279">
        <v>0</v>
      </c>
      <c r="ET7" s="280">
        <v>18742</v>
      </c>
      <c r="EU7" s="280">
        <v>26956</v>
      </c>
      <c r="EV7" s="280">
        <v>13103</v>
      </c>
      <c r="EW7" s="280">
        <v>9027</v>
      </c>
      <c r="EX7" s="280">
        <v>5540</v>
      </c>
      <c r="EY7" s="277">
        <v>73368</v>
      </c>
      <c r="EZ7" s="282">
        <v>90287</v>
      </c>
    </row>
    <row r="8" spans="2:156" ht="21" customHeight="1" x14ac:dyDescent="0.2">
      <c r="B8" s="261" t="s">
        <v>6</v>
      </c>
      <c r="C8" s="276">
        <v>0</v>
      </c>
      <c r="D8" s="280">
        <v>0</v>
      </c>
      <c r="E8" s="384">
        <v>0</v>
      </c>
      <c r="F8" s="279">
        <v>0</v>
      </c>
      <c r="G8" s="280">
        <v>3457</v>
      </c>
      <c r="H8" s="280">
        <v>2859</v>
      </c>
      <c r="I8" s="280">
        <v>1847</v>
      </c>
      <c r="J8" s="280">
        <v>1577</v>
      </c>
      <c r="K8" s="280">
        <v>1250</v>
      </c>
      <c r="L8" s="281">
        <v>10990</v>
      </c>
      <c r="M8" s="282">
        <v>10990</v>
      </c>
      <c r="N8" s="276">
        <v>1</v>
      </c>
      <c r="O8" s="280">
        <v>3</v>
      </c>
      <c r="P8" s="277">
        <v>4</v>
      </c>
      <c r="Q8" s="279">
        <v>0</v>
      </c>
      <c r="R8" s="280">
        <v>19</v>
      </c>
      <c r="S8" s="280">
        <v>72</v>
      </c>
      <c r="T8" s="280">
        <v>112</v>
      </c>
      <c r="U8" s="280">
        <v>274</v>
      </c>
      <c r="V8" s="280">
        <v>511</v>
      </c>
      <c r="W8" s="277">
        <v>988</v>
      </c>
      <c r="X8" s="282">
        <v>992</v>
      </c>
      <c r="Y8" s="276">
        <v>330</v>
      </c>
      <c r="Z8" s="280">
        <v>666</v>
      </c>
      <c r="AA8" s="277">
        <v>996</v>
      </c>
      <c r="AB8" s="279">
        <v>0</v>
      </c>
      <c r="AC8" s="280">
        <v>2072</v>
      </c>
      <c r="AD8" s="280">
        <v>2005</v>
      </c>
      <c r="AE8" s="280">
        <v>1362</v>
      </c>
      <c r="AF8" s="280">
        <v>1335</v>
      </c>
      <c r="AG8" s="280">
        <v>998</v>
      </c>
      <c r="AH8" s="277">
        <v>7772</v>
      </c>
      <c r="AI8" s="282">
        <v>8768</v>
      </c>
      <c r="AJ8" s="276">
        <v>14</v>
      </c>
      <c r="AK8" s="280">
        <v>58</v>
      </c>
      <c r="AL8" s="277">
        <v>72</v>
      </c>
      <c r="AM8" s="279">
        <v>0</v>
      </c>
      <c r="AN8" s="280">
        <v>155</v>
      </c>
      <c r="AO8" s="280">
        <v>187</v>
      </c>
      <c r="AP8" s="280">
        <v>134</v>
      </c>
      <c r="AQ8" s="280">
        <v>119</v>
      </c>
      <c r="AR8" s="280">
        <v>71</v>
      </c>
      <c r="AS8" s="277">
        <v>666</v>
      </c>
      <c r="AT8" s="282">
        <v>738</v>
      </c>
      <c r="AU8" s="276">
        <v>476</v>
      </c>
      <c r="AV8" s="280">
        <v>533</v>
      </c>
      <c r="AW8" s="277">
        <v>1009</v>
      </c>
      <c r="AX8" s="279">
        <v>0</v>
      </c>
      <c r="AY8" s="280">
        <v>3298</v>
      </c>
      <c r="AZ8" s="280">
        <v>3442</v>
      </c>
      <c r="BA8" s="280">
        <v>3214</v>
      </c>
      <c r="BB8" s="280">
        <v>3217</v>
      </c>
      <c r="BC8" s="280">
        <v>2491</v>
      </c>
      <c r="BD8" s="281">
        <v>15662</v>
      </c>
      <c r="BE8" s="282">
        <v>16671</v>
      </c>
      <c r="BF8" s="276">
        <v>0</v>
      </c>
      <c r="BG8" s="280">
        <v>0</v>
      </c>
      <c r="BH8" s="277">
        <v>0</v>
      </c>
      <c r="BI8" s="279">
        <v>0</v>
      </c>
      <c r="BJ8" s="280">
        <v>3777</v>
      </c>
      <c r="BK8" s="280">
        <v>2564</v>
      </c>
      <c r="BL8" s="280">
        <v>1557</v>
      </c>
      <c r="BM8" s="280">
        <v>1084</v>
      </c>
      <c r="BN8" s="280">
        <v>514</v>
      </c>
      <c r="BO8" s="277">
        <v>9496</v>
      </c>
      <c r="BP8" s="282">
        <v>9496</v>
      </c>
      <c r="BQ8" s="276">
        <v>106</v>
      </c>
      <c r="BR8" s="280">
        <v>202</v>
      </c>
      <c r="BS8" s="277">
        <v>308</v>
      </c>
      <c r="BT8" s="279">
        <v>0</v>
      </c>
      <c r="BU8" s="280">
        <v>600</v>
      </c>
      <c r="BV8" s="280">
        <v>677</v>
      </c>
      <c r="BW8" s="280">
        <v>485</v>
      </c>
      <c r="BX8" s="280">
        <v>344</v>
      </c>
      <c r="BY8" s="280">
        <v>120</v>
      </c>
      <c r="BZ8" s="277">
        <v>2226</v>
      </c>
      <c r="CA8" s="282">
        <v>2534</v>
      </c>
      <c r="CB8" s="276">
        <v>4</v>
      </c>
      <c r="CC8" s="280">
        <v>15</v>
      </c>
      <c r="CD8" s="277">
        <v>19</v>
      </c>
      <c r="CE8" s="279">
        <v>0</v>
      </c>
      <c r="CF8" s="280">
        <v>273</v>
      </c>
      <c r="CG8" s="280">
        <v>369</v>
      </c>
      <c r="CH8" s="280">
        <v>513</v>
      </c>
      <c r="CI8" s="280">
        <v>405</v>
      </c>
      <c r="CJ8" s="280">
        <v>229</v>
      </c>
      <c r="CK8" s="277">
        <v>1789</v>
      </c>
      <c r="CL8" s="282">
        <v>1808</v>
      </c>
      <c r="CM8" s="276">
        <v>1</v>
      </c>
      <c r="CN8" s="280">
        <v>0</v>
      </c>
      <c r="CO8" s="277">
        <v>1</v>
      </c>
      <c r="CP8" s="279">
        <v>0</v>
      </c>
      <c r="CQ8" s="280">
        <v>30</v>
      </c>
      <c r="CR8" s="280">
        <v>47</v>
      </c>
      <c r="CS8" s="280">
        <v>72</v>
      </c>
      <c r="CT8" s="280">
        <v>66</v>
      </c>
      <c r="CU8" s="280">
        <v>36</v>
      </c>
      <c r="CV8" s="277">
        <v>251</v>
      </c>
      <c r="CW8" s="282">
        <v>252</v>
      </c>
      <c r="CX8" s="276">
        <v>0</v>
      </c>
      <c r="CY8" s="280">
        <v>0</v>
      </c>
      <c r="CZ8" s="277">
        <v>0</v>
      </c>
      <c r="DA8" s="279">
        <v>0</v>
      </c>
      <c r="DB8" s="280">
        <v>0</v>
      </c>
      <c r="DC8" s="280">
        <v>0</v>
      </c>
      <c r="DD8" s="280">
        <v>0</v>
      </c>
      <c r="DE8" s="280">
        <v>0</v>
      </c>
      <c r="DF8" s="280">
        <v>0</v>
      </c>
      <c r="DG8" s="277">
        <v>0</v>
      </c>
      <c r="DH8" s="282">
        <v>0</v>
      </c>
      <c r="DI8" s="276">
        <v>0</v>
      </c>
      <c r="DJ8" s="280">
        <v>0</v>
      </c>
      <c r="DK8" s="277">
        <v>0</v>
      </c>
      <c r="DL8" s="279">
        <v>0</v>
      </c>
      <c r="DM8" s="280">
        <v>0</v>
      </c>
      <c r="DN8" s="280">
        <v>0</v>
      </c>
      <c r="DO8" s="280">
        <v>0</v>
      </c>
      <c r="DP8" s="280">
        <v>0</v>
      </c>
      <c r="DQ8" s="280">
        <v>0</v>
      </c>
      <c r="DR8" s="277">
        <v>0</v>
      </c>
      <c r="DS8" s="282">
        <v>0</v>
      </c>
      <c r="DT8" s="276">
        <v>1557</v>
      </c>
      <c r="DU8" s="280">
        <v>2774</v>
      </c>
      <c r="DV8" s="277">
        <v>4331</v>
      </c>
      <c r="DW8" s="279">
        <v>0</v>
      </c>
      <c r="DX8" s="280">
        <v>4971</v>
      </c>
      <c r="DY8" s="280">
        <v>5670</v>
      </c>
      <c r="DZ8" s="280">
        <v>3952</v>
      </c>
      <c r="EA8" s="280">
        <v>3345</v>
      </c>
      <c r="EB8" s="280">
        <v>2133</v>
      </c>
      <c r="EC8" s="277">
        <v>20071</v>
      </c>
      <c r="ED8" s="282">
        <v>24402</v>
      </c>
      <c r="EE8" s="276">
        <v>237</v>
      </c>
      <c r="EF8" s="280">
        <v>179</v>
      </c>
      <c r="EG8" s="277">
        <v>416</v>
      </c>
      <c r="EH8" s="279">
        <v>0</v>
      </c>
      <c r="EI8" s="280">
        <v>859</v>
      </c>
      <c r="EJ8" s="280">
        <v>703</v>
      </c>
      <c r="EK8" s="280">
        <v>673</v>
      </c>
      <c r="EL8" s="280">
        <v>781</v>
      </c>
      <c r="EM8" s="280">
        <v>484</v>
      </c>
      <c r="EN8" s="277">
        <v>3500</v>
      </c>
      <c r="EO8" s="282">
        <v>3916</v>
      </c>
      <c r="EP8" s="276">
        <v>1895</v>
      </c>
      <c r="EQ8" s="280">
        <v>3239</v>
      </c>
      <c r="ER8" s="277">
        <v>5134</v>
      </c>
      <c r="ES8" s="279">
        <v>0</v>
      </c>
      <c r="ET8" s="280">
        <v>9626</v>
      </c>
      <c r="EU8" s="280">
        <v>7259</v>
      </c>
      <c r="EV8" s="280">
        <v>4489</v>
      </c>
      <c r="EW8" s="280">
        <v>3491</v>
      </c>
      <c r="EX8" s="280">
        <v>2167</v>
      </c>
      <c r="EY8" s="277">
        <v>27032</v>
      </c>
      <c r="EZ8" s="282">
        <v>32166</v>
      </c>
    </row>
    <row r="9" spans="2:156" ht="21" customHeight="1" x14ac:dyDescent="0.2">
      <c r="B9" s="261" t="s">
        <v>14</v>
      </c>
      <c r="C9" s="276">
        <v>0</v>
      </c>
      <c r="D9" s="280">
        <v>0</v>
      </c>
      <c r="E9" s="384">
        <v>0</v>
      </c>
      <c r="F9" s="279">
        <v>0</v>
      </c>
      <c r="G9" s="280">
        <v>1170</v>
      </c>
      <c r="H9" s="280">
        <v>1693</v>
      </c>
      <c r="I9" s="280">
        <v>957</v>
      </c>
      <c r="J9" s="280">
        <v>687</v>
      </c>
      <c r="K9" s="280">
        <v>512</v>
      </c>
      <c r="L9" s="281">
        <v>5019</v>
      </c>
      <c r="M9" s="282">
        <v>5019</v>
      </c>
      <c r="N9" s="276">
        <v>0</v>
      </c>
      <c r="O9" s="280">
        <v>4</v>
      </c>
      <c r="P9" s="277">
        <v>4</v>
      </c>
      <c r="Q9" s="279">
        <v>0</v>
      </c>
      <c r="R9" s="280">
        <v>3</v>
      </c>
      <c r="S9" s="280">
        <v>25</v>
      </c>
      <c r="T9" s="280">
        <v>62</v>
      </c>
      <c r="U9" s="280">
        <v>126</v>
      </c>
      <c r="V9" s="280">
        <v>229</v>
      </c>
      <c r="W9" s="277">
        <v>445</v>
      </c>
      <c r="X9" s="282">
        <v>449</v>
      </c>
      <c r="Y9" s="276">
        <v>119</v>
      </c>
      <c r="Z9" s="280">
        <v>439</v>
      </c>
      <c r="AA9" s="277">
        <v>558</v>
      </c>
      <c r="AB9" s="279">
        <v>0</v>
      </c>
      <c r="AC9" s="280">
        <v>639</v>
      </c>
      <c r="AD9" s="280">
        <v>1146</v>
      </c>
      <c r="AE9" s="280">
        <v>729</v>
      </c>
      <c r="AF9" s="280">
        <v>627</v>
      </c>
      <c r="AG9" s="280">
        <v>464</v>
      </c>
      <c r="AH9" s="277">
        <v>3605</v>
      </c>
      <c r="AI9" s="282">
        <v>4163</v>
      </c>
      <c r="AJ9" s="276">
        <v>4</v>
      </c>
      <c r="AK9" s="280">
        <v>40</v>
      </c>
      <c r="AL9" s="277">
        <v>44</v>
      </c>
      <c r="AM9" s="279">
        <v>0</v>
      </c>
      <c r="AN9" s="280">
        <v>25</v>
      </c>
      <c r="AO9" s="280">
        <v>78</v>
      </c>
      <c r="AP9" s="280">
        <v>49</v>
      </c>
      <c r="AQ9" s="280">
        <v>47</v>
      </c>
      <c r="AR9" s="280">
        <v>28</v>
      </c>
      <c r="AS9" s="277">
        <v>227</v>
      </c>
      <c r="AT9" s="282">
        <v>271</v>
      </c>
      <c r="AU9" s="276">
        <v>189</v>
      </c>
      <c r="AV9" s="280">
        <v>328</v>
      </c>
      <c r="AW9" s="277">
        <v>517</v>
      </c>
      <c r="AX9" s="279">
        <v>0</v>
      </c>
      <c r="AY9" s="280">
        <v>1232</v>
      </c>
      <c r="AZ9" s="280">
        <v>1668</v>
      </c>
      <c r="BA9" s="280">
        <v>1641</v>
      </c>
      <c r="BB9" s="280">
        <v>1388</v>
      </c>
      <c r="BC9" s="280">
        <v>1021</v>
      </c>
      <c r="BD9" s="281">
        <v>6950</v>
      </c>
      <c r="BE9" s="282">
        <v>7467</v>
      </c>
      <c r="BF9" s="276">
        <v>0</v>
      </c>
      <c r="BG9" s="280">
        <v>0</v>
      </c>
      <c r="BH9" s="277">
        <v>0</v>
      </c>
      <c r="BI9" s="279">
        <v>0</v>
      </c>
      <c r="BJ9" s="280">
        <v>1526</v>
      </c>
      <c r="BK9" s="280">
        <v>1746</v>
      </c>
      <c r="BL9" s="280">
        <v>1094</v>
      </c>
      <c r="BM9" s="280">
        <v>625</v>
      </c>
      <c r="BN9" s="280">
        <v>300</v>
      </c>
      <c r="BO9" s="277">
        <v>5291</v>
      </c>
      <c r="BP9" s="282">
        <v>5291</v>
      </c>
      <c r="BQ9" s="276">
        <v>79</v>
      </c>
      <c r="BR9" s="280">
        <v>158</v>
      </c>
      <c r="BS9" s="277">
        <v>237</v>
      </c>
      <c r="BT9" s="279">
        <v>0</v>
      </c>
      <c r="BU9" s="280">
        <v>148</v>
      </c>
      <c r="BV9" s="280">
        <v>407</v>
      </c>
      <c r="BW9" s="280">
        <v>248</v>
      </c>
      <c r="BX9" s="280">
        <v>147</v>
      </c>
      <c r="BY9" s="280">
        <v>40</v>
      </c>
      <c r="BZ9" s="277">
        <v>990</v>
      </c>
      <c r="CA9" s="282">
        <v>1227</v>
      </c>
      <c r="CB9" s="276">
        <v>4</v>
      </c>
      <c r="CC9" s="280">
        <v>18</v>
      </c>
      <c r="CD9" s="277">
        <v>22</v>
      </c>
      <c r="CE9" s="279">
        <v>0</v>
      </c>
      <c r="CF9" s="280">
        <v>135</v>
      </c>
      <c r="CG9" s="280">
        <v>268</v>
      </c>
      <c r="CH9" s="280">
        <v>375</v>
      </c>
      <c r="CI9" s="280">
        <v>258</v>
      </c>
      <c r="CJ9" s="280">
        <v>157</v>
      </c>
      <c r="CK9" s="277">
        <v>1193</v>
      </c>
      <c r="CL9" s="282">
        <v>1215</v>
      </c>
      <c r="CM9" s="276">
        <v>0</v>
      </c>
      <c r="CN9" s="280">
        <v>1</v>
      </c>
      <c r="CO9" s="277">
        <v>1</v>
      </c>
      <c r="CP9" s="279">
        <v>0</v>
      </c>
      <c r="CQ9" s="280">
        <v>0</v>
      </c>
      <c r="CR9" s="280">
        <v>10</v>
      </c>
      <c r="CS9" s="280">
        <v>5</v>
      </c>
      <c r="CT9" s="280">
        <v>5</v>
      </c>
      <c r="CU9" s="280">
        <v>3</v>
      </c>
      <c r="CV9" s="277">
        <v>23</v>
      </c>
      <c r="CW9" s="282">
        <v>24</v>
      </c>
      <c r="CX9" s="276">
        <v>0</v>
      </c>
      <c r="CY9" s="280">
        <v>0</v>
      </c>
      <c r="CZ9" s="277">
        <v>0</v>
      </c>
      <c r="DA9" s="279">
        <v>0</v>
      </c>
      <c r="DB9" s="280">
        <v>0</v>
      </c>
      <c r="DC9" s="280">
        <v>0</v>
      </c>
      <c r="DD9" s="280">
        <v>0</v>
      </c>
      <c r="DE9" s="280">
        <v>0</v>
      </c>
      <c r="DF9" s="280">
        <v>0</v>
      </c>
      <c r="DG9" s="277">
        <v>0</v>
      </c>
      <c r="DH9" s="282">
        <v>0</v>
      </c>
      <c r="DI9" s="276">
        <v>0</v>
      </c>
      <c r="DJ9" s="280">
        <v>0</v>
      </c>
      <c r="DK9" s="277">
        <v>0</v>
      </c>
      <c r="DL9" s="279">
        <v>0</v>
      </c>
      <c r="DM9" s="280">
        <v>0</v>
      </c>
      <c r="DN9" s="280">
        <v>0</v>
      </c>
      <c r="DO9" s="280">
        <v>0</v>
      </c>
      <c r="DP9" s="280">
        <v>0</v>
      </c>
      <c r="DQ9" s="280">
        <v>0</v>
      </c>
      <c r="DR9" s="277">
        <v>0</v>
      </c>
      <c r="DS9" s="282">
        <v>0</v>
      </c>
      <c r="DT9" s="276">
        <v>828</v>
      </c>
      <c r="DU9" s="280">
        <v>2279</v>
      </c>
      <c r="DV9" s="277">
        <v>3107</v>
      </c>
      <c r="DW9" s="279">
        <v>0</v>
      </c>
      <c r="DX9" s="280">
        <v>1725</v>
      </c>
      <c r="DY9" s="280">
        <v>3726</v>
      </c>
      <c r="DZ9" s="280">
        <v>2280</v>
      </c>
      <c r="EA9" s="280">
        <v>1630</v>
      </c>
      <c r="EB9" s="280">
        <v>945</v>
      </c>
      <c r="EC9" s="277">
        <v>10306</v>
      </c>
      <c r="ED9" s="282">
        <v>13413</v>
      </c>
      <c r="EE9" s="276">
        <v>120</v>
      </c>
      <c r="EF9" s="280">
        <v>114</v>
      </c>
      <c r="EG9" s="277">
        <v>234</v>
      </c>
      <c r="EH9" s="279">
        <v>0</v>
      </c>
      <c r="EI9" s="280">
        <v>339</v>
      </c>
      <c r="EJ9" s="280">
        <v>284</v>
      </c>
      <c r="EK9" s="280">
        <v>272</v>
      </c>
      <c r="EL9" s="280">
        <v>306</v>
      </c>
      <c r="EM9" s="280">
        <v>164</v>
      </c>
      <c r="EN9" s="277">
        <v>1365</v>
      </c>
      <c r="EO9" s="282">
        <v>1599</v>
      </c>
      <c r="EP9" s="276">
        <v>977</v>
      </c>
      <c r="EQ9" s="280">
        <v>2583</v>
      </c>
      <c r="ER9" s="277">
        <v>3560</v>
      </c>
      <c r="ES9" s="279">
        <v>0</v>
      </c>
      <c r="ET9" s="280">
        <v>3781</v>
      </c>
      <c r="EU9" s="280">
        <v>4955</v>
      </c>
      <c r="EV9" s="280">
        <v>2748</v>
      </c>
      <c r="EW9" s="280">
        <v>1743</v>
      </c>
      <c r="EX9" s="280">
        <v>1003</v>
      </c>
      <c r="EY9" s="277">
        <v>14230</v>
      </c>
      <c r="EZ9" s="282">
        <v>17790</v>
      </c>
    </row>
    <row r="10" spans="2:156" ht="21" customHeight="1" x14ac:dyDescent="0.2">
      <c r="B10" s="261" t="s">
        <v>7</v>
      </c>
      <c r="C10" s="276">
        <v>0</v>
      </c>
      <c r="D10" s="280">
        <v>0</v>
      </c>
      <c r="E10" s="384">
        <v>0</v>
      </c>
      <c r="F10" s="279">
        <v>0</v>
      </c>
      <c r="G10" s="280">
        <v>1480</v>
      </c>
      <c r="H10" s="280">
        <v>1069</v>
      </c>
      <c r="I10" s="280">
        <v>604</v>
      </c>
      <c r="J10" s="280">
        <v>586</v>
      </c>
      <c r="K10" s="280">
        <v>383</v>
      </c>
      <c r="L10" s="281">
        <v>4122</v>
      </c>
      <c r="M10" s="282">
        <v>4122</v>
      </c>
      <c r="N10" s="276">
        <v>0</v>
      </c>
      <c r="O10" s="280">
        <v>0</v>
      </c>
      <c r="P10" s="277">
        <v>0</v>
      </c>
      <c r="Q10" s="279">
        <v>0</v>
      </c>
      <c r="R10" s="280">
        <v>10</v>
      </c>
      <c r="S10" s="280">
        <v>50</v>
      </c>
      <c r="T10" s="280">
        <v>57</v>
      </c>
      <c r="U10" s="280">
        <v>136</v>
      </c>
      <c r="V10" s="280">
        <v>177</v>
      </c>
      <c r="W10" s="277">
        <v>430</v>
      </c>
      <c r="X10" s="282">
        <v>430</v>
      </c>
      <c r="Y10" s="276">
        <v>18</v>
      </c>
      <c r="Z10" s="280">
        <v>21</v>
      </c>
      <c r="AA10" s="277">
        <v>39</v>
      </c>
      <c r="AB10" s="279">
        <v>0</v>
      </c>
      <c r="AC10" s="280">
        <v>488</v>
      </c>
      <c r="AD10" s="280">
        <v>509</v>
      </c>
      <c r="AE10" s="280">
        <v>313</v>
      </c>
      <c r="AF10" s="280">
        <v>358</v>
      </c>
      <c r="AG10" s="280">
        <v>253</v>
      </c>
      <c r="AH10" s="277">
        <v>1921</v>
      </c>
      <c r="AI10" s="282">
        <v>1960</v>
      </c>
      <c r="AJ10" s="276">
        <v>6</v>
      </c>
      <c r="AK10" s="280">
        <v>7</v>
      </c>
      <c r="AL10" s="277">
        <v>13</v>
      </c>
      <c r="AM10" s="279">
        <v>0</v>
      </c>
      <c r="AN10" s="280">
        <v>66</v>
      </c>
      <c r="AO10" s="280">
        <v>66</v>
      </c>
      <c r="AP10" s="280">
        <v>55</v>
      </c>
      <c r="AQ10" s="280">
        <v>59</v>
      </c>
      <c r="AR10" s="280">
        <v>31</v>
      </c>
      <c r="AS10" s="277">
        <v>277</v>
      </c>
      <c r="AT10" s="282">
        <v>290</v>
      </c>
      <c r="AU10" s="276">
        <v>122</v>
      </c>
      <c r="AV10" s="280">
        <v>102</v>
      </c>
      <c r="AW10" s="277">
        <v>224</v>
      </c>
      <c r="AX10" s="279">
        <v>0</v>
      </c>
      <c r="AY10" s="280">
        <v>1142</v>
      </c>
      <c r="AZ10" s="280">
        <v>1122</v>
      </c>
      <c r="BA10" s="280">
        <v>956</v>
      </c>
      <c r="BB10" s="280">
        <v>993</v>
      </c>
      <c r="BC10" s="280">
        <v>637</v>
      </c>
      <c r="BD10" s="281">
        <v>4850</v>
      </c>
      <c r="BE10" s="282">
        <v>5074</v>
      </c>
      <c r="BF10" s="276">
        <v>0</v>
      </c>
      <c r="BG10" s="280">
        <v>0</v>
      </c>
      <c r="BH10" s="277">
        <v>0</v>
      </c>
      <c r="BI10" s="279">
        <v>0</v>
      </c>
      <c r="BJ10" s="280">
        <v>1703</v>
      </c>
      <c r="BK10" s="280">
        <v>1088</v>
      </c>
      <c r="BL10" s="280">
        <v>567</v>
      </c>
      <c r="BM10" s="280">
        <v>329</v>
      </c>
      <c r="BN10" s="280">
        <v>135</v>
      </c>
      <c r="BO10" s="277">
        <v>3822</v>
      </c>
      <c r="BP10" s="282">
        <v>3822</v>
      </c>
      <c r="BQ10" s="276">
        <v>34</v>
      </c>
      <c r="BR10" s="280">
        <v>50</v>
      </c>
      <c r="BS10" s="277">
        <v>84</v>
      </c>
      <c r="BT10" s="279">
        <v>0</v>
      </c>
      <c r="BU10" s="280">
        <v>255</v>
      </c>
      <c r="BV10" s="280">
        <v>229</v>
      </c>
      <c r="BW10" s="280">
        <v>139</v>
      </c>
      <c r="BX10" s="280">
        <v>67</v>
      </c>
      <c r="BY10" s="280">
        <v>18</v>
      </c>
      <c r="BZ10" s="277">
        <v>708</v>
      </c>
      <c r="CA10" s="282">
        <v>792</v>
      </c>
      <c r="CB10" s="276">
        <v>1</v>
      </c>
      <c r="CC10" s="280">
        <v>5</v>
      </c>
      <c r="CD10" s="277">
        <v>6</v>
      </c>
      <c r="CE10" s="279">
        <v>0</v>
      </c>
      <c r="CF10" s="280">
        <v>187</v>
      </c>
      <c r="CG10" s="280">
        <v>265</v>
      </c>
      <c r="CH10" s="280">
        <v>273</v>
      </c>
      <c r="CI10" s="280">
        <v>178</v>
      </c>
      <c r="CJ10" s="280">
        <v>95</v>
      </c>
      <c r="CK10" s="277">
        <v>998</v>
      </c>
      <c r="CL10" s="282">
        <v>1004</v>
      </c>
      <c r="CM10" s="276">
        <v>0</v>
      </c>
      <c r="CN10" s="280">
        <v>0</v>
      </c>
      <c r="CO10" s="277">
        <v>0</v>
      </c>
      <c r="CP10" s="279">
        <v>0</v>
      </c>
      <c r="CQ10" s="280">
        <v>5</v>
      </c>
      <c r="CR10" s="280">
        <v>10</v>
      </c>
      <c r="CS10" s="280">
        <v>28</v>
      </c>
      <c r="CT10" s="280">
        <v>15</v>
      </c>
      <c r="CU10" s="280">
        <v>6</v>
      </c>
      <c r="CV10" s="277">
        <v>64</v>
      </c>
      <c r="CW10" s="282">
        <v>64</v>
      </c>
      <c r="CX10" s="276">
        <v>0</v>
      </c>
      <c r="CY10" s="280">
        <v>0</v>
      </c>
      <c r="CZ10" s="277">
        <v>0</v>
      </c>
      <c r="DA10" s="279">
        <v>0</v>
      </c>
      <c r="DB10" s="280">
        <v>0</v>
      </c>
      <c r="DC10" s="280">
        <v>0</v>
      </c>
      <c r="DD10" s="280">
        <v>0</v>
      </c>
      <c r="DE10" s="280">
        <v>0</v>
      </c>
      <c r="DF10" s="280">
        <v>0</v>
      </c>
      <c r="DG10" s="277">
        <v>0</v>
      </c>
      <c r="DH10" s="282">
        <v>0</v>
      </c>
      <c r="DI10" s="276">
        <v>0</v>
      </c>
      <c r="DJ10" s="280">
        <v>0</v>
      </c>
      <c r="DK10" s="277">
        <v>0</v>
      </c>
      <c r="DL10" s="279">
        <v>0</v>
      </c>
      <c r="DM10" s="280">
        <v>0</v>
      </c>
      <c r="DN10" s="280">
        <v>0</v>
      </c>
      <c r="DO10" s="280">
        <v>0</v>
      </c>
      <c r="DP10" s="280">
        <v>0</v>
      </c>
      <c r="DQ10" s="280">
        <v>0</v>
      </c>
      <c r="DR10" s="277">
        <v>0</v>
      </c>
      <c r="DS10" s="282">
        <v>0</v>
      </c>
      <c r="DT10" s="276">
        <v>359</v>
      </c>
      <c r="DU10" s="280">
        <v>684</v>
      </c>
      <c r="DV10" s="277">
        <v>1043</v>
      </c>
      <c r="DW10" s="279">
        <v>0</v>
      </c>
      <c r="DX10" s="280">
        <v>2027</v>
      </c>
      <c r="DY10" s="280">
        <v>2250</v>
      </c>
      <c r="DZ10" s="280">
        <v>1315</v>
      </c>
      <c r="EA10" s="280">
        <v>1066</v>
      </c>
      <c r="EB10" s="280">
        <v>578</v>
      </c>
      <c r="EC10" s="277">
        <v>7236</v>
      </c>
      <c r="ED10" s="282">
        <v>8279</v>
      </c>
      <c r="EE10" s="276">
        <v>97</v>
      </c>
      <c r="EF10" s="280">
        <v>45</v>
      </c>
      <c r="EG10" s="277">
        <v>142</v>
      </c>
      <c r="EH10" s="279">
        <v>0</v>
      </c>
      <c r="EI10" s="280">
        <v>475</v>
      </c>
      <c r="EJ10" s="280">
        <v>284</v>
      </c>
      <c r="EK10" s="280">
        <v>245</v>
      </c>
      <c r="EL10" s="280">
        <v>277</v>
      </c>
      <c r="EM10" s="280">
        <v>137</v>
      </c>
      <c r="EN10" s="277">
        <v>1418</v>
      </c>
      <c r="EO10" s="282">
        <v>1560</v>
      </c>
      <c r="EP10" s="276">
        <v>406</v>
      </c>
      <c r="EQ10" s="280">
        <v>739</v>
      </c>
      <c r="ER10" s="277">
        <v>1145</v>
      </c>
      <c r="ES10" s="279">
        <v>0</v>
      </c>
      <c r="ET10" s="280">
        <v>4435</v>
      </c>
      <c r="EU10" s="280">
        <v>3054</v>
      </c>
      <c r="EV10" s="280">
        <v>1603</v>
      </c>
      <c r="EW10" s="280">
        <v>1165</v>
      </c>
      <c r="EX10" s="280">
        <v>614</v>
      </c>
      <c r="EY10" s="277">
        <v>10871</v>
      </c>
      <c r="EZ10" s="282">
        <v>12016</v>
      </c>
    </row>
    <row r="11" spans="2:156" ht="21" customHeight="1" x14ac:dyDescent="0.2">
      <c r="B11" s="261" t="s">
        <v>8</v>
      </c>
      <c r="C11" s="276">
        <v>0</v>
      </c>
      <c r="D11" s="280">
        <v>0</v>
      </c>
      <c r="E11" s="384">
        <v>0</v>
      </c>
      <c r="F11" s="279">
        <v>0</v>
      </c>
      <c r="G11" s="280">
        <v>464</v>
      </c>
      <c r="H11" s="280">
        <v>635</v>
      </c>
      <c r="I11" s="280">
        <v>381</v>
      </c>
      <c r="J11" s="280">
        <v>297</v>
      </c>
      <c r="K11" s="280">
        <v>239</v>
      </c>
      <c r="L11" s="281">
        <v>2016</v>
      </c>
      <c r="M11" s="282">
        <v>2016</v>
      </c>
      <c r="N11" s="276">
        <v>1</v>
      </c>
      <c r="O11" s="280">
        <v>0</v>
      </c>
      <c r="P11" s="277">
        <v>1</v>
      </c>
      <c r="Q11" s="279">
        <v>0</v>
      </c>
      <c r="R11" s="280">
        <v>5</v>
      </c>
      <c r="S11" s="280">
        <v>12</v>
      </c>
      <c r="T11" s="280">
        <v>31</v>
      </c>
      <c r="U11" s="280">
        <v>62</v>
      </c>
      <c r="V11" s="280">
        <v>102</v>
      </c>
      <c r="W11" s="277">
        <v>212</v>
      </c>
      <c r="X11" s="282">
        <v>213</v>
      </c>
      <c r="Y11" s="276">
        <v>55</v>
      </c>
      <c r="Z11" s="280">
        <v>70</v>
      </c>
      <c r="AA11" s="277">
        <v>125</v>
      </c>
      <c r="AB11" s="279">
        <v>0</v>
      </c>
      <c r="AC11" s="280">
        <v>275</v>
      </c>
      <c r="AD11" s="280">
        <v>393</v>
      </c>
      <c r="AE11" s="280">
        <v>263</v>
      </c>
      <c r="AF11" s="280">
        <v>224</v>
      </c>
      <c r="AG11" s="280">
        <v>173</v>
      </c>
      <c r="AH11" s="277">
        <v>1328</v>
      </c>
      <c r="AI11" s="282">
        <v>1453</v>
      </c>
      <c r="AJ11" s="276">
        <v>7</v>
      </c>
      <c r="AK11" s="280">
        <v>15</v>
      </c>
      <c r="AL11" s="277">
        <v>22</v>
      </c>
      <c r="AM11" s="279">
        <v>0</v>
      </c>
      <c r="AN11" s="280">
        <v>47</v>
      </c>
      <c r="AO11" s="280">
        <v>79</v>
      </c>
      <c r="AP11" s="280">
        <v>54</v>
      </c>
      <c r="AQ11" s="280">
        <v>50</v>
      </c>
      <c r="AR11" s="280">
        <v>28</v>
      </c>
      <c r="AS11" s="277">
        <v>258</v>
      </c>
      <c r="AT11" s="282">
        <v>280</v>
      </c>
      <c r="AU11" s="276">
        <v>74</v>
      </c>
      <c r="AV11" s="280">
        <v>53</v>
      </c>
      <c r="AW11" s="277">
        <v>127</v>
      </c>
      <c r="AX11" s="279">
        <v>0</v>
      </c>
      <c r="AY11" s="280">
        <v>405</v>
      </c>
      <c r="AZ11" s="280">
        <v>538</v>
      </c>
      <c r="BA11" s="280">
        <v>495</v>
      </c>
      <c r="BB11" s="280">
        <v>509</v>
      </c>
      <c r="BC11" s="280">
        <v>367</v>
      </c>
      <c r="BD11" s="281">
        <v>2314</v>
      </c>
      <c r="BE11" s="282">
        <v>2441</v>
      </c>
      <c r="BF11" s="276">
        <v>0</v>
      </c>
      <c r="BG11" s="280">
        <v>0</v>
      </c>
      <c r="BH11" s="277">
        <v>0</v>
      </c>
      <c r="BI11" s="279">
        <v>0</v>
      </c>
      <c r="BJ11" s="280">
        <v>577</v>
      </c>
      <c r="BK11" s="280">
        <v>617</v>
      </c>
      <c r="BL11" s="280">
        <v>356</v>
      </c>
      <c r="BM11" s="280">
        <v>182</v>
      </c>
      <c r="BN11" s="280">
        <v>107</v>
      </c>
      <c r="BO11" s="277">
        <v>1839</v>
      </c>
      <c r="BP11" s="282">
        <v>1839</v>
      </c>
      <c r="BQ11" s="276">
        <v>57</v>
      </c>
      <c r="BR11" s="280">
        <v>58</v>
      </c>
      <c r="BS11" s="277">
        <v>115</v>
      </c>
      <c r="BT11" s="279">
        <v>0</v>
      </c>
      <c r="BU11" s="280">
        <v>117</v>
      </c>
      <c r="BV11" s="280">
        <v>155</v>
      </c>
      <c r="BW11" s="280">
        <v>103</v>
      </c>
      <c r="BX11" s="280">
        <v>53</v>
      </c>
      <c r="BY11" s="280">
        <v>18</v>
      </c>
      <c r="BZ11" s="277">
        <v>446</v>
      </c>
      <c r="CA11" s="282">
        <v>561</v>
      </c>
      <c r="CB11" s="276">
        <v>4</v>
      </c>
      <c r="CC11" s="280">
        <v>8</v>
      </c>
      <c r="CD11" s="277">
        <v>12</v>
      </c>
      <c r="CE11" s="279">
        <v>0</v>
      </c>
      <c r="CF11" s="280">
        <v>82</v>
      </c>
      <c r="CG11" s="280">
        <v>157</v>
      </c>
      <c r="CH11" s="280">
        <v>216</v>
      </c>
      <c r="CI11" s="280">
        <v>104</v>
      </c>
      <c r="CJ11" s="280">
        <v>62</v>
      </c>
      <c r="CK11" s="277">
        <v>621</v>
      </c>
      <c r="CL11" s="282">
        <v>633</v>
      </c>
      <c r="CM11" s="276">
        <v>0</v>
      </c>
      <c r="CN11" s="280">
        <v>0</v>
      </c>
      <c r="CO11" s="277">
        <v>0</v>
      </c>
      <c r="CP11" s="279">
        <v>0</v>
      </c>
      <c r="CQ11" s="280">
        <v>3</v>
      </c>
      <c r="CR11" s="280">
        <v>2</v>
      </c>
      <c r="CS11" s="280">
        <v>5</v>
      </c>
      <c r="CT11" s="280">
        <v>2</v>
      </c>
      <c r="CU11" s="280">
        <v>1</v>
      </c>
      <c r="CV11" s="277">
        <v>13</v>
      </c>
      <c r="CW11" s="282">
        <v>13</v>
      </c>
      <c r="CX11" s="276">
        <v>0</v>
      </c>
      <c r="CY11" s="280">
        <v>0</v>
      </c>
      <c r="CZ11" s="277">
        <v>0</v>
      </c>
      <c r="DA11" s="279">
        <v>0</v>
      </c>
      <c r="DB11" s="280">
        <v>0</v>
      </c>
      <c r="DC11" s="280">
        <v>0</v>
      </c>
      <c r="DD11" s="280">
        <v>0</v>
      </c>
      <c r="DE11" s="280">
        <v>0</v>
      </c>
      <c r="DF11" s="280">
        <v>0</v>
      </c>
      <c r="DG11" s="277">
        <v>0</v>
      </c>
      <c r="DH11" s="282">
        <v>0</v>
      </c>
      <c r="DI11" s="276">
        <v>0</v>
      </c>
      <c r="DJ11" s="280">
        <v>0</v>
      </c>
      <c r="DK11" s="277">
        <v>0</v>
      </c>
      <c r="DL11" s="279">
        <v>0</v>
      </c>
      <c r="DM11" s="280">
        <v>0</v>
      </c>
      <c r="DN11" s="280">
        <v>0</v>
      </c>
      <c r="DO11" s="280">
        <v>0</v>
      </c>
      <c r="DP11" s="280">
        <v>0</v>
      </c>
      <c r="DQ11" s="280">
        <v>0</v>
      </c>
      <c r="DR11" s="277">
        <v>0</v>
      </c>
      <c r="DS11" s="282">
        <v>0</v>
      </c>
      <c r="DT11" s="276">
        <v>403</v>
      </c>
      <c r="DU11" s="280">
        <v>564</v>
      </c>
      <c r="DV11" s="277">
        <v>967</v>
      </c>
      <c r="DW11" s="279">
        <v>0</v>
      </c>
      <c r="DX11" s="280">
        <v>957</v>
      </c>
      <c r="DY11" s="280">
        <v>1487</v>
      </c>
      <c r="DZ11" s="280">
        <v>890</v>
      </c>
      <c r="EA11" s="280">
        <v>610</v>
      </c>
      <c r="EB11" s="280">
        <v>393</v>
      </c>
      <c r="EC11" s="277">
        <v>4337</v>
      </c>
      <c r="ED11" s="282">
        <v>5304</v>
      </c>
      <c r="EE11" s="276">
        <v>54</v>
      </c>
      <c r="EF11" s="280">
        <v>17</v>
      </c>
      <c r="EG11" s="277">
        <v>71</v>
      </c>
      <c r="EH11" s="279">
        <v>0</v>
      </c>
      <c r="EI11" s="280">
        <v>143</v>
      </c>
      <c r="EJ11" s="280">
        <v>118</v>
      </c>
      <c r="EK11" s="280">
        <v>104</v>
      </c>
      <c r="EL11" s="280">
        <v>127</v>
      </c>
      <c r="EM11" s="280">
        <v>78</v>
      </c>
      <c r="EN11" s="277">
        <v>570</v>
      </c>
      <c r="EO11" s="282">
        <v>641</v>
      </c>
      <c r="EP11" s="276">
        <v>492</v>
      </c>
      <c r="EQ11" s="280">
        <v>627</v>
      </c>
      <c r="ER11" s="277">
        <v>1119</v>
      </c>
      <c r="ES11" s="279">
        <v>0</v>
      </c>
      <c r="ET11" s="280">
        <v>1791</v>
      </c>
      <c r="EU11" s="280">
        <v>1912</v>
      </c>
      <c r="EV11" s="280">
        <v>1055</v>
      </c>
      <c r="EW11" s="280">
        <v>642</v>
      </c>
      <c r="EX11" s="280">
        <v>404</v>
      </c>
      <c r="EY11" s="277">
        <v>5804</v>
      </c>
      <c r="EZ11" s="282">
        <v>6923</v>
      </c>
    </row>
    <row r="12" spans="2:156" ht="21" customHeight="1" x14ac:dyDescent="0.2">
      <c r="B12" s="261" t="s">
        <v>9</v>
      </c>
      <c r="C12" s="276">
        <v>0</v>
      </c>
      <c r="D12" s="280">
        <v>0</v>
      </c>
      <c r="E12" s="384">
        <v>0</v>
      </c>
      <c r="F12" s="279">
        <v>0</v>
      </c>
      <c r="G12" s="280">
        <v>648</v>
      </c>
      <c r="H12" s="280">
        <v>489</v>
      </c>
      <c r="I12" s="280">
        <v>360</v>
      </c>
      <c r="J12" s="280">
        <v>308</v>
      </c>
      <c r="K12" s="280">
        <v>248</v>
      </c>
      <c r="L12" s="281">
        <v>2053</v>
      </c>
      <c r="M12" s="282">
        <v>2053</v>
      </c>
      <c r="N12" s="276">
        <v>0</v>
      </c>
      <c r="O12" s="280">
        <v>0</v>
      </c>
      <c r="P12" s="277">
        <v>0</v>
      </c>
      <c r="Q12" s="279">
        <v>0</v>
      </c>
      <c r="R12" s="280">
        <v>8</v>
      </c>
      <c r="S12" s="280">
        <v>8</v>
      </c>
      <c r="T12" s="280">
        <v>18</v>
      </c>
      <c r="U12" s="280">
        <v>64</v>
      </c>
      <c r="V12" s="280">
        <v>105</v>
      </c>
      <c r="W12" s="277">
        <v>203</v>
      </c>
      <c r="X12" s="282">
        <v>203</v>
      </c>
      <c r="Y12" s="276">
        <v>34</v>
      </c>
      <c r="Z12" s="280">
        <v>79</v>
      </c>
      <c r="AA12" s="277">
        <v>113</v>
      </c>
      <c r="AB12" s="279">
        <v>0</v>
      </c>
      <c r="AC12" s="280">
        <v>364</v>
      </c>
      <c r="AD12" s="280">
        <v>304</v>
      </c>
      <c r="AE12" s="280">
        <v>257</v>
      </c>
      <c r="AF12" s="280">
        <v>254</v>
      </c>
      <c r="AG12" s="280">
        <v>187</v>
      </c>
      <c r="AH12" s="277">
        <v>1366</v>
      </c>
      <c r="AI12" s="282">
        <v>1479</v>
      </c>
      <c r="AJ12" s="276">
        <v>4</v>
      </c>
      <c r="AK12" s="280">
        <v>17</v>
      </c>
      <c r="AL12" s="277">
        <v>21</v>
      </c>
      <c r="AM12" s="279">
        <v>0</v>
      </c>
      <c r="AN12" s="280">
        <v>52</v>
      </c>
      <c r="AO12" s="280">
        <v>56</v>
      </c>
      <c r="AP12" s="280">
        <v>56</v>
      </c>
      <c r="AQ12" s="280">
        <v>41</v>
      </c>
      <c r="AR12" s="280">
        <v>38</v>
      </c>
      <c r="AS12" s="277">
        <v>243</v>
      </c>
      <c r="AT12" s="282">
        <v>264</v>
      </c>
      <c r="AU12" s="276">
        <v>85</v>
      </c>
      <c r="AV12" s="280">
        <v>60</v>
      </c>
      <c r="AW12" s="277">
        <v>145</v>
      </c>
      <c r="AX12" s="279">
        <v>0</v>
      </c>
      <c r="AY12" s="280">
        <v>520</v>
      </c>
      <c r="AZ12" s="280">
        <v>518</v>
      </c>
      <c r="BA12" s="280">
        <v>539</v>
      </c>
      <c r="BB12" s="280">
        <v>549</v>
      </c>
      <c r="BC12" s="280">
        <v>417</v>
      </c>
      <c r="BD12" s="281">
        <v>2543</v>
      </c>
      <c r="BE12" s="282">
        <v>2688</v>
      </c>
      <c r="BF12" s="276">
        <v>0</v>
      </c>
      <c r="BG12" s="280">
        <v>0</v>
      </c>
      <c r="BH12" s="277">
        <v>0</v>
      </c>
      <c r="BI12" s="279">
        <v>0</v>
      </c>
      <c r="BJ12" s="280">
        <v>571</v>
      </c>
      <c r="BK12" s="280">
        <v>382</v>
      </c>
      <c r="BL12" s="280">
        <v>248</v>
      </c>
      <c r="BM12" s="280">
        <v>158</v>
      </c>
      <c r="BN12" s="280">
        <v>61</v>
      </c>
      <c r="BO12" s="277">
        <v>1420</v>
      </c>
      <c r="BP12" s="282">
        <v>1420</v>
      </c>
      <c r="BQ12" s="276">
        <v>41</v>
      </c>
      <c r="BR12" s="280">
        <v>63</v>
      </c>
      <c r="BS12" s="277">
        <v>104</v>
      </c>
      <c r="BT12" s="279">
        <v>0</v>
      </c>
      <c r="BU12" s="280">
        <v>148</v>
      </c>
      <c r="BV12" s="280">
        <v>132</v>
      </c>
      <c r="BW12" s="280">
        <v>83</v>
      </c>
      <c r="BX12" s="280">
        <v>69</v>
      </c>
      <c r="BY12" s="280">
        <v>23</v>
      </c>
      <c r="BZ12" s="277">
        <v>455</v>
      </c>
      <c r="CA12" s="282">
        <v>559</v>
      </c>
      <c r="CB12" s="276">
        <v>3</v>
      </c>
      <c r="CC12" s="280">
        <v>1</v>
      </c>
      <c r="CD12" s="277">
        <v>4</v>
      </c>
      <c r="CE12" s="279">
        <v>0</v>
      </c>
      <c r="CF12" s="280">
        <v>57</v>
      </c>
      <c r="CG12" s="280">
        <v>94</v>
      </c>
      <c r="CH12" s="280">
        <v>126</v>
      </c>
      <c r="CI12" s="280">
        <v>90</v>
      </c>
      <c r="CJ12" s="280">
        <v>59</v>
      </c>
      <c r="CK12" s="277">
        <v>426</v>
      </c>
      <c r="CL12" s="282">
        <v>430</v>
      </c>
      <c r="CM12" s="276">
        <v>0</v>
      </c>
      <c r="CN12" s="280">
        <v>1</v>
      </c>
      <c r="CO12" s="277">
        <v>1</v>
      </c>
      <c r="CP12" s="279">
        <v>0</v>
      </c>
      <c r="CQ12" s="280">
        <v>9</v>
      </c>
      <c r="CR12" s="280">
        <v>8</v>
      </c>
      <c r="CS12" s="280">
        <v>21</v>
      </c>
      <c r="CT12" s="280">
        <v>20</v>
      </c>
      <c r="CU12" s="280">
        <v>10</v>
      </c>
      <c r="CV12" s="277">
        <v>68</v>
      </c>
      <c r="CW12" s="282">
        <v>69</v>
      </c>
      <c r="CX12" s="276">
        <v>0</v>
      </c>
      <c r="CY12" s="280">
        <v>0</v>
      </c>
      <c r="CZ12" s="277">
        <v>0</v>
      </c>
      <c r="DA12" s="279">
        <v>0</v>
      </c>
      <c r="DB12" s="280">
        <v>0</v>
      </c>
      <c r="DC12" s="280">
        <v>0</v>
      </c>
      <c r="DD12" s="280">
        <v>0</v>
      </c>
      <c r="DE12" s="280">
        <v>0</v>
      </c>
      <c r="DF12" s="280">
        <v>0</v>
      </c>
      <c r="DG12" s="277">
        <v>0</v>
      </c>
      <c r="DH12" s="282">
        <v>0</v>
      </c>
      <c r="DI12" s="276">
        <v>0</v>
      </c>
      <c r="DJ12" s="280">
        <v>0</v>
      </c>
      <c r="DK12" s="277">
        <v>0</v>
      </c>
      <c r="DL12" s="279">
        <v>0</v>
      </c>
      <c r="DM12" s="280">
        <v>0</v>
      </c>
      <c r="DN12" s="280">
        <v>0</v>
      </c>
      <c r="DO12" s="280">
        <v>0</v>
      </c>
      <c r="DP12" s="280">
        <v>0</v>
      </c>
      <c r="DQ12" s="280">
        <v>0</v>
      </c>
      <c r="DR12" s="277">
        <v>0</v>
      </c>
      <c r="DS12" s="282">
        <v>0</v>
      </c>
      <c r="DT12" s="276">
        <v>371</v>
      </c>
      <c r="DU12" s="280">
        <v>461</v>
      </c>
      <c r="DV12" s="277">
        <v>832</v>
      </c>
      <c r="DW12" s="279">
        <v>0</v>
      </c>
      <c r="DX12" s="280">
        <v>967</v>
      </c>
      <c r="DY12" s="280">
        <v>964</v>
      </c>
      <c r="DZ12" s="280">
        <v>674</v>
      </c>
      <c r="EA12" s="280">
        <v>570</v>
      </c>
      <c r="EB12" s="280">
        <v>373</v>
      </c>
      <c r="EC12" s="277">
        <v>3548</v>
      </c>
      <c r="ED12" s="282">
        <v>4380</v>
      </c>
      <c r="EE12" s="276">
        <v>49</v>
      </c>
      <c r="EF12" s="280">
        <v>22</v>
      </c>
      <c r="EG12" s="277">
        <v>71</v>
      </c>
      <c r="EH12" s="279">
        <v>0</v>
      </c>
      <c r="EI12" s="280">
        <v>176</v>
      </c>
      <c r="EJ12" s="280">
        <v>153</v>
      </c>
      <c r="EK12" s="280">
        <v>130</v>
      </c>
      <c r="EL12" s="280">
        <v>168</v>
      </c>
      <c r="EM12" s="280">
        <v>116</v>
      </c>
      <c r="EN12" s="277">
        <v>743</v>
      </c>
      <c r="EO12" s="282">
        <v>814</v>
      </c>
      <c r="EP12" s="276">
        <v>425</v>
      </c>
      <c r="EQ12" s="280">
        <v>543</v>
      </c>
      <c r="ER12" s="277">
        <v>968</v>
      </c>
      <c r="ES12" s="279">
        <v>0</v>
      </c>
      <c r="ET12" s="280">
        <v>1762</v>
      </c>
      <c r="EU12" s="280">
        <v>1268</v>
      </c>
      <c r="EV12" s="280">
        <v>779</v>
      </c>
      <c r="EW12" s="280">
        <v>606</v>
      </c>
      <c r="EX12" s="280">
        <v>382</v>
      </c>
      <c r="EY12" s="277">
        <v>4797</v>
      </c>
      <c r="EZ12" s="282">
        <v>5765</v>
      </c>
    </row>
    <row r="13" spans="2:156" ht="21" customHeight="1" x14ac:dyDescent="0.2">
      <c r="B13" s="261" t="s">
        <v>10</v>
      </c>
      <c r="C13" s="276">
        <v>0</v>
      </c>
      <c r="D13" s="280">
        <v>0</v>
      </c>
      <c r="E13" s="384">
        <v>0</v>
      </c>
      <c r="F13" s="279">
        <v>0</v>
      </c>
      <c r="G13" s="280">
        <v>1361</v>
      </c>
      <c r="H13" s="280">
        <v>752</v>
      </c>
      <c r="I13" s="280">
        <v>464</v>
      </c>
      <c r="J13" s="280">
        <v>467</v>
      </c>
      <c r="K13" s="280">
        <v>358</v>
      </c>
      <c r="L13" s="281">
        <v>3402</v>
      </c>
      <c r="M13" s="282">
        <v>3402</v>
      </c>
      <c r="N13" s="276">
        <v>0</v>
      </c>
      <c r="O13" s="280">
        <v>0</v>
      </c>
      <c r="P13" s="277">
        <v>0</v>
      </c>
      <c r="Q13" s="279">
        <v>0</v>
      </c>
      <c r="R13" s="280">
        <v>9</v>
      </c>
      <c r="S13" s="280">
        <v>22</v>
      </c>
      <c r="T13" s="280">
        <v>35</v>
      </c>
      <c r="U13" s="280">
        <v>90</v>
      </c>
      <c r="V13" s="280">
        <v>177</v>
      </c>
      <c r="W13" s="277">
        <v>333</v>
      </c>
      <c r="X13" s="282">
        <v>333</v>
      </c>
      <c r="Y13" s="276">
        <v>163</v>
      </c>
      <c r="Z13" s="280">
        <v>309</v>
      </c>
      <c r="AA13" s="277">
        <v>472</v>
      </c>
      <c r="AB13" s="279">
        <v>0</v>
      </c>
      <c r="AC13" s="280">
        <v>757</v>
      </c>
      <c r="AD13" s="280">
        <v>538</v>
      </c>
      <c r="AE13" s="280">
        <v>344</v>
      </c>
      <c r="AF13" s="280">
        <v>329</v>
      </c>
      <c r="AG13" s="280">
        <v>287</v>
      </c>
      <c r="AH13" s="277">
        <v>2255</v>
      </c>
      <c r="AI13" s="282">
        <v>2727</v>
      </c>
      <c r="AJ13" s="276">
        <v>28</v>
      </c>
      <c r="AK13" s="280">
        <v>46</v>
      </c>
      <c r="AL13" s="277">
        <v>74</v>
      </c>
      <c r="AM13" s="279">
        <v>0</v>
      </c>
      <c r="AN13" s="280">
        <v>112</v>
      </c>
      <c r="AO13" s="280">
        <v>94</v>
      </c>
      <c r="AP13" s="280">
        <v>59</v>
      </c>
      <c r="AQ13" s="280">
        <v>49</v>
      </c>
      <c r="AR13" s="280">
        <v>57</v>
      </c>
      <c r="AS13" s="277">
        <v>371</v>
      </c>
      <c r="AT13" s="282">
        <v>445</v>
      </c>
      <c r="AU13" s="276">
        <v>191</v>
      </c>
      <c r="AV13" s="280">
        <v>261</v>
      </c>
      <c r="AW13" s="277">
        <v>452</v>
      </c>
      <c r="AX13" s="279">
        <v>0</v>
      </c>
      <c r="AY13" s="280">
        <v>1236</v>
      </c>
      <c r="AZ13" s="280">
        <v>1061</v>
      </c>
      <c r="BA13" s="280">
        <v>922</v>
      </c>
      <c r="BB13" s="280">
        <v>960</v>
      </c>
      <c r="BC13" s="280">
        <v>757</v>
      </c>
      <c r="BD13" s="281">
        <v>4936</v>
      </c>
      <c r="BE13" s="282">
        <v>5388</v>
      </c>
      <c r="BF13" s="276">
        <v>0</v>
      </c>
      <c r="BG13" s="280">
        <v>0</v>
      </c>
      <c r="BH13" s="277">
        <v>0</v>
      </c>
      <c r="BI13" s="279">
        <v>0</v>
      </c>
      <c r="BJ13" s="280">
        <v>1520</v>
      </c>
      <c r="BK13" s="280">
        <v>824</v>
      </c>
      <c r="BL13" s="280">
        <v>485</v>
      </c>
      <c r="BM13" s="280">
        <v>275</v>
      </c>
      <c r="BN13" s="280">
        <v>136</v>
      </c>
      <c r="BO13" s="277">
        <v>3240</v>
      </c>
      <c r="BP13" s="282">
        <v>3240</v>
      </c>
      <c r="BQ13" s="276">
        <v>64</v>
      </c>
      <c r="BR13" s="280">
        <v>90</v>
      </c>
      <c r="BS13" s="277">
        <v>154</v>
      </c>
      <c r="BT13" s="279">
        <v>0</v>
      </c>
      <c r="BU13" s="280">
        <v>267</v>
      </c>
      <c r="BV13" s="280">
        <v>181</v>
      </c>
      <c r="BW13" s="280">
        <v>93</v>
      </c>
      <c r="BX13" s="280">
        <v>67</v>
      </c>
      <c r="BY13" s="280">
        <v>26</v>
      </c>
      <c r="BZ13" s="277">
        <v>634</v>
      </c>
      <c r="CA13" s="282">
        <v>788</v>
      </c>
      <c r="CB13" s="276">
        <v>4</v>
      </c>
      <c r="CC13" s="280">
        <v>17</v>
      </c>
      <c r="CD13" s="277">
        <v>21</v>
      </c>
      <c r="CE13" s="279">
        <v>0</v>
      </c>
      <c r="CF13" s="280">
        <v>163</v>
      </c>
      <c r="CG13" s="280">
        <v>154</v>
      </c>
      <c r="CH13" s="280">
        <v>186</v>
      </c>
      <c r="CI13" s="280">
        <v>147</v>
      </c>
      <c r="CJ13" s="280">
        <v>90</v>
      </c>
      <c r="CK13" s="277">
        <v>740</v>
      </c>
      <c r="CL13" s="282">
        <v>761</v>
      </c>
      <c r="CM13" s="276">
        <v>0</v>
      </c>
      <c r="CN13" s="280">
        <v>1</v>
      </c>
      <c r="CO13" s="277">
        <v>1</v>
      </c>
      <c r="CP13" s="279">
        <v>0</v>
      </c>
      <c r="CQ13" s="280">
        <v>9</v>
      </c>
      <c r="CR13" s="280">
        <v>15</v>
      </c>
      <c r="CS13" s="280">
        <v>13</v>
      </c>
      <c r="CT13" s="280">
        <v>6</v>
      </c>
      <c r="CU13" s="280">
        <v>12</v>
      </c>
      <c r="CV13" s="277">
        <v>55</v>
      </c>
      <c r="CW13" s="282">
        <v>56</v>
      </c>
      <c r="CX13" s="276">
        <v>0</v>
      </c>
      <c r="CY13" s="280">
        <v>0</v>
      </c>
      <c r="CZ13" s="277">
        <v>0</v>
      </c>
      <c r="DA13" s="279">
        <v>0</v>
      </c>
      <c r="DB13" s="280">
        <v>0</v>
      </c>
      <c r="DC13" s="280">
        <v>0</v>
      </c>
      <c r="DD13" s="280">
        <v>0</v>
      </c>
      <c r="DE13" s="280">
        <v>0</v>
      </c>
      <c r="DF13" s="280">
        <v>0</v>
      </c>
      <c r="DG13" s="277">
        <v>0</v>
      </c>
      <c r="DH13" s="282">
        <v>0</v>
      </c>
      <c r="DI13" s="276">
        <v>0</v>
      </c>
      <c r="DJ13" s="280">
        <v>0</v>
      </c>
      <c r="DK13" s="277">
        <v>0</v>
      </c>
      <c r="DL13" s="279">
        <v>0</v>
      </c>
      <c r="DM13" s="280">
        <v>0</v>
      </c>
      <c r="DN13" s="280">
        <v>0</v>
      </c>
      <c r="DO13" s="280">
        <v>0</v>
      </c>
      <c r="DP13" s="280">
        <v>0</v>
      </c>
      <c r="DQ13" s="280">
        <v>0</v>
      </c>
      <c r="DR13" s="277">
        <v>0</v>
      </c>
      <c r="DS13" s="282">
        <v>0</v>
      </c>
      <c r="DT13" s="276">
        <v>924</v>
      </c>
      <c r="DU13" s="280">
        <v>1234</v>
      </c>
      <c r="DV13" s="277">
        <v>2158</v>
      </c>
      <c r="DW13" s="279">
        <v>0</v>
      </c>
      <c r="DX13" s="280">
        <v>1991</v>
      </c>
      <c r="DY13" s="280">
        <v>1583</v>
      </c>
      <c r="DZ13" s="280">
        <v>1054</v>
      </c>
      <c r="EA13" s="280">
        <v>919</v>
      </c>
      <c r="EB13" s="280">
        <v>618</v>
      </c>
      <c r="EC13" s="277">
        <v>6165</v>
      </c>
      <c r="ED13" s="282">
        <v>8323</v>
      </c>
      <c r="EE13" s="276">
        <v>76</v>
      </c>
      <c r="EF13" s="280">
        <v>67</v>
      </c>
      <c r="EG13" s="277">
        <v>143</v>
      </c>
      <c r="EH13" s="279">
        <v>0</v>
      </c>
      <c r="EI13" s="280">
        <v>288</v>
      </c>
      <c r="EJ13" s="280">
        <v>215</v>
      </c>
      <c r="EK13" s="280">
        <v>224</v>
      </c>
      <c r="EL13" s="280">
        <v>212</v>
      </c>
      <c r="EM13" s="280">
        <v>142</v>
      </c>
      <c r="EN13" s="277">
        <v>1081</v>
      </c>
      <c r="EO13" s="282">
        <v>1224</v>
      </c>
      <c r="EP13" s="276">
        <v>1100</v>
      </c>
      <c r="EQ13" s="280">
        <v>1429</v>
      </c>
      <c r="ER13" s="277">
        <v>2529</v>
      </c>
      <c r="ES13" s="279">
        <v>0</v>
      </c>
      <c r="ET13" s="280">
        <v>3484</v>
      </c>
      <c r="EU13" s="280">
        <v>1949</v>
      </c>
      <c r="EV13" s="280">
        <v>1126</v>
      </c>
      <c r="EW13" s="280">
        <v>896</v>
      </c>
      <c r="EX13" s="280">
        <v>588</v>
      </c>
      <c r="EY13" s="277">
        <v>8043</v>
      </c>
      <c r="EZ13" s="282">
        <v>10572</v>
      </c>
    </row>
    <row r="14" spans="2:156" ht="21" customHeight="1" x14ac:dyDescent="0.2">
      <c r="B14" s="261" t="s">
        <v>11</v>
      </c>
      <c r="C14" s="276">
        <v>0</v>
      </c>
      <c r="D14" s="280">
        <v>0</v>
      </c>
      <c r="E14" s="384">
        <v>0</v>
      </c>
      <c r="F14" s="279">
        <v>0</v>
      </c>
      <c r="G14" s="280">
        <v>501</v>
      </c>
      <c r="H14" s="280">
        <v>365</v>
      </c>
      <c r="I14" s="280">
        <v>253</v>
      </c>
      <c r="J14" s="280">
        <v>229</v>
      </c>
      <c r="K14" s="280">
        <v>156</v>
      </c>
      <c r="L14" s="281">
        <v>1504</v>
      </c>
      <c r="M14" s="282">
        <v>1504</v>
      </c>
      <c r="N14" s="276">
        <v>0</v>
      </c>
      <c r="O14" s="280">
        <v>1</v>
      </c>
      <c r="P14" s="277">
        <v>1</v>
      </c>
      <c r="Q14" s="279">
        <v>0</v>
      </c>
      <c r="R14" s="280">
        <v>9</v>
      </c>
      <c r="S14" s="280">
        <v>16</v>
      </c>
      <c r="T14" s="280">
        <v>21</v>
      </c>
      <c r="U14" s="280">
        <v>46</v>
      </c>
      <c r="V14" s="280">
        <v>60</v>
      </c>
      <c r="W14" s="277">
        <v>152</v>
      </c>
      <c r="X14" s="282">
        <v>153</v>
      </c>
      <c r="Y14" s="276">
        <v>38</v>
      </c>
      <c r="Z14" s="280">
        <v>62</v>
      </c>
      <c r="AA14" s="277">
        <v>100</v>
      </c>
      <c r="AB14" s="279">
        <v>0</v>
      </c>
      <c r="AC14" s="280">
        <v>324</v>
      </c>
      <c r="AD14" s="280">
        <v>244</v>
      </c>
      <c r="AE14" s="280">
        <v>181</v>
      </c>
      <c r="AF14" s="280">
        <v>184</v>
      </c>
      <c r="AG14" s="280">
        <v>141</v>
      </c>
      <c r="AH14" s="277">
        <v>1074</v>
      </c>
      <c r="AI14" s="282">
        <v>1174</v>
      </c>
      <c r="AJ14" s="276">
        <v>4</v>
      </c>
      <c r="AK14" s="280">
        <v>8</v>
      </c>
      <c r="AL14" s="277">
        <v>12</v>
      </c>
      <c r="AM14" s="279">
        <v>0</v>
      </c>
      <c r="AN14" s="280">
        <v>32</v>
      </c>
      <c r="AO14" s="280">
        <v>28</v>
      </c>
      <c r="AP14" s="280">
        <v>22</v>
      </c>
      <c r="AQ14" s="280">
        <v>23</v>
      </c>
      <c r="AR14" s="280">
        <v>7</v>
      </c>
      <c r="AS14" s="277">
        <v>112</v>
      </c>
      <c r="AT14" s="282">
        <v>124</v>
      </c>
      <c r="AU14" s="276">
        <v>52</v>
      </c>
      <c r="AV14" s="280">
        <v>48</v>
      </c>
      <c r="AW14" s="277">
        <v>100</v>
      </c>
      <c r="AX14" s="279">
        <v>0</v>
      </c>
      <c r="AY14" s="280">
        <v>452</v>
      </c>
      <c r="AZ14" s="280">
        <v>430</v>
      </c>
      <c r="BA14" s="280">
        <v>421</v>
      </c>
      <c r="BB14" s="280">
        <v>426</v>
      </c>
      <c r="BC14" s="280">
        <v>289</v>
      </c>
      <c r="BD14" s="281">
        <v>2018</v>
      </c>
      <c r="BE14" s="282">
        <v>2118</v>
      </c>
      <c r="BF14" s="276">
        <v>0</v>
      </c>
      <c r="BG14" s="280">
        <v>0</v>
      </c>
      <c r="BH14" s="277">
        <v>0</v>
      </c>
      <c r="BI14" s="279">
        <v>0</v>
      </c>
      <c r="BJ14" s="280">
        <v>733</v>
      </c>
      <c r="BK14" s="280">
        <v>399</v>
      </c>
      <c r="BL14" s="280">
        <v>250</v>
      </c>
      <c r="BM14" s="280">
        <v>175</v>
      </c>
      <c r="BN14" s="280">
        <v>90</v>
      </c>
      <c r="BO14" s="277">
        <v>1647</v>
      </c>
      <c r="BP14" s="282">
        <v>1647</v>
      </c>
      <c r="BQ14" s="276">
        <v>91</v>
      </c>
      <c r="BR14" s="280">
        <v>77</v>
      </c>
      <c r="BS14" s="277">
        <v>168</v>
      </c>
      <c r="BT14" s="279">
        <v>0</v>
      </c>
      <c r="BU14" s="280">
        <v>231</v>
      </c>
      <c r="BV14" s="280">
        <v>135</v>
      </c>
      <c r="BW14" s="280">
        <v>95</v>
      </c>
      <c r="BX14" s="280">
        <v>53</v>
      </c>
      <c r="BY14" s="280">
        <v>19</v>
      </c>
      <c r="BZ14" s="277">
        <v>533</v>
      </c>
      <c r="CA14" s="282">
        <v>701</v>
      </c>
      <c r="CB14" s="276">
        <v>4</v>
      </c>
      <c r="CC14" s="280">
        <v>7</v>
      </c>
      <c r="CD14" s="277">
        <v>11</v>
      </c>
      <c r="CE14" s="279">
        <v>0</v>
      </c>
      <c r="CF14" s="280">
        <v>88</v>
      </c>
      <c r="CG14" s="280">
        <v>75</v>
      </c>
      <c r="CH14" s="280">
        <v>107</v>
      </c>
      <c r="CI14" s="280">
        <v>79</v>
      </c>
      <c r="CJ14" s="280">
        <v>42</v>
      </c>
      <c r="CK14" s="277">
        <v>391</v>
      </c>
      <c r="CL14" s="282">
        <v>402</v>
      </c>
      <c r="CM14" s="276">
        <v>0</v>
      </c>
      <c r="CN14" s="280">
        <v>0</v>
      </c>
      <c r="CO14" s="277">
        <v>0</v>
      </c>
      <c r="CP14" s="279">
        <v>0</v>
      </c>
      <c r="CQ14" s="280">
        <v>6</v>
      </c>
      <c r="CR14" s="280">
        <v>8</v>
      </c>
      <c r="CS14" s="280">
        <v>7</v>
      </c>
      <c r="CT14" s="280">
        <v>5</v>
      </c>
      <c r="CU14" s="280">
        <v>8</v>
      </c>
      <c r="CV14" s="277">
        <v>34</v>
      </c>
      <c r="CW14" s="282">
        <v>34</v>
      </c>
      <c r="CX14" s="276">
        <v>0</v>
      </c>
      <c r="CY14" s="280">
        <v>0</v>
      </c>
      <c r="CZ14" s="277">
        <v>0</v>
      </c>
      <c r="DA14" s="279">
        <v>0</v>
      </c>
      <c r="DB14" s="280">
        <v>0</v>
      </c>
      <c r="DC14" s="280">
        <v>0</v>
      </c>
      <c r="DD14" s="280">
        <v>0</v>
      </c>
      <c r="DE14" s="280">
        <v>0</v>
      </c>
      <c r="DF14" s="280">
        <v>0</v>
      </c>
      <c r="DG14" s="277">
        <v>0</v>
      </c>
      <c r="DH14" s="282">
        <v>0</v>
      </c>
      <c r="DI14" s="276">
        <v>0</v>
      </c>
      <c r="DJ14" s="280">
        <v>0</v>
      </c>
      <c r="DK14" s="277">
        <v>0</v>
      </c>
      <c r="DL14" s="279">
        <v>0</v>
      </c>
      <c r="DM14" s="280">
        <v>0</v>
      </c>
      <c r="DN14" s="280">
        <v>0</v>
      </c>
      <c r="DO14" s="280">
        <v>0</v>
      </c>
      <c r="DP14" s="280">
        <v>0</v>
      </c>
      <c r="DQ14" s="280">
        <v>0</v>
      </c>
      <c r="DR14" s="277">
        <v>0</v>
      </c>
      <c r="DS14" s="282">
        <v>0</v>
      </c>
      <c r="DT14" s="276">
        <v>383</v>
      </c>
      <c r="DU14" s="280">
        <v>459</v>
      </c>
      <c r="DV14" s="277">
        <v>842</v>
      </c>
      <c r="DW14" s="279">
        <v>0</v>
      </c>
      <c r="DX14" s="280">
        <v>995</v>
      </c>
      <c r="DY14" s="280">
        <v>839</v>
      </c>
      <c r="DZ14" s="280">
        <v>608</v>
      </c>
      <c r="EA14" s="280">
        <v>495</v>
      </c>
      <c r="EB14" s="280">
        <v>278</v>
      </c>
      <c r="EC14" s="277">
        <v>3215</v>
      </c>
      <c r="ED14" s="282">
        <v>4057</v>
      </c>
      <c r="EE14" s="276">
        <v>34</v>
      </c>
      <c r="EF14" s="280">
        <v>34</v>
      </c>
      <c r="EG14" s="277">
        <v>68</v>
      </c>
      <c r="EH14" s="279">
        <v>0</v>
      </c>
      <c r="EI14" s="280">
        <v>207</v>
      </c>
      <c r="EJ14" s="280">
        <v>129</v>
      </c>
      <c r="EK14" s="280">
        <v>124</v>
      </c>
      <c r="EL14" s="280">
        <v>152</v>
      </c>
      <c r="EM14" s="280">
        <v>67</v>
      </c>
      <c r="EN14" s="277">
        <v>679</v>
      </c>
      <c r="EO14" s="282">
        <v>747</v>
      </c>
      <c r="EP14" s="276">
        <v>484</v>
      </c>
      <c r="EQ14" s="280">
        <v>535</v>
      </c>
      <c r="ER14" s="277">
        <v>1019</v>
      </c>
      <c r="ES14" s="279">
        <v>0</v>
      </c>
      <c r="ET14" s="280">
        <v>1896</v>
      </c>
      <c r="EU14" s="280">
        <v>1067</v>
      </c>
      <c r="EV14" s="280">
        <v>702</v>
      </c>
      <c r="EW14" s="280">
        <v>499</v>
      </c>
      <c r="EX14" s="280">
        <v>285</v>
      </c>
      <c r="EY14" s="277">
        <v>4449</v>
      </c>
      <c r="EZ14" s="282">
        <v>5468</v>
      </c>
    </row>
    <row r="15" spans="2:156" ht="21" customHeight="1" x14ac:dyDescent="0.2">
      <c r="B15" s="261" t="s">
        <v>12</v>
      </c>
      <c r="C15" s="276">
        <v>0</v>
      </c>
      <c r="D15" s="280">
        <v>0</v>
      </c>
      <c r="E15" s="384">
        <v>0</v>
      </c>
      <c r="F15" s="279">
        <v>0</v>
      </c>
      <c r="G15" s="280">
        <v>496</v>
      </c>
      <c r="H15" s="280">
        <v>459</v>
      </c>
      <c r="I15" s="280">
        <v>288</v>
      </c>
      <c r="J15" s="280">
        <v>299</v>
      </c>
      <c r="K15" s="280">
        <v>216</v>
      </c>
      <c r="L15" s="281">
        <v>1758</v>
      </c>
      <c r="M15" s="282">
        <v>1758</v>
      </c>
      <c r="N15" s="276">
        <v>0</v>
      </c>
      <c r="O15" s="280">
        <v>7</v>
      </c>
      <c r="P15" s="277">
        <v>7</v>
      </c>
      <c r="Q15" s="279">
        <v>0</v>
      </c>
      <c r="R15" s="280">
        <v>4</v>
      </c>
      <c r="S15" s="280">
        <v>16</v>
      </c>
      <c r="T15" s="280">
        <v>24</v>
      </c>
      <c r="U15" s="280">
        <v>63</v>
      </c>
      <c r="V15" s="280">
        <v>78</v>
      </c>
      <c r="W15" s="277">
        <v>185</v>
      </c>
      <c r="X15" s="282">
        <v>192</v>
      </c>
      <c r="Y15" s="276">
        <v>112</v>
      </c>
      <c r="Z15" s="280">
        <v>208</v>
      </c>
      <c r="AA15" s="277">
        <v>320</v>
      </c>
      <c r="AB15" s="279">
        <v>0</v>
      </c>
      <c r="AC15" s="280">
        <v>311</v>
      </c>
      <c r="AD15" s="280">
        <v>365</v>
      </c>
      <c r="AE15" s="280">
        <v>230</v>
      </c>
      <c r="AF15" s="280">
        <v>239</v>
      </c>
      <c r="AG15" s="280">
        <v>164</v>
      </c>
      <c r="AH15" s="277">
        <v>1309</v>
      </c>
      <c r="AI15" s="282">
        <v>1629</v>
      </c>
      <c r="AJ15" s="276">
        <v>6</v>
      </c>
      <c r="AK15" s="280">
        <v>21</v>
      </c>
      <c r="AL15" s="277">
        <v>27</v>
      </c>
      <c r="AM15" s="279">
        <v>0</v>
      </c>
      <c r="AN15" s="280">
        <v>18</v>
      </c>
      <c r="AO15" s="280">
        <v>44</v>
      </c>
      <c r="AP15" s="280">
        <v>31</v>
      </c>
      <c r="AQ15" s="280">
        <v>28</v>
      </c>
      <c r="AR15" s="280">
        <v>17</v>
      </c>
      <c r="AS15" s="277">
        <v>138</v>
      </c>
      <c r="AT15" s="282">
        <v>165</v>
      </c>
      <c r="AU15" s="276">
        <v>77</v>
      </c>
      <c r="AV15" s="280">
        <v>115</v>
      </c>
      <c r="AW15" s="277">
        <v>192</v>
      </c>
      <c r="AX15" s="279">
        <v>0</v>
      </c>
      <c r="AY15" s="280">
        <v>322</v>
      </c>
      <c r="AZ15" s="280">
        <v>384</v>
      </c>
      <c r="BA15" s="280">
        <v>362</v>
      </c>
      <c r="BB15" s="280">
        <v>457</v>
      </c>
      <c r="BC15" s="280">
        <v>333</v>
      </c>
      <c r="BD15" s="281">
        <v>1858</v>
      </c>
      <c r="BE15" s="282">
        <v>2050</v>
      </c>
      <c r="BF15" s="276">
        <v>0</v>
      </c>
      <c r="BG15" s="280">
        <v>0</v>
      </c>
      <c r="BH15" s="277">
        <v>0</v>
      </c>
      <c r="BI15" s="279">
        <v>0</v>
      </c>
      <c r="BJ15" s="280">
        <v>579</v>
      </c>
      <c r="BK15" s="280">
        <v>419</v>
      </c>
      <c r="BL15" s="280">
        <v>266</v>
      </c>
      <c r="BM15" s="280">
        <v>214</v>
      </c>
      <c r="BN15" s="280">
        <v>90</v>
      </c>
      <c r="BO15" s="277">
        <v>1568</v>
      </c>
      <c r="BP15" s="282">
        <v>1568</v>
      </c>
      <c r="BQ15" s="276">
        <v>147</v>
      </c>
      <c r="BR15" s="280">
        <v>136</v>
      </c>
      <c r="BS15" s="277">
        <v>283</v>
      </c>
      <c r="BT15" s="279">
        <v>0</v>
      </c>
      <c r="BU15" s="280">
        <v>134</v>
      </c>
      <c r="BV15" s="280">
        <v>180</v>
      </c>
      <c r="BW15" s="280">
        <v>112</v>
      </c>
      <c r="BX15" s="280">
        <v>86</v>
      </c>
      <c r="BY15" s="280">
        <v>32</v>
      </c>
      <c r="BZ15" s="277">
        <v>544</v>
      </c>
      <c r="CA15" s="282">
        <v>827</v>
      </c>
      <c r="CB15" s="276">
        <v>7</v>
      </c>
      <c r="CC15" s="280">
        <v>19</v>
      </c>
      <c r="CD15" s="277">
        <v>26</v>
      </c>
      <c r="CE15" s="279">
        <v>0</v>
      </c>
      <c r="CF15" s="280">
        <v>89</v>
      </c>
      <c r="CG15" s="280">
        <v>83</v>
      </c>
      <c r="CH15" s="280">
        <v>126</v>
      </c>
      <c r="CI15" s="280">
        <v>101</v>
      </c>
      <c r="CJ15" s="280">
        <v>58</v>
      </c>
      <c r="CK15" s="277">
        <v>457</v>
      </c>
      <c r="CL15" s="282">
        <v>483</v>
      </c>
      <c r="CM15" s="276">
        <v>0</v>
      </c>
      <c r="CN15" s="280">
        <v>0</v>
      </c>
      <c r="CO15" s="277">
        <v>0</v>
      </c>
      <c r="CP15" s="279">
        <v>0</v>
      </c>
      <c r="CQ15" s="280">
        <v>2</v>
      </c>
      <c r="CR15" s="280">
        <v>5</v>
      </c>
      <c r="CS15" s="280">
        <v>4</v>
      </c>
      <c r="CT15" s="280">
        <v>6</v>
      </c>
      <c r="CU15" s="280">
        <v>2</v>
      </c>
      <c r="CV15" s="277">
        <v>19</v>
      </c>
      <c r="CW15" s="282">
        <v>19</v>
      </c>
      <c r="CX15" s="276">
        <v>0</v>
      </c>
      <c r="CY15" s="280">
        <v>0</v>
      </c>
      <c r="CZ15" s="277">
        <v>0</v>
      </c>
      <c r="DA15" s="279">
        <v>0</v>
      </c>
      <c r="DB15" s="280">
        <v>0</v>
      </c>
      <c r="DC15" s="280">
        <v>0</v>
      </c>
      <c r="DD15" s="280">
        <v>0</v>
      </c>
      <c r="DE15" s="280">
        <v>0</v>
      </c>
      <c r="DF15" s="280">
        <v>0</v>
      </c>
      <c r="DG15" s="277">
        <v>0</v>
      </c>
      <c r="DH15" s="282">
        <v>0</v>
      </c>
      <c r="DI15" s="276">
        <v>0</v>
      </c>
      <c r="DJ15" s="280">
        <v>0</v>
      </c>
      <c r="DK15" s="277">
        <v>0</v>
      </c>
      <c r="DL15" s="279">
        <v>0</v>
      </c>
      <c r="DM15" s="280">
        <v>0</v>
      </c>
      <c r="DN15" s="280">
        <v>0</v>
      </c>
      <c r="DO15" s="280">
        <v>0</v>
      </c>
      <c r="DP15" s="280">
        <v>0</v>
      </c>
      <c r="DQ15" s="280">
        <v>0</v>
      </c>
      <c r="DR15" s="277">
        <v>0</v>
      </c>
      <c r="DS15" s="282">
        <v>0</v>
      </c>
      <c r="DT15" s="276">
        <v>497</v>
      </c>
      <c r="DU15" s="280">
        <v>818</v>
      </c>
      <c r="DV15" s="277">
        <v>1315</v>
      </c>
      <c r="DW15" s="279">
        <v>0</v>
      </c>
      <c r="DX15" s="280">
        <v>577</v>
      </c>
      <c r="DY15" s="280">
        <v>953</v>
      </c>
      <c r="DZ15" s="280">
        <v>677</v>
      </c>
      <c r="EA15" s="280">
        <v>628</v>
      </c>
      <c r="EB15" s="280">
        <v>368</v>
      </c>
      <c r="EC15" s="277">
        <v>3203</v>
      </c>
      <c r="ED15" s="282">
        <v>4518</v>
      </c>
      <c r="EE15" s="276">
        <v>46</v>
      </c>
      <c r="EF15" s="280">
        <v>46</v>
      </c>
      <c r="EG15" s="277">
        <v>92</v>
      </c>
      <c r="EH15" s="279">
        <v>0</v>
      </c>
      <c r="EI15" s="280">
        <v>110</v>
      </c>
      <c r="EJ15" s="280">
        <v>109</v>
      </c>
      <c r="EK15" s="280">
        <v>97</v>
      </c>
      <c r="EL15" s="280">
        <v>143</v>
      </c>
      <c r="EM15" s="280">
        <v>83</v>
      </c>
      <c r="EN15" s="277">
        <v>542</v>
      </c>
      <c r="EO15" s="282">
        <v>634</v>
      </c>
      <c r="EP15" s="276">
        <v>704</v>
      </c>
      <c r="EQ15" s="280">
        <v>970</v>
      </c>
      <c r="ER15" s="277">
        <v>1674</v>
      </c>
      <c r="ES15" s="279">
        <v>0</v>
      </c>
      <c r="ET15" s="280">
        <v>1487</v>
      </c>
      <c r="EU15" s="280">
        <v>1256</v>
      </c>
      <c r="EV15" s="280">
        <v>767</v>
      </c>
      <c r="EW15" s="280">
        <v>636</v>
      </c>
      <c r="EX15" s="280">
        <v>345</v>
      </c>
      <c r="EY15" s="277">
        <v>4491</v>
      </c>
      <c r="EZ15" s="282">
        <v>6165</v>
      </c>
    </row>
    <row r="16" spans="2:156" ht="21" customHeight="1" x14ac:dyDescent="0.2">
      <c r="B16" s="261" t="s">
        <v>13</v>
      </c>
      <c r="C16" s="276">
        <v>0</v>
      </c>
      <c r="D16" s="280">
        <v>0</v>
      </c>
      <c r="E16" s="384">
        <v>0</v>
      </c>
      <c r="F16" s="279">
        <v>0</v>
      </c>
      <c r="G16" s="280">
        <v>226</v>
      </c>
      <c r="H16" s="280">
        <v>210</v>
      </c>
      <c r="I16" s="280">
        <v>144</v>
      </c>
      <c r="J16" s="280">
        <v>119</v>
      </c>
      <c r="K16" s="280">
        <v>98</v>
      </c>
      <c r="L16" s="281">
        <v>797</v>
      </c>
      <c r="M16" s="282">
        <v>797</v>
      </c>
      <c r="N16" s="276">
        <v>0</v>
      </c>
      <c r="O16" s="280">
        <v>0</v>
      </c>
      <c r="P16" s="277">
        <v>0</v>
      </c>
      <c r="Q16" s="279">
        <v>0</v>
      </c>
      <c r="R16" s="280">
        <v>2</v>
      </c>
      <c r="S16" s="280">
        <v>1</v>
      </c>
      <c r="T16" s="280">
        <v>4</v>
      </c>
      <c r="U16" s="280">
        <v>17</v>
      </c>
      <c r="V16" s="280">
        <v>35</v>
      </c>
      <c r="W16" s="277">
        <v>59</v>
      </c>
      <c r="X16" s="282">
        <v>59</v>
      </c>
      <c r="Y16" s="276">
        <v>7</v>
      </c>
      <c r="Z16" s="280">
        <v>25</v>
      </c>
      <c r="AA16" s="277">
        <v>32</v>
      </c>
      <c r="AB16" s="279">
        <v>0</v>
      </c>
      <c r="AC16" s="280">
        <v>110</v>
      </c>
      <c r="AD16" s="280">
        <v>139</v>
      </c>
      <c r="AE16" s="280">
        <v>89</v>
      </c>
      <c r="AF16" s="280">
        <v>87</v>
      </c>
      <c r="AG16" s="280">
        <v>76</v>
      </c>
      <c r="AH16" s="277">
        <v>501</v>
      </c>
      <c r="AI16" s="282">
        <v>533</v>
      </c>
      <c r="AJ16" s="276">
        <v>3</v>
      </c>
      <c r="AK16" s="280">
        <v>7</v>
      </c>
      <c r="AL16" s="277">
        <v>10</v>
      </c>
      <c r="AM16" s="279">
        <v>0</v>
      </c>
      <c r="AN16" s="280">
        <v>22</v>
      </c>
      <c r="AO16" s="280">
        <v>23</v>
      </c>
      <c r="AP16" s="280">
        <v>8</v>
      </c>
      <c r="AQ16" s="280">
        <v>16</v>
      </c>
      <c r="AR16" s="280">
        <v>9</v>
      </c>
      <c r="AS16" s="277">
        <v>78</v>
      </c>
      <c r="AT16" s="282">
        <v>88</v>
      </c>
      <c r="AU16" s="276">
        <v>38</v>
      </c>
      <c r="AV16" s="280">
        <v>32</v>
      </c>
      <c r="AW16" s="277">
        <v>70</v>
      </c>
      <c r="AX16" s="279">
        <v>0</v>
      </c>
      <c r="AY16" s="280">
        <v>173</v>
      </c>
      <c r="AZ16" s="280">
        <v>194</v>
      </c>
      <c r="BA16" s="280">
        <v>179</v>
      </c>
      <c r="BB16" s="280">
        <v>185</v>
      </c>
      <c r="BC16" s="280">
        <v>152</v>
      </c>
      <c r="BD16" s="281">
        <v>883</v>
      </c>
      <c r="BE16" s="282">
        <v>953</v>
      </c>
      <c r="BF16" s="276">
        <v>0</v>
      </c>
      <c r="BG16" s="280">
        <v>0</v>
      </c>
      <c r="BH16" s="277">
        <v>0</v>
      </c>
      <c r="BI16" s="279">
        <v>0</v>
      </c>
      <c r="BJ16" s="280">
        <v>185</v>
      </c>
      <c r="BK16" s="280">
        <v>166</v>
      </c>
      <c r="BL16" s="280">
        <v>108</v>
      </c>
      <c r="BM16" s="280">
        <v>63</v>
      </c>
      <c r="BN16" s="280">
        <v>32</v>
      </c>
      <c r="BO16" s="277">
        <v>554</v>
      </c>
      <c r="BP16" s="282">
        <v>554</v>
      </c>
      <c r="BQ16" s="276">
        <v>13</v>
      </c>
      <c r="BR16" s="280">
        <v>23</v>
      </c>
      <c r="BS16" s="277">
        <v>36</v>
      </c>
      <c r="BT16" s="279">
        <v>0</v>
      </c>
      <c r="BU16" s="280">
        <v>34</v>
      </c>
      <c r="BV16" s="280">
        <v>39</v>
      </c>
      <c r="BW16" s="280">
        <v>23</v>
      </c>
      <c r="BX16" s="280">
        <v>23</v>
      </c>
      <c r="BY16" s="280">
        <v>9</v>
      </c>
      <c r="BZ16" s="277">
        <v>128</v>
      </c>
      <c r="CA16" s="282">
        <v>164</v>
      </c>
      <c r="CB16" s="276">
        <v>0</v>
      </c>
      <c r="CC16" s="280">
        <v>1</v>
      </c>
      <c r="CD16" s="277">
        <v>1</v>
      </c>
      <c r="CE16" s="279">
        <v>0</v>
      </c>
      <c r="CF16" s="280">
        <v>18</v>
      </c>
      <c r="CG16" s="280">
        <v>26</v>
      </c>
      <c r="CH16" s="280">
        <v>39</v>
      </c>
      <c r="CI16" s="280">
        <v>36</v>
      </c>
      <c r="CJ16" s="280">
        <v>23</v>
      </c>
      <c r="CK16" s="277">
        <v>142</v>
      </c>
      <c r="CL16" s="282">
        <v>143</v>
      </c>
      <c r="CM16" s="276">
        <v>0</v>
      </c>
      <c r="CN16" s="280">
        <v>0</v>
      </c>
      <c r="CO16" s="277">
        <v>0</v>
      </c>
      <c r="CP16" s="279">
        <v>0</v>
      </c>
      <c r="CQ16" s="280">
        <v>1</v>
      </c>
      <c r="CR16" s="280">
        <v>5</v>
      </c>
      <c r="CS16" s="280">
        <v>7</v>
      </c>
      <c r="CT16" s="280">
        <v>6</v>
      </c>
      <c r="CU16" s="280">
        <v>2</v>
      </c>
      <c r="CV16" s="277">
        <v>21</v>
      </c>
      <c r="CW16" s="282">
        <v>21</v>
      </c>
      <c r="CX16" s="276">
        <v>0</v>
      </c>
      <c r="CY16" s="280">
        <v>0</v>
      </c>
      <c r="CZ16" s="277">
        <v>0</v>
      </c>
      <c r="DA16" s="279">
        <v>0</v>
      </c>
      <c r="DB16" s="280">
        <v>0</v>
      </c>
      <c r="DC16" s="280">
        <v>0</v>
      </c>
      <c r="DD16" s="280">
        <v>0</v>
      </c>
      <c r="DE16" s="280">
        <v>0</v>
      </c>
      <c r="DF16" s="280">
        <v>0</v>
      </c>
      <c r="DG16" s="277">
        <v>0</v>
      </c>
      <c r="DH16" s="282">
        <v>0</v>
      </c>
      <c r="DI16" s="276">
        <v>0</v>
      </c>
      <c r="DJ16" s="280">
        <v>0</v>
      </c>
      <c r="DK16" s="277">
        <v>0</v>
      </c>
      <c r="DL16" s="279">
        <v>0</v>
      </c>
      <c r="DM16" s="280">
        <v>0</v>
      </c>
      <c r="DN16" s="280">
        <v>0</v>
      </c>
      <c r="DO16" s="280">
        <v>0</v>
      </c>
      <c r="DP16" s="280">
        <v>0</v>
      </c>
      <c r="DQ16" s="280">
        <v>0</v>
      </c>
      <c r="DR16" s="277">
        <v>0</v>
      </c>
      <c r="DS16" s="282">
        <v>0</v>
      </c>
      <c r="DT16" s="276">
        <v>68</v>
      </c>
      <c r="DU16" s="280">
        <v>163</v>
      </c>
      <c r="DV16" s="277">
        <v>231</v>
      </c>
      <c r="DW16" s="279">
        <v>0</v>
      </c>
      <c r="DX16" s="280">
        <v>265</v>
      </c>
      <c r="DY16" s="280">
        <v>399</v>
      </c>
      <c r="DZ16" s="280">
        <v>245</v>
      </c>
      <c r="EA16" s="280">
        <v>213</v>
      </c>
      <c r="EB16" s="280">
        <v>130</v>
      </c>
      <c r="EC16" s="277">
        <v>1252</v>
      </c>
      <c r="ED16" s="282">
        <v>1483</v>
      </c>
      <c r="EE16" s="276">
        <v>27</v>
      </c>
      <c r="EF16" s="280">
        <v>17</v>
      </c>
      <c r="EG16" s="277">
        <v>44</v>
      </c>
      <c r="EH16" s="279">
        <v>0</v>
      </c>
      <c r="EI16" s="280">
        <v>75</v>
      </c>
      <c r="EJ16" s="280">
        <v>66</v>
      </c>
      <c r="EK16" s="280">
        <v>63</v>
      </c>
      <c r="EL16" s="280">
        <v>67</v>
      </c>
      <c r="EM16" s="280">
        <v>45</v>
      </c>
      <c r="EN16" s="277">
        <v>316</v>
      </c>
      <c r="EO16" s="282">
        <v>360</v>
      </c>
      <c r="EP16" s="276">
        <v>85</v>
      </c>
      <c r="EQ16" s="280">
        <v>193</v>
      </c>
      <c r="ER16" s="277">
        <v>278</v>
      </c>
      <c r="ES16" s="279">
        <v>0</v>
      </c>
      <c r="ET16" s="280">
        <v>569</v>
      </c>
      <c r="EU16" s="280">
        <v>541</v>
      </c>
      <c r="EV16" s="280">
        <v>312</v>
      </c>
      <c r="EW16" s="280">
        <v>236</v>
      </c>
      <c r="EX16" s="280">
        <v>148</v>
      </c>
      <c r="EY16" s="277">
        <v>1806</v>
      </c>
      <c r="EZ16" s="282">
        <v>2084</v>
      </c>
    </row>
    <row r="17" spans="2:156" ht="21" customHeight="1" x14ac:dyDescent="0.2">
      <c r="B17" s="261" t="s">
        <v>15</v>
      </c>
      <c r="C17" s="276">
        <v>0</v>
      </c>
      <c r="D17" s="280">
        <v>0</v>
      </c>
      <c r="E17" s="384">
        <v>0</v>
      </c>
      <c r="F17" s="279">
        <v>0</v>
      </c>
      <c r="G17" s="280">
        <v>120</v>
      </c>
      <c r="H17" s="280">
        <v>162</v>
      </c>
      <c r="I17" s="280">
        <v>84</v>
      </c>
      <c r="J17" s="280">
        <v>51</v>
      </c>
      <c r="K17" s="280">
        <v>47</v>
      </c>
      <c r="L17" s="281">
        <v>464</v>
      </c>
      <c r="M17" s="282">
        <v>464</v>
      </c>
      <c r="N17" s="276">
        <v>0</v>
      </c>
      <c r="O17" s="280">
        <v>0</v>
      </c>
      <c r="P17" s="277">
        <v>0</v>
      </c>
      <c r="Q17" s="279">
        <v>0</v>
      </c>
      <c r="R17" s="280">
        <v>0</v>
      </c>
      <c r="S17" s="280">
        <v>1</v>
      </c>
      <c r="T17" s="280">
        <v>8</v>
      </c>
      <c r="U17" s="280">
        <v>20</v>
      </c>
      <c r="V17" s="280">
        <v>29</v>
      </c>
      <c r="W17" s="277">
        <v>58</v>
      </c>
      <c r="X17" s="282">
        <v>58</v>
      </c>
      <c r="Y17" s="276">
        <v>1</v>
      </c>
      <c r="Z17" s="280">
        <v>12</v>
      </c>
      <c r="AA17" s="277">
        <v>13</v>
      </c>
      <c r="AB17" s="279">
        <v>0</v>
      </c>
      <c r="AC17" s="280">
        <v>41</v>
      </c>
      <c r="AD17" s="280">
        <v>73</v>
      </c>
      <c r="AE17" s="280">
        <v>43</v>
      </c>
      <c r="AF17" s="280">
        <v>39</v>
      </c>
      <c r="AG17" s="280">
        <v>42</v>
      </c>
      <c r="AH17" s="277">
        <v>238</v>
      </c>
      <c r="AI17" s="282">
        <v>251</v>
      </c>
      <c r="AJ17" s="276">
        <v>0</v>
      </c>
      <c r="AK17" s="280">
        <v>1</v>
      </c>
      <c r="AL17" s="277">
        <v>1</v>
      </c>
      <c r="AM17" s="279">
        <v>0</v>
      </c>
      <c r="AN17" s="280">
        <v>9</v>
      </c>
      <c r="AO17" s="280">
        <v>13</v>
      </c>
      <c r="AP17" s="280">
        <v>5</v>
      </c>
      <c r="AQ17" s="280">
        <v>3</v>
      </c>
      <c r="AR17" s="280">
        <v>6</v>
      </c>
      <c r="AS17" s="277">
        <v>36</v>
      </c>
      <c r="AT17" s="282">
        <v>37</v>
      </c>
      <c r="AU17" s="276">
        <v>10</v>
      </c>
      <c r="AV17" s="280">
        <v>16</v>
      </c>
      <c r="AW17" s="277">
        <v>26</v>
      </c>
      <c r="AX17" s="279">
        <v>0</v>
      </c>
      <c r="AY17" s="280">
        <v>114</v>
      </c>
      <c r="AZ17" s="280">
        <v>104</v>
      </c>
      <c r="BA17" s="280">
        <v>101</v>
      </c>
      <c r="BB17" s="280">
        <v>109</v>
      </c>
      <c r="BC17" s="280">
        <v>76</v>
      </c>
      <c r="BD17" s="281">
        <v>504</v>
      </c>
      <c r="BE17" s="282">
        <v>530</v>
      </c>
      <c r="BF17" s="276">
        <v>0</v>
      </c>
      <c r="BG17" s="280">
        <v>0</v>
      </c>
      <c r="BH17" s="277">
        <v>0</v>
      </c>
      <c r="BI17" s="279">
        <v>0</v>
      </c>
      <c r="BJ17" s="280">
        <v>116</v>
      </c>
      <c r="BK17" s="280">
        <v>140</v>
      </c>
      <c r="BL17" s="280">
        <v>59</v>
      </c>
      <c r="BM17" s="280">
        <v>32</v>
      </c>
      <c r="BN17" s="280">
        <v>12</v>
      </c>
      <c r="BO17" s="277">
        <v>359</v>
      </c>
      <c r="BP17" s="282">
        <v>359</v>
      </c>
      <c r="BQ17" s="276">
        <v>0</v>
      </c>
      <c r="BR17" s="280">
        <v>6</v>
      </c>
      <c r="BS17" s="277">
        <v>6</v>
      </c>
      <c r="BT17" s="279">
        <v>0</v>
      </c>
      <c r="BU17" s="280">
        <v>31</v>
      </c>
      <c r="BV17" s="280">
        <v>38</v>
      </c>
      <c r="BW17" s="280">
        <v>24</v>
      </c>
      <c r="BX17" s="280">
        <v>15</v>
      </c>
      <c r="BY17" s="280">
        <v>5</v>
      </c>
      <c r="BZ17" s="277">
        <v>113</v>
      </c>
      <c r="CA17" s="282">
        <v>119</v>
      </c>
      <c r="CB17" s="276">
        <v>0</v>
      </c>
      <c r="CC17" s="280">
        <v>1</v>
      </c>
      <c r="CD17" s="277">
        <v>1</v>
      </c>
      <c r="CE17" s="279">
        <v>0</v>
      </c>
      <c r="CF17" s="280">
        <v>10</v>
      </c>
      <c r="CG17" s="280">
        <v>29</v>
      </c>
      <c r="CH17" s="280">
        <v>46</v>
      </c>
      <c r="CI17" s="280">
        <v>53</v>
      </c>
      <c r="CJ17" s="280">
        <v>20</v>
      </c>
      <c r="CK17" s="277">
        <v>158</v>
      </c>
      <c r="CL17" s="282">
        <v>159</v>
      </c>
      <c r="CM17" s="276">
        <v>0</v>
      </c>
      <c r="CN17" s="280">
        <v>0</v>
      </c>
      <c r="CO17" s="277">
        <v>0</v>
      </c>
      <c r="CP17" s="279">
        <v>0</v>
      </c>
      <c r="CQ17" s="280">
        <v>2</v>
      </c>
      <c r="CR17" s="280">
        <v>2</v>
      </c>
      <c r="CS17" s="280">
        <v>7</v>
      </c>
      <c r="CT17" s="280">
        <v>0</v>
      </c>
      <c r="CU17" s="280">
        <v>1</v>
      </c>
      <c r="CV17" s="277">
        <v>12</v>
      </c>
      <c r="CW17" s="282">
        <v>12</v>
      </c>
      <c r="CX17" s="276">
        <v>0</v>
      </c>
      <c r="CY17" s="280">
        <v>0</v>
      </c>
      <c r="CZ17" s="277">
        <v>0</v>
      </c>
      <c r="DA17" s="279">
        <v>0</v>
      </c>
      <c r="DB17" s="280">
        <v>0</v>
      </c>
      <c r="DC17" s="280">
        <v>0</v>
      </c>
      <c r="DD17" s="280">
        <v>0</v>
      </c>
      <c r="DE17" s="280">
        <v>0</v>
      </c>
      <c r="DF17" s="280">
        <v>0</v>
      </c>
      <c r="DG17" s="277">
        <v>0</v>
      </c>
      <c r="DH17" s="282">
        <v>0</v>
      </c>
      <c r="DI17" s="276">
        <v>0</v>
      </c>
      <c r="DJ17" s="280">
        <v>0</v>
      </c>
      <c r="DK17" s="277">
        <v>0</v>
      </c>
      <c r="DL17" s="279">
        <v>0</v>
      </c>
      <c r="DM17" s="280">
        <v>0</v>
      </c>
      <c r="DN17" s="280">
        <v>0</v>
      </c>
      <c r="DO17" s="280">
        <v>0</v>
      </c>
      <c r="DP17" s="280">
        <v>0</v>
      </c>
      <c r="DQ17" s="280">
        <v>0</v>
      </c>
      <c r="DR17" s="277">
        <v>0</v>
      </c>
      <c r="DS17" s="282">
        <v>0</v>
      </c>
      <c r="DT17" s="276">
        <v>61</v>
      </c>
      <c r="DU17" s="280">
        <v>162</v>
      </c>
      <c r="DV17" s="277">
        <v>223</v>
      </c>
      <c r="DW17" s="279">
        <v>0</v>
      </c>
      <c r="DX17" s="280">
        <v>206</v>
      </c>
      <c r="DY17" s="280">
        <v>356</v>
      </c>
      <c r="DZ17" s="280">
        <v>183</v>
      </c>
      <c r="EA17" s="280">
        <v>125</v>
      </c>
      <c r="EB17" s="280">
        <v>78</v>
      </c>
      <c r="EC17" s="277">
        <v>948</v>
      </c>
      <c r="ED17" s="282">
        <v>1171</v>
      </c>
      <c r="EE17" s="276">
        <v>19</v>
      </c>
      <c r="EF17" s="280">
        <v>10</v>
      </c>
      <c r="EG17" s="277">
        <v>29</v>
      </c>
      <c r="EH17" s="279">
        <v>0</v>
      </c>
      <c r="EI17" s="280">
        <v>60</v>
      </c>
      <c r="EJ17" s="280">
        <v>38</v>
      </c>
      <c r="EK17" s="280">
        <v>26</v>
      </c>
      <c r="EL17" s="280">
        <v>42</v>
      </c>
      <c r="EM17" s="280">
        <v>18</v>
      </c>
      <c r="EN17" s="277">
        <v>184</v>
      </c>
      <c r="EO17" s="282">
        <v>213</v>
      </c>
      <c r="EP17" s="276">
        <v>61</v>
      </c>
      <c r="EQ17" s="280">
        <v>163</v>
      </c>
      <c r="ER17" s="277">
        <v>224</v>
      </c>
      <c r="ES17" s="279">
        <v>0</v>
      </c>
      <c r="ET17" s="280">
        <v>408</v>
      </c>
      <c r="EU17" s="280">
        <v>490</v>
      </c>
      <c r="EV17" s="280">
        <v>230</v>
      </c>
      <c r="EW17" s="280">
        <v>157</v>
      </c>
      <c r="EX17" s="280">
        <v>90</v>
      </c>
      <c r="EY17" s="277">
        <v>1375</v>
      </c>
      <c r="EZ17" s="282">
        <v>1599</v>
      </c>
    </row>
    <row r="18" spans="2:156" ht="21" customHeight="1" x14ac:dyDescent="0.2">
      <c r="B18" s="261" t="s">
        <v>16</v>
      </c>
      <c r="C18" s="276">
        <v>0</v>
      </c>
      <c r="D18" s="280">
        <v>0</v>
      </c>
      <c r="E18" s="384">
        <v>0</v>
      </c>
      <c r="F18" s="279">
        <v>0</v>
      </c>
      <c r="G18" s="280">
        <v>208</v>
      </c>
      <c r="H18" s="280">
        <v>315</v>
      </c>
      <c r="I18" s="280">
        <v>173</v>
      </c>
      <c r="J18" s="280">
        <v>142</v>
      </c>
      <c r="K18" s="280">
        <v>85</v>
      </c>
      <c r="L18" s="281">
        <v>923</v>
      </c>
      <c r="M18" s="282">
        <v>923</v>
      </c>
      <c r="N18" s="276">
        <v>0</v>
      </c>
      <c r="O18" s="280">
        <v>0</v>
      </c>
      <c r="P18" s="277">
        <v>0</v>
      </c>
      <c r="Q18" s="279">
        <v>0</v>
      </c>
      <c r="R18" s="280">
        <v>3</v>
      </c>
      <c r="S18" s="280">
        <v>11</v>
      </c>
      <c r="T18" s="280">
        <v>16</v>
      </c>
      <c r="U18" s="280">
        <v>23</v>
      </c>
      <c r="V18" s="280">
        <v>50</v>
      </c>
      <c r="W18" s="277">
        <v>103</v>
      </c>
      <c r="X18" s="282">
        <v>103</v>
      </c>
      <c r="Y18" s="276">
        <v>32</v>
      </c>
      <c r="Z18" s="280">
        <v>54</v>
      </c>
      <c r="AA18" s="277">
        <v>86</v>
      </c>
      <c r="AB18" s="279">
        <v>0</v>
      </c>
      <c r="AC18" s="280">
        <v>165</v>
      </c>
      <c r="AD18" s="280">
        <v>280</v>
      </c>
      <c r="AE18" s="280">
        <v>180</v>
      </c>
      <c r="AF18" s="280">
        <v>160</v>
      </c>
      <c r="AG18" s="280">
        <v>122</v>
      </c>
      <c r="AH18" s="277">
        <v>907</v>
      </c>
      <c r="AI18" s="282">
        <v>993</v>
      </c>
      <c r="AJ18" s="276">
        <v>2</v>
      </c>
      <c r="AK18" s="280">
        <v>8</v>
      </c>
      <c r="AL18" s="277">
        <v>10</v>
      </c>
      <c r="AM18" s="279">
        <v>0</v>
      </c>
      <c r="AN18" s="280">
        <v>9</v>
      </c>
      <c r="AO18" s="280">
        <v>30</v>
      </c>
      <c r="AP18" s="280">
        <v>16</v>
      </c>
      <c r="AQ18" s="280">
        <v>8</v>
      </c>
      <c r="AR18" s="280">
        <v>8</v>
      </c>
      <c r="AS18" s="277">
        <v>71</v>
      </c>
      <c r="AT18" s="282">
        <v>81</v>
      </c>
      <c r="AU18" s="276">
        <v>43</v>
      </c>
      <c r="AV18" s="280">
        <v>33</v>
      </c>
      <c r="AW18" s="277">
        <v>76</v>
      </c>
      <c r="AX18" s="279">
        <v>0</v>
      </c>
      <c r="AY18" s="280">
        <v>200</v>
      </c>
      <c r="AZ18" s="280">
        <v>294</v>
      </c>
      <c r="BA18" s="280">
        <v>279</v>
      </c>
      <c r="BB18" s="280">
        <v>299</v>
      </c>
      <c r="BC18" s="280">
        <v>220</v>
      </c>
      <c r="BD18" s="281">
        <v>1292</v>
      </c>
      <c r="BE18" s="282">
        <v>1368</v>
      </c>
      <c r="BF18" s="276">
        <v>0</v>
      </c>
      <c r="BG18" s="280">
        <v>0</v>
      </c>
      <c r="BH18" s="277">
        <v>0</v>
      </c>
      <c r="BI18" s="279">
        <v>0</v>
      </c>
      <c r="BJ18" s="280">
        <v>310</v>
      </c>
      <c r="BK18" s="280">
        <v>429</v>
      </c>
      <c r="BL18" s="280">
        <v>245</v>
      </c>
      <c r="BM18" s="280">
        <v>147</v>
      </c>
      <c r="BN18" s="280">
        <v>89</v>
      </c>
      <c r="BO18" s="277">
        <v>1220</v>
      </c>
      <c r="BP18" s="282">
        <v>1220</v>
      </c>
      <c r="BQ18" s="276">
        <v>33</v>
      </c>
      <c r="BR18" s="280">
        <v>84</v>
      </c>
      <c r="BS18" s="277">
        <v>117</v>
      </c>
      <c r="BT18" s="279">
        <v>0</v>
      </c>
      <c r="BU18" s="280">
        <v>186</v>
      </c>
      <c r="BV18" s="280">
        <v>255</v>
      </c>
      <c r="BW18" s="280">
        <v>115</v>
      </c>
      <c r="BX18" s="280">
        <v>65</v>
      </c>
      <c r="BY18" s="280">
        <v>17</v>
      </c>
      <c r="BZ18" s="277">
        <v>638</v>
      </c>
      <c r="CA18" s="282">
        <v>755</v>
      </c>
      <c r="CB18" s="276">
        <v>0</v>
      </c>
      <c r="CC18" s="280">
        <v>0</v>
      </c>
      <c r="CD18" s="277">
        <v>0</v>
      </c>
      <c r="CE18" s="279">
        <v>0</v>
      </c>
      <c r="CF18" s="280">
        <v>37</v>
      </c>
      <c r="CG18" s="280">
        <v>84</v>
      </c>
      <c r="CH18" s="280">
        <v>101</v>
      </c>
      <c r="CI18" s="280">
        <v>42</v>
      </c>
      <c r="CJ18" s="280">
        <v>22</v>
      </c>
      <c r="CK18" s="277">
        <v>286</v>
      </c>
      <c r="CL18" s="282">
        <v>286</v>
      </c>
      <c r="CM18" s="276">
        <v>0</v>
      </c>
      <c r="CN18" s="280">
        <v>0</v>
      </c>
      <c r="CO18" s="277">
        <v>0</v>
      </c>
      <c r="CP18" s="279">
        <v>0</v>
      </c>
      <c r="CQ18" s="280">
        <v>4</v>
      </c>
      <c r="CR18" s="280">
        <v>4</v>
      </c>
      <c r="CS18" s="280">
        <v>8</v>
      </c>
      <c r="CT18" s="280">
        <v>8</v>
      </c>
      <c r="CU18" s="280">
        <v>4</v>
      </c>
      <c r="CV18" s="277">
        <v>28</v>
      </c>
      <c r="CW18" s="282">
        <v>28</v>
      </c>
      <c r="CX18" s="276">
        <v>0</v>
      </c>
      <c r="CY18" s="280">
        <v>0</v>
      </c>
      <c r="CZ18" s="277">
        <v>0</v>
      </c>
      <c r="DA18" s="279">
        <v>0</v>
      </c>
      <c r="DB18" s="280">
        <v>0</v>
      </c>
      <c r="DC18" s="280">
        <v>0</v>
      </c>
      <c r="DD18" s="280">
        <v>0</v>
      </c>
      <c r="DE18" s="280">
        <v>0</v>
      </c>
      <c r="DF18" s="280">
        <v>0</v>
      </c>
      <c r="DG18" s="277">
        <v>0</v>
      </c>
      <c r="DH18" s="282">
        <v>0</v>
      </c>
      <c r="DI18" s="276">
        <v>0</v>
      </c>
      <c r="DJ18" s="280">
        <v>0</v>
      </c>
      <c r="DK18" s="277">
        <v>0</v>
      </c>
      <c r="DL18" s="279">
        <v>0</v>
      </c>
      <c r="DM18" s="280">
        <v>0</v>
      </c>
      <c r="DN18" s="280">
        <v>0</v>
      </c>
      <c r="DO18" s="280">
        <v>0</v>
      </c>
      <c r="DP18" s="280">
        <v>0</v>
      </c>
      <c r="DQ18" s="280">
        <v>0</v>
      </c>
      <c r="DR18" s="277">
        <v>0</v>
      </c>
      <c r="DS18" s="282">
        <v>0</v>
      </c>
      <c r="DT18" s="276">
        <v>162</v>
      </c>
      <c r="DU18" s="280">
        <v>325</v>
      </c>
      <c r="DV18" s="277">
        <v>487</v>
      </c>
      <c r="DW18" s="279">
        <v>0</v>
      </c>
      <c r="DX18" s="280">
        <v>427</v>
      </c>
      <c r="DY18" s="280">
        <v>874</v>
      </c>
      <c r="DZ18" s="280">
        <v>503</v>
      </c>
      <c r="EA18" s="280">
        <v>372</v>
      </c>
      <c r="EB18" s="280">
        <v>213</v>
      </c>
      <c r="EC18" s="277">
        <v>2389</v>
      </c>
      <c r="ED18" s="282">
        <v>2876</v>
      </c>
      <c r="EE18" s="276">
        <v>26</v>
      </c>
      <c r="EF18" s="280">
        <v>21</v>
      </c>
      <c r="EG18" s="277">
        <v>47</v>
      </c>
      <c r="EH18" s="279">
        <v>0</v>
      </c>
      <c r="EI18" s="280">
        <v>97</v>
      </c>
      <c r="EJ18" s="280">
        <v>92</v>
      </c>
      <c r="EK18" s="280">
        <v>88</v>
      </c>
      <c r="EL18" s="280">
        <v>115</v>
      </c>
      <c r="EM18" s="280">
        <v>80</v>
      </c>
      <c r="EN18" s="277">
        <v>472</v>
      </c>
      <c r="EO18" s="282">
        <v>519</v>
      </c>
      <c r="EP18" s="276">
        <v>200</v>
      </c>
      <c r="EQ18" s="280">
        <v>389</v>
      </c>
      <c r="ER18" s="277">
        <v>589</v>
      </c>
      <c r="ES18" s="279">
        <v>0</v>
      </c>
      <c r="ET18" s="280">
        <v>867</v>
      </c>
      <c r="EU18" s="280">
        <v>1169</v>
      </c>
      <c r="EV18" s="280">
        <v>602</v>
      </c>
      <c r="EW18" s="280">
        <v>385</v>
      </c>
      <c r="EX18" s="280">
        <v>217</v>
      </c>
      <c r="EY18" s="277">
        <v>3240</v>
      </c>
      <c r="EZ18" s="282">
        <v>3829</v>
      </c>
    </row>
    <row r="19" spans="2:156" ht="21" customHeight="1" x14ac:dyDescent="0.2">
      <c r="B19" s="261" t="s">
        <v>17</v>
      </c>
      <c r="C19" s="276">
        <v>0</v>
      </c>
      <c r="D19" s="280">
        <v>0</v>
      </c>
      <c r="E19" s="384">
        <v>0</v>
      </c>
      <c r="F19" s="279">
        <v>0</v>
      </c>
      <c r="G19" s="280">
        <v>237</v>
      </c>
      <c r="H19" s="280">
        <v>461</v>
      </c>
      <c r="I19" s="280">
        <v>275</v>
      </c>
      <c r="J19" s="280">
        <v>212</v>
      </c>
      <c r="K19" s="280">
        <v>180</v>
      </c>
      <c r="L19" s="281">
        <v>1365</v>
      </c>
      <c r="M19" s="282">
        <v>1365</v>
      </c>
      <c r="N19" s="276">
        <v>0</v>
      </c>
      <c r="O19" s="280">
        <v>1</v>
      </c>
      <c r="P19" s="277">
        <v>1</v>
      </c>
      <c r="Q19" s="279">
        <v>0</v>
      </c>
      <c r="R19" s="280">
        <v>2</v>
      </c>
      <c r="S19" s="280">
        <v>8</v>
      </c>
      <c r="T19" s="280">
        <v>17</v>
      </c>
      <c r="U19" s="280">
        <v>43</v>
      </c>
      <c r="V19" s="280">
        <v>90</v>
      </c>
      <c r="W19" s="277">
        <v>160</v>
      </c>
      <c r="X19" s="282">
        <v>161</v>
      </c>
      <c r="Y19" s="276">
        <v>29</v>
      </c>
      <c r="Z19" s="280">
        <v>96</v>
      </c>
      <c r="AA19" s="277">
        <v>125</v>
      </c>
      <c r="AB19" s="279">
        <v>0</v>
      </c>
      <c r="AC19" s="280">
        <v>184</v>
      </c>
      <c r="AD19" s="280">
        <v>314</v>
      </c>
      <c r="AE19" s="280">
        <v>237</v>
      </c>
      <c r="AF19" s="280">
        <v>169</v>
      </c>
      <c r="AG19" s="280">
        <v>169</v>
      </c>
      <c r="AH19" s="277">
        <v>1073</v>
      </c>
      <c r="AI19" s="282">
        <v>1198</v>
      </c>
      <c r="AJ19" s="276">
        <v>4</v>
      </c>
      <c r="AK19" s="280">
        <v>13</v>
      </c>
      <c r="AL19" s="277">
        <v>17</v>
      </c>
      <c r="AM19" s="279">
        <v>0</v>
      </c>
      <c r="AN19" s="280">
        <v>11</v>
      </c>
      <c r="AO19" s="280">
        <v>35</v>
      </c>
      <c r="AP19" s="280">
        <v>27</v>
      </c>
      <c r="AQ19" s="280">
        <v>19</v>
      </c>
      <c r="AR19" s="280">
        <v>17</v>
      </c>
      <c r="AS19" s="277">
        <v>109</v>
      </c>
      <c r="AT19" s="282">
        <v>126</v>
      </c>
      <c r="AU19" s="276">
        <v>37</v>
      </c>
      <c r="AV19" s="280">
        <v>57</v>
      </c>
      <c r="AW19" s="277">
        <v>94</v>
      </c>
      <c r="AX19" s="279">
        <v>0</v>
      </c>
      <c r="AY19" s="280">
        <v>248</v>
      </c>
      <c r="AZ19" s="280">
        <v>446</v>
      </c>
      <c r="BA19" s="280">
        <v>401</v>
      </c>
      <c r="BB19" s="280">
        <v>399</v>
      </c>
      <c r="BC19" s="280">
        <v>332</v>
      </c>
      <c r="BD19" s="281">
        <v>1826</v>
      </c>
      <c r="BE19" s="282">
        <v>1920</v>
      </c>
      <c r="BF19" s="276">
        <v>0</v>
      </c>
      <c r="BG19" s="280">
        <v>0</v>
      </c>
      <c r="BH19" s="277">
        <v>0</v>
      </c>
      <c r="BI19" s="279">
        <v>0</v>
      </c>
      <c r="BJ19" s="280">
        <v>350</v>
      </c>
      <c r="BK19" s="280">
        <v>539</v>
      </c>
      <c r="BL19" s="280">
        <v>304</v>
      </c>
      <c r="BM19" s="280">
        <v>163</v>
      </c>
      <c r="BN19" s="280">
        <v>97</v>
      </c>
      <c r="BO19" s="277">
        <v>1453</v>
      </c>
      <c r="BP19" s="282">
        <v>1453</v>
      </c>
      <c r="BQ19" s="276">
        <v>36</v>
      </c>
      <c r="BR19" s="280">
        <v>76</v>
      </c>
      <c r="BS19" s="277">
        <v>112</v>
      </c>
      <c r="BT19" s="279">
        <v>0</v>
      </c>
      <c r="BU19" s="280">
        <v>76</v>
      </c>
      <c r="BV19" s="280">
        <v>188</v>
      </c>
      <c r="BW19" s="280">
        <v>102</v>
      </c>
      <c r="BX19" s="280">
        <v>42</v>
      </c>
      <c r="BY19" s="280">
        <v>25</v>
      </c>
      <c r="BZ19" s="277">
        <v>433</v>
      </c>
      <c r="CA19" s="282">
        <v>545</v>
      </c>
      <c r="CB19" s="276">
        <v>0</v>
      </c>
      <c r="CC19" s="280">
        <v>5</v>
      </c>
      <c r="CD19" s="277">
        <v>5</v>
      </c>
      <c r="CE19" s="279">
        <v>0</v>
      </c>
      <c r="CF19" s="280">
        <v>40</v>
      </c>
      <c r="CG19" s="280">
        <v>67</v>
      </c>
      <c r="CH19" s="280">
        <v>103</v>
      </c>
      <c r="CI19" s="280">
        <v>71</v>
      </c>
      <c r="CJ19" s="280">
        <v>55</v>
      </c>
      <c r="CK19" s="277">
        <v>336</v>
      </c>
      <c r="CL19" s="282">
        <v>341</v>
      </c>
      <c r="CM19" s="276">
        <v>0</v>
      </c>
      <c r="CN19" s="280">
        <v>0</v>
      </c>
      <c r="CO19" s="277">
        <v>0</v>
      </c>
      <c r="CP19" s="279">
        <v>0</v>
      </c>
      <c r="CQ19" s="280">
        <v>5</v>
      </c>
      <c r="CR19" s="280">
        <v>13</v>
      </c>
      <c r="CS19" s="280">
        <v>9</v>
      </c>
      <c r="CT19" s="280">
        <v>10</v>
      </c>
      <c r="CU19" s="280">
        <v>12</v>
      </c>
      <c r="CV19" s="277">
        <v>49</v>
      </c>
      <c r="CW19" s="282">
        <v>49</v>
      </c>
      <c r="CX19" s="276">
        <v>0</v>
      </c>
      <c r="CY19" s="280">
        <v>0</v>
      </c>
      <c r="CZ19" s="277">
        <v>0</v>
      </c>
      <c r="DA19" s="279">
        <v>0</v>
      </c>
      <c r="DB19" s="280">
        <v>0</v>
      </c>
      <c r="DC19" s="280">
        <v>0</v>
      </c>
      <c r="DD19" s="280">
        <v>0</v>
      </c>
      <c r="DE19" s="280">
        <v>0</v>
      </c>
      <c r="DF19" s="280">
        <v>0</v>
      </c>
      <c r="DG19" s="277">
        <v>0</v>
      </c>
      <c r="DH19" s="282">
        <v>0</v>
      </c>
      <c r="DI19" s="276">
        <v>0</v>
      </c>
      <c r="DJ19" s="280">
        <v>0</v>
      </c>
      <c r="DK19" s="277">
        <v>0</v>
      </c>
      <c r="DL19" s="279">
        <v>0</v>
      </c>
      <c r="DM19" s="280">
        <v>0</v>
      </c>
      <c r="DN19" s="280">
        <v>0</v>
      </c>
      <c r="DO19" s="280">
        <v>0</v>
      </c>
      <c r="DP19" s="280">
        <v>0</v>
      </c>
      <c r="DQ19" s="280">
        <v>0</v>
      </c>
      <c r="DR19" s="277">
        <v>0</v>
      </c>
      <c r="DS19" s="282">
        <v>0</v>
      </c>
      <c r="DT19" s="276">
        <v>200</v>
      </c>
      <c r="DU19" s="280">
        <v>481</v>
      </c>
      <c r="DV19" s="277">
        <v>681</v>
      </c>
      <c r="DW19" s="279">
        <v>0</v>
      </c>
      <c r="DX19" s="280">
        <v>429</v>
      </c>
      <c r="DY19" s="280">
        <v>1150</v>
      </c>
      <c r="DZ19" s="280">
        <v>703</v>
      </c>
      <c r="EA19" s="280">
        <v>514</v>
      </c>
      <c r="EB19" s="280">
        <v>372</v>
      </c>
      <c r="EC19" s="277">
        <v>3168</v>
      </c>
      <c r="ED19" s="282">
        <v>3849</v>
      </c>
      <c r="EE19" s="276">
        <v>28</v>
      </c>
      <c r="EF19" s="280">
        <v>31</v>
      </c>
      <c r="EG19" s="277">
        <v>59</v>
      </c>
      <c r="EH19" s="279">
        <v>0</v>
      </c>
      <c r="EI19" s="280">
        <v>95</v>
      </c>
      <c r="EJ19" s="280">
        <v>106</v>
      </c>
      <c r="EK19" s="280">
        <v>81</v>
      </c>
      <c r="EL19" s="280">
        <v>93</v>
      </c>
      <c r="EM19" s="280">
        <v>58</v>
      </c>
      <c r="EN19" s="277">
        <v>433</v>
      </c>
      <c r="EO19" s="282">
        <v>492</v>
      </c>
      <c r="EP19" s="276">
        <v>251</v>
      </c>
      <c r="EQ19" s="280">
        <v>571</v>
      </c>
      <c r="ER19" s="277">
        <v>822</v>
      </c>
      <c r="ES19" s="279">
        <v>0</v>
      </c>
      <c r="ET19" s="280">
        <v>972</v>
      </c>
      <c r="EU19" s="280">
        <v>1518</v>
      </c>
      <c r="EV19" s="280">
        <v>839</v>
      </c>
      <c r="EW19" s="280">
        <v>536</v>
      </c>
      <c r="EX19" s="280">
        <v>377</v>
      </c>
      <c r="EY19" s="277">
        <v>4242</v>
      </c>
      <c r="EZ19" s="282">
        <v>5064</v>
      </c>
    </row>
    <row r="20" spans="2:156" ht="21" customHeight="1" x14ac:dyDescent="0.2">
      <c r="B20" s="261" t="s">
        <v>18</v>
      </c>
      <c r="C20" s="276">
        <v>0</v>
      </c>
      <c r="D20" s="280">
        <v>0</v>
      </c>
      <c r="E20" s="384">
        <v>0</v>
      </c>
      <c r="F20" s="279">
        <v>0</v>
      </c>
      <c r="G20" s="280">
        <v>474</v>
      </c>
      <c r="H20" s="280">
        <v>503</v>
      </c>
      <c r="I20" s="280">
        <v>299</v>
      </c>
      <c r="J20" s="280">
        <v>236</v>
      </c>
      <c r="K20" s="280">
        <v>179</v>
      </c>
      <c r="L20" s="281">
        <v>1691</v>
      </c>
      <c r="M20" s="282">
        <v>1691</v>
      </c>
      <c r="N20" s="276">
        <v>0</v>
      </c>
      <c r="O20" s="280">
        <v>0</v>
      </c>
      <c r="P20" s="277">
        <v>0</v>
      </c>
      <c r="Q20" s="279">
        <v>0</v>
      </c>
      <c r="R20" s="280">
        <v>4</v>
      </c>
      <c r="S20" s="280">
        <v>12</v>
      </c>
      <c r="T20" s="280">
        <v>24</v>
      </c>
      <c r="U20" s="280">
        <v>40</v>
      </c>
      <c r="V20" s="280">
        <v>77</v>
      </c>
      <c r="W20" s="277">
        <v>157</v>
      </c>
      <c r="X20" s="282">
        <v>157</v>
      </c>
      <c r="Y20" s="276">
        <v>49</v>
      </c>
      <c r="Z20" s="280">
        <v>107</v>
      </c>
      <c r="AA20" s="277">
        <v>156</v>
      </c>
      <c r="AB20" s="279">
        <v>0</v>
      </c>
      <c r="AC20" s="280">
        <v>342</v>
      </c>
      <c r="AD20" s="280">
        <v>373</v>
      </c>
      <c r="AE20" s="280">
        <v>247</v>
      </c>
      <c r="AF20" s="280">
        <v>193</v>
      </c>
      <c r="AG20" s="280">
        <v>150</v>
      </c>
      <c r="AH20" s="277">
        <v>1305</v>
      </c>
      <c r="AI20" s="282">
        <v>1461</v>
      </c>
      <c r="AJ20" s="276">
        <v>6</v>
      </c>
      <c r="AK20" s="280">
        <v>11</v>
      </c>
      <c r="AL20" s="277">
        <v>17</v>
      </c>
      <c r="AM20" s="279">
        <v>0</v>
      </c>
      <c r="AN20" s="280">
        <v>30</v>
      </c>
      <c r="AO20" s="280">
        <v>53</v>
      </c>
      <c r="AP20" s="280">
        <v>34</v>
      </c>
      <c r="AQ20" s="280">
        <v>22</v>
      </c>
      <c r="AR20" s="280">
        <v>19</v>
      </c>
      <c r="AS20" s="277">
        <v>158</v>
      </c>
      <c r="AT20" s="282">
        <v>175</v>
      </c>
      <c r="AU20" s="276">
        <v>61</v>
      </c>
      <c r="AV20" s="280">
        <v>71</v>
      </c>
      <c r="AW20" s="277">
        <v>132</v>
      </c>
      <c r="AX20" s="279">
        <v>0</v>
      </c>
      <c r="AY20" s="280">
        <v>425</v>
      </c>
      <c r="AZ20" s="280">
        <v>539</v>
      </c>
      <c r="BA20" s="280">
        <v>491</v>
      </c>
      <c r="BB20" s="280">
        <v>464</v>
      </c>
      <c r="BC20" s="280">
        <v>390</v>
      </c>
      <c r="BD20" s="281">
        <v>2309</v>
      </c>
      <c r="BE20" s="282">
        <v>2441</v>
      </c>
      <c r="BF20" s="276">
        <v>0</v>
      </c>
      <c r="BG20" s="280">
        <v>0</v>
      </c>
      <c r="BH20" s="277">
        <v>0</v>
      </c>
      <c r="BI20" s="279">
        <v>0</v>
      </c>
      <c r="BJ20" s="280">
        <v>689</v>
      </c>
      <c r="BK20" s="280">
        <v>647</v>
      </c>
      <c r="BL20" s="280">
        <v>343</v>
      </c>
      <c r="BM20" s="280">
        <v>199</v>
      </c>
      <c r="BN20" s="280">
        <v>93</v>
      </c>
      <c r="BO20" s="277">
        <v>1971</v>
      </c>
      <c r="BP20" s="282">
        <v>1971</v>
      </c>
      <c r="BQ20" s="276">
        <v>49</v>
      </c>
      <c r="BR20" s="280">
        <v>83</v>
      </c>
      <c r="BS20" s="277">
        <v>132</v>
      </c>
      <c r="BT20" s="279">
        <v>0</v>
      </c>
      <c r="BU20" s="280">
        <v>177</v>
      </c>
      <c r="BV20" s="280">
        <v>195</v>
      </c>
      <c r="BW20" s="280">
        <v>104</v>
      </c>
      <c r="BX20" s="280">
        <v>73</v>
      </c>
      <c r="BY20" s="280">
        <v>25</v>
      </c>
      <c r="BZ20" s="277">
        <v>574</v>
      </c>
      <c r="CA20" s="282">
        <v>706</v>
      </c>
      <c r="CB20" s="276">
        <v>0</v>
      </c>
      <c r="CC20" s="280">
        <v>5</v>
      </c>
      <c r="CD20" s="277">
        <v>5</v>
      </c>
      <c r="CE20" s="279">
        <v>0</v>
      </c>
      <c r="CF20" s="280">
        <v>48</v>
      </c>
      <c r="CG20" s="280">
        <v>98</v>
      </c>
      <c r="CH20" s="280">
        <v>141</v>
      </c>
      <c r="CI20" s="280">
        <v>97</v>
      </c>
      <c r="CJ20" s="280">
        <v>62</v>
      </c>
      <c r="CK20" s="277">
        <v>446</v>
      </c>
      <c r="CL20" s="282">
        <v>451</v>
      </c>
      <c r="CM20" s="276">
        <v>0</v>
      </c>
      <c r="CN20" s="280">
        <v>0</v>
      </c>
      <c r="CO20" s="277">
        <v>0</v>
      </c>
      <c r="CP20" s="279">
        <v>0</v>
      </c>
      <c r="CQ20" s="280">
        <v>3</v>
      </c>
      <c r="CR20" s="280">
        <v>3</v>
      </c>
      <c r="CS20" s="280">
        <v>3</v>
      </c>
      <c r="CT20" s="280">
        <v>2</v>
      </c>
      <c r="CU20" s="280">
        <v>2</v>
      </c>
      <c r="CV20" s="277">
        <v>13</v>
      </c>
      <c r="CW20" s="282">
        <v>13</v>
      </c>
      <c r="CX20" s="276">
        <v>0</v>
      </c>
      <c r="CY20" s="280">
        <v>0</v>
      </c>
      <c r="CZ20" s="277">
        <v>0</v>
      </c>
      <c r="DA20" s="279">
        <v>0</v>
      </c>
      <c r="DB20" s="280">
        <v>0</v>
      </c>
      <c r="DC20" s="280">
        <v>0</v>
      </c>
      <c r="DD20" s="280">
        <v>0</v>
      </c>
      <c r="DE20" s="280">
        <v>0</v>
      </c>
      <c r="DF20" s="280">
        <v>0</v>
      </c>
      <c r="DG20" s="277">
        <v>0</v>
      </c>
      <c r="DH20" s="282">
        <v>0</v>
      </c>
      <c r="DI20" s="276">
        <v>0</v>
      </c>
      <c r="DJ20" s="280">
        <v>0</v>
      </c>
      <c r="DK20" s="277">
        <v>0</v>
      </c>
      <c r="DL20" s="279">
        <v>0</v>
      </c>
      <c r="DM20" s="280">
        <v>0</v>
      </c>
      <c r="DN20" s="280">
        <v>0</v>
      </c>
      <c r="DO20" s="280">
        <v>0</v>
      </c>
      <c r="DP20" s="280">
        <v>0</v>
      </c>
      <c r="DQ20" s="280">
        <v>0</v>
      </c>
      <c r="DR20" s="277">
        <v>0</v>
      </c>
      <c r="DS20" s="282">
        <v>0</v>
      </c>
      <c r="DT20" s="276">
        <v>228</v>
      </c>
      <c r="DU20" s="280">
        <v>499</v>
      </c>
      <c r="DV20" s="277">
        <v>727</v>
      </c>
      <c r="DW20" s="279">
        <v>0</v>
      </c>
      <c r="DX20" s="280">
        <v>801</v>
      </c>
      <c r="DY20" s="280">
        <v>1093</v>
      </c>
      <c r="DZ20" s="280">
        <v>708</v>
      </c>
      <c r="EA20" s="280">
        <v>534</v>
      </c>
      <c r="EB20" s="280">
        <v>341</v>
      </c>
      <c r="EC20" s="277">
        <v>3477</v>
      </c>
      <c r="ED20" s="282">
        <v>4204</v>
      </c>
      <c r="EE20" s="276">
        <v>25</v>
      </c>
      <c r="EF20" s="280">
        <v>14</v>
      </c>
      <c r="EG20" s="277">
        <v>39</v>
      </c>
      <c r="EH20" s="279">
        <v>0</v>
      </c>
      <c r="EI20" s="280">
        <v>122</v>
      </c>
      <c r="EJ20" s="280">
        <v>112</v>
      </c>
      <c r="EK20" s="280">
        <v>86</v>
      </c>
      <c r="EL20" s="280">
        <v>99</v>
      </c>
      <c r="EM20" s="280">
        <v>74</v>
      </c>
      <c r="EN20" s="277">
        <v>493</v>
      </c>
      <c r="EO20" s="282">
        <v>532</v>
      </c>
      <c r="EP20" s="276">
        <v>299</v>
      </c>
      <c r="EQ20" s="280">
        <v>609</v>
      </c>
      <c r="ER20" s="277">
        <v>908</v>
      </c>
      <c r="ES20" s="279">
        <v>0</v>
      </c>
      <c r="ET20" s="280">
        <v>1625</v>
      </c>
      <c r="EU20" s="280">
        <v>1478</v>
      </c>
      <c r="EV20" s="280">
        <v>855</v>
      </c>
      <c r="EW20" s="280">
        <v>553</v>
      </c>
      <c r="EX20" s="280">
        <v>341</v>
      </c>
      <c r="EY20" s="277">
        <v>4852</v>
      </c>
      <c r="EZ20" s="282">
        <v>5760</v>
      </c>
    </row>
    <row r="21" spans="2:156" ht="21" customHeight="1" x14ac:dyDescent="0.2">
      <c r="B21" s="261" t="s">
        <v>19</v>
      </c>
      <c r="C21" s="276">
        <v>0</v>
      </c>
      <c r="D21" s="280">
        <v>0</v>
      </c>
      <c r="E21" s="384">
        <v>0</v>
      </c>
      <c r="F21" s="279">
        <v>0</v>
      </c>
      <c r="G21" s="280">
        <v>197</v>
      </c>
      <c r="H21" s="280">
        <v>152</v>
      </c>
      <c r="I21" s="280">
        <v>94</v>
      </c>
      <c r="J21" s="280">
        <v>81</v>
      </c>
      <c r="K21" s="280">
        <v>58</v>
      </c>
      <c r="L21" s="281">
        <v>582</v>
      </c>
      <c r="M21" s="282">
        <v>582</v>
      </c>
      <c r="N21" s="276">
        <v>0</v>
      </c>
      <c r="O21" s="280">
        <v>0</v>
      </c>
      <c r="P21" s="277">
        <v>0</v>
      </c>
      <c r="Q21" s="279">
        <v>0</v>
      </c>
      <c r="R21" s="280">
        <v>3</v>
      </c>
      <c r="S21" s="280">
        <v>9</v>
      </c>
      <c r="T21" s="280">
        <v>12</v>
      </c>
      <c r="U21" s="280">
        <v>22</v>
      </c>
      <c r="V21" s="280">
        <v>30</v>
      </c>
      <c r="W21" s="277">
        <v>76</v>
      </c>
      <c r="X21" s="282">
        <v>76</v>
      </c>
      <c r="Y21" s="276">
        <v>32</v>
      </c>
      <c r="Z21" s="280">
        <v>57</v>
      </c>
      <c r="AA21" s="277">
        <v>89</v>
      </c>
      <c r="AB21" s="279">
        <v>0</v>
      </c>
      <c r="AC21" s="280">
        <v>140</v>
      </c>
      <c r="AD21" s="280">
        <v>156</v>
      </c>
      <c r="AE21" s="280">
        <v>98</v>
      </c>
      <c r="AF21" s="280">
        <v>73</v>
      </c>
      <c r="AG21" s="280">
        <v>71</v>
      </c>
      <c r="AH21" s="277">
        <v>538</v>
      </c>
      <c r="AI21" s="282">
        <v>627</v>
      </c>
      <c r="AJ21" s="276">
        <v>3</v>
      </c>
      <c r="AK21" s="280">
        <v>5</v>
      </c>
      <c r="AL21" s="277">
        <v>8</v>
      </c>
      <c r="AM21" s="279">
        <v>0</v>
      </c>
      <c r="AN21" s="280">
        <v>20</v>
      </c>
      <c r="AO21" s="280">
        <v>15</v>
      </c>
      <c r="AP21" s="280">
        <v>5</v>
      </c>
      <c r="AQ21" s="280">
        <v>10</v>
      </c>
      <c r="AR21" s="280">
        <v>5</v>
      </c>
      <c r="AS21" s="277">
        <v>55</v>
      </c>
      <c r="AT21" s="282">
        <v>63</v>
      </c>
      <c r="AU21" s="276">
        <v>38</v>
      </c>
      <c r="AV21" s="280">
        <v>33</v>
      </c>
      <c r="AW21" s="277">
        <v>71</v>
      </c>
      <c r="AX21" s="279">
        <v>0</v>
      </c>
      <c r="AY21" s="280">
        <v>174</v>
      </c>
      <c r="AZ21" s="280">
        <v>211</v>
      </c>
      <c r="BA21" s="280">
        <v>172</v>
      </c>
      <c r="BB21" s="280">
        <v>166</v>
      </c>
      <c r="BC21" s="280">
        <v>143</v>
      </c>
      <c r="BD21" s="281">
        <v>866</v>
      </c>
      <c r="BE21" s="282">
        <v>937</v>
      </c>
      <c r="BF21" s="276">
        <v>0</v>
      </c>
      <c r="BG21" s="280">
        <v>0</v>
      </c>
      <c r="BH21" s="277">
        <v>0</v>
      </c>
      <c r="BI21" s="279">
        <v>0</v>
      </c>
      <c r="BJ21" s="280">
        <v>267</v>
      </c>
      <c r="BK21" s="280">
        <v>232</v>
      </c>
      <c r="BL21" s="280">
        <v>126</v>
      </c>
      <c r="BM21" s="280">
        <v>58</v>
      </c>
      <c r="BN21" s="280">
        <v>44</v>
      </c>
      <c r="BO21" s="277">
        <v>727</v>
      </c>
      <c r="BP21" s="282">
        <v>727</v>
      </c>
      <c r="BQ21" s="276">
        <v>34</v>
      </c>
      <c r="BR21" s="280">
        <v>62</v>
      </c>
      <c r="BS21" s="277">
        <v>96</v>
      </c>
      <c r="BT21" s="279">
        <v>0</v>
      </c>
      <c r="BU21" s="280">
        <v>110</v>
      </c>
      <c r="BV21" s="280">
        <v>99</v>
      </c>
      <c r="BW21" s="280">
        <v>68</v>
      </c>
      <c r="BX21" s="280">
        <v>28</v>
      </c>
      <c r="BY21" s="280">
        <v>13</v>
      </c>
      <c r="BZ21" s="277">
        <v>318</v>
      </c>
      <c r="CA21" s="282">
        <v>414</v>
      </c>
      <c r="CB21" s="276">
        <v>0</v>
      </c>
      <c r="CC21" s="280">
        <v>1</v>
      </c>
      <c r="CD21" s="277">
        <v>1</v>
      </c>
      <c r="CE21" s="279">
        <v>0</v>
      </c>
      <c r="CF21" s="280">
        <v>22</v>
      </c>
      <c r="CG21" s="280">
        <v>46</v>
      </c>
      <c r="CH21" s="280">
        <v>58</v>
      </c>
      <c r="CI21" s="280">
        <v>17</v>
      </c>
      <c r="CJ21" s="280">
        <v>19</v>
      </c>
      <c r="CK21" s="277">
        <v>162</v>
      </c>
      <c r="CL21" s="282">
        <v>163</v>
      </c>
      <c r="CM21" s="276">
        <v>0</v>
      </c>
      <c r="CN21" s="280">
        <v>1</v>
      </c>
      <c r="CO21" s="277">
        <v>1</v>
      </c>
      <c r="CP21" s="279">
        <v>0</v>
      </c>
      <c r="CQ21" s="280">
        <v>5</v>
      </c>
      <c r="CR21" s="280">
        <v>11</v>
      </c>
      <c r="CS21" s="280">
        <v>11</v>
      </c>
      <c r="CT21" s="280">
        <v>13</v>
      </c>
      <c r="CU21" s="280">
        <v>3</v>
      </c>
      <c r="CV21" s="277">
        <v>43</v>
      </c>
      <c r="CW21" s="282">
        <v>44</v>
      </c>
      <c r="CX21" s="276">
        <v>0</v>
      </c>
      <c r="CY21" s="280">
        <v>0</v>
      </c>
      <c r="CZ21" s="277">
        <v>0</v>
      </c>
      <c r="DA21" s="279">
        <v>0</v>
      </c>
      <c r="DB21" s="280">
        <v>0</v>
      </c>
      <c r="DC21" s="280">
        <v>0</v>
      </c>
      <c r="DD21" s="280">
        <v>0</v>
      </c>
      <c r="DE21" s="280">
        <v>0</v>
      </c>
      <c r="DF21" s="280">
        <v>0</v>
      </c>
      <c r="DG21" s="277">
        <v>0</v>
      </c>
      <c r="DH21" s="282">
        <v>0</v>
      </c>
      <c r="DI21" s="276">
        <v>0</v>
      </c>
      <c r="DJ21" s="280">
        <v>0</v>
      </c>
      <c r="DK21" s="277">
        <v>0</v>
      </c>
      <c r="DL21" s="279">
        <v>0</v>
      </c>
      <c r="DM21" s="280">
        <v>0</v>
      </c>
      <c r="DN21" s="280">
        <v>0</v>
      </c>
      <c r="DO21" s="280">
        <v>0</v>
      </c>
      <c r="DP21" s="280">
        <v>0</v>
      </c>
      <c r="DQ21" s="280">
        <v>0</v>
      </c>
      <c r="DR21" s="277">
        <v>0</v>
      </c>
      <c r="DS21" s="282">
        <v>0</v>
      </c>
      <c r="DT21" s="276">
        <v>117</v>
      </c>
      <c r="DU21" s="280">
        <v>228</v>
      </c>
      <c r="DV21" s="277">
        <v>345</v>
      </c>
      <c r="DW21" s="279">
        <v>0</v>
      </c>
      <c r="DX21" s="280">
        <v>420</v>
      </c>
      <c r="DY21" s="280">
        <v>442</v>
      </c>
      <c r="DZ21" s="280">
        <v>278</v>
      </c>
      <c r="EA21" s="280">
        <v>194</v>
      </c>
      <c r="EB21" s="280">
        <v>144</v>
      </c>
      <c r="EC21" s="277">
        <v>1478</v>
      </c>
      <c r="ED21" s="282">
        <v>1823</v>
      </c>
      <c r="EE21" s="276">
        <v>15</v>
      </c>
      <c r="EF21" s="280">
        <v>13</v>
      </c>
      <c r="EG21" s="277">
        <v>28</v>
      </c>
      <c r="EH21" s="279">
        <v>0</v>
      </c>
      <c r="EI21" s="280">
        <v>67</v>
      </c>
      <c r="EJ21" s="280">
        <v>57</v>
      </c>
      <c r="EK21" s="280">
        <v>49</v>
      </c>
      <c r="EL21" s="280">
        <v>54</v>
      </c>
      <c r="EM21" s="280">
        <v>27</v>
      </c>
      <c r="EN21" s="277">
        <v>254</v>
      </c>
      <c r="EO21" s="282">
        <v>282</v>
      </c>
      <c r="EP21" s="276">
        <v>169</v>
      </c>
      <c r="EQ21" s="280">
        <v>289</v>
      </c>
      <c r="ER21" s="277">
        <v>458</v>
      </c>
      <c r="ES21" s="279">
        <v>0</v>
      </c>
      <c r="ET21" s="280">
        <v>739</v>
      </c>
      <c r="EU21" s="280">
        <v>579</v>
      </c>
      <c r="EV21" s="280">
        <v>316</v>
      </c>
      <c r="EW21" s="280">
        <v>190</v>
      </c>
      <c r="EX21" s="280">
        <v>130</v>
      </c>
      <c r="EY21" s="277">
        <v>1954</v>
      </c>
      <c r="EZ21" s="282">
        <v>2412</v>
      </c>
    </row>
    <row r="22" spans="2:156" ht="21" customHeight="1" x14ac:dyDescent="0.2">
      <c r="B22" s="261" t="s">
        <v>20</v>
      </c>
      <c r="C22" s="276">
        <v>0</v>
      </c>
      <c r="D22" s="280">
        <v>0</v>
      </c>
      <c r="E22" s="384">
        <v>0</v>
      </c>
      <c r="F22" s="279">
        <v>0</v>
      </c>
      <c r="G22" s="280">
        <v>259</v>
      </c>
      <c r="H22" s="280">
        <v>171</v>
      </c>
      <c r="I22" s="280">
        <v>138</v>
      </c>
      <c r="J22" s="280">
        <v>90</v>
      </c>
      <c r="K22" s="280">
        <v>61</v>
      </c>
      <c r="L22" s="281">
        <v>719</v>
      </c>
      <c r="M22" s="282">
        <v>719</v>
      </c>
      <c r="N22" s="276">
        <v>0</v>
      </c>
      <c r="O22" s="280">
        <v>0</v>
      </c>
      <c r="P22" s="277">
        <v>0</v>
      </c>
      <c r="Q22" s="279">
        <v>0</v>
      </c>
      <c r="R22" s="280">
        <v>1</v>
      </c>
      <c r="S22" s="280">
        <v>8</v>
      </c>
      <c r="T22" s="280">
        <v>11</v>
      </c>
      <c r="U22" s="280">
        <v>21</v>
      </c>
      <c r="V22" s="280">
        <v>34</v>
      </c>
      <c r="W22" s="277">
        <v>75</v>
      </c>
      <c r="X22" s="282">
        <v>75</v>
      </c>
      <c r="Y22" s="276">
        <v>45</v>
      </c>
      <c r="Z22" s="280">
        <v>81</v>
      </c>
      <c r="AA22" s="277">
        <v>126</v>
      </c>
      <c r="AB22" s="279">
        <v>0</v>
      </c>
      <c r="AC22" s="280">
        <v>232</v>
      </c>
      <c r="AD22" s="280">
        <v>183</v>
      </c>
      <c r="AE22" s="280">
        <v>121</v>
      </c>
      <c r="AF22" s="280">
        <v>81</v>
      </c>
      <c r="AG22" s="280">
        <v>50</v>
      </c>
      <c r="AH22" s="277">
        <v>667</v>
      </c>
      <c r="AI22" s="282">
        <v>793</v>
      </c>
      <c r="AJ22" s="276">
        <v>9</v>
      </c>
      <c r="AK22" s="280">
        <v>40</v>
      </c>
      <c r="AL22" s="277">
        <v>49</v>
      </c>
      <c r="AM22" s="279">
        <v>0</v>
      </c>
      <c r="AN22" s="280">
        <v>58</v>
      </c>
      <c r="AO22" s="280">
        <v>54</v>
      </c>
      <c r="AP22" s="280">
        <v>35</v>
      </c>
      <c r="AQ22" s="280">
        <v>26</v>
      </c>
      <c r="AR22" s="280">
        <v>9</v>
      </c>
      <c r="AS22" s="277">
        <v>182</v>
      </c>
      <c r="AT22" s="282">
        <v>231</v>
      </c>
      <c r="AU22" s="276">
        <v>31</v>
      </c>
      <c r="AV22" s="280">
        <v>44</v>
      </c>
      <c r="AW22" s="277">
        <v>75</v>
      </c>
      <c r="AX22" s="279">
        <v>0</v>
      </c>
      <c r="AY22" s="280">
        <v>234</v>
      </c>
      <c r="AZ22" s="280">
        <v>214</v>
      </c>
      <c r="BA22" s="280">
        <v>224</v>
      </c>
      <c r="BB22" s="280">
        <v>201</v>
      </c>
      <c r="BC22" s="280">
        <v>123</v>
      </c>
      <c r="BD22" s="281">
        <v>996</v>
      </c>
      <c r="BE22" s="282">
        <v>1071</v>
      </c>
      <c r="BF22" s="276">
        <v>0</v>
      </c>
      <c r="BG22" s="280">
        <v>0</v>
      </c>
      <c r="BH22" s="277">
        <v>0</v>
      </c>
      <c r="BI22" s="279">
        <v>0</v>
      </c>
      <c r="BJ22" s="280">
        <v>304</v>
      </c>
      <c r="BK22" s="280">
        <v>211</v>
      </c>
      <c r="BL22" s="280">
        <v>126</v>
      </c>
      <c r="BM22" s="280">
        <v>66</v>
      </c>
      <c r="BN22" s="280">
        <v>26</v>
      </c>
      <c r="BO22" s="277">
        <v>733</v>
      </c>
      <c r="BP22" s="282">
        <v>733</v>
      </c>
      <c r="BQ22" s="276">
        <v>14</v>
      </c>
      <c r="BR22" s="280">
        <v>30</v>
      </c>
      <c r="BS22" s="277">
        <v>44</v>
      </c>
      <c r="BT22" s="279">
        <v>0</v>
      </c>
      <c r="BU22" s="280">
        <v>149</v>
      </c>
      <c r="BV22" s="280">
        <v>108</v>
      </c>
      <c r="BW22" s="280">
        <v>64</v>
      </c>
      <c r="BX22" s="280">
        <v>35</v>
      </c>
      <c r="BY22" s="280">
        <v>16</v>
      </c>
      <c r="BZ22" s="277">
        <v>372</v>
      </c>
      <c r="CA22" s="282">
        <v>416</v>
      </c>
      <c r="CB22" s="276">
        <v>1</v>
      </c>
      <c r="CC22" s="280">
        <v>7</v>
      </c>
      <c r="CD22" s="277">
        <v>8</v>
      </c>
      <c r="CE22" s="279">
        <v>0</v>
      </c>
      <c r="CF22" s="280">
        <v>48</v>
      </c>
      <c r="CG22" s="280">
        <v>59</v>
      </c>
      <c r="CH22" s="280">
        <v>72</v>
      </c>
      <c r="CI22" s="280">
        <v>52</v>
      </c>
      <c r="CJ22" s="280">
        <v>20</v>
      </c>
      <c r="CK22" s="277">
        <v>251</v>
      </c>
      <c r="CL22" s="282">
        <v>259</v>
      </c>
      <c r="CM22" s="276">
        <v>0</v>
      </c>
      <c r="CN22" s="280">
        <v>0</v>
      </c>
      <c r="CO22" s="277">
        <v>0</v>
      </c>
      <c r="CP22" s="279">
        <v>0</v>
      </c>
      <c r="CQ22" s="280">
        <v>1</v>
      </c>
      <c r="CR22" s="280">
        <v>6</v>
      </c>
      <c r="CS22" s="280">
        <v>12</v>
      </c>
      <c r="CT22" s="280">
        <v>5</v>
      </c>
      <c r="CU22" s="280">
        <v>3</v>
      </c>
      <c r="CV22" s="277">
        <v>27</v>
      </c>
      <c r="CW22" s="282">
        <v>27</v>
      </c>
      <c r="CX22" s="276">
        <v>0</v>
      </c>
      <c r="CY22" s="280">
        <v>0</v>
      </c>
      <c r="CZ22" s="277">
        <v>0</v>
      </c>
      <c r="DA22" s="279">
        <v>0</v>
      </c>
      <c r="DB22" s="280">
        <v>0</v>
      </c>
      <c r="DC22" s="280">
        <v>0</v>
      </c>
      <c r="DD22" s="280">
        <v>0</v>
      </c>
      <c r="DE22" s="280">
        <v>0</v>
      </c>
      <c r="DF22" s="280">
        <v>0</v>
      </c>
      <c r="DG22" s="277">
        <v>0</v>
      </c>
      <c r="DH22" s="282">
        <v>0</v>
      </c>
      <c r="DI22" s="276">
        <v>0</v>
      </c>
      <c r="DJ22" s="280">
        <v>0</v>
      </c>
      <c r="DK22" s="277">
        <v>0</v>
      </c>
      <c r="DL22" s="279">
        <v>0</v>
      </c>
      <c r="DM22" s="280">
        <v>0</v>
      </c>
      <c r="DN22" s="280">
        <v>0</v>
      </c>
      <c r="DO22" s="280">
        <v>0</v>
      </c>
      <c r="DP22" s="280">
        <v>0</v>
      </c>
      <c r="DQ22" s="280">
        <v>0</v>
      </c>
      <c r="DR22" s="277">
        <v>0</v>
      </c>
      <c r="DS22" s="282">
        <v>0</v>
      </c>
      <c r="DT22" s="276">
        <v>117</v>
      </c>
      <c r="DU22" s="280">
        <v>319</v>
      </c>
      <c r="DV22" s="277">
        <v>436</v>
      </c>
      <c r="DW22" s="279">
        <v>0</v>
      </c>
      <c r="DX22" s="280">
        <v>529</v>
      </c>
      <c r="DY22" s="280">
        <v>466</v>
      </c>
      <c r="DZ22" s="280">
        <v>322</v>
      </c>
      <c r="EA22" s="280">
        <v>218</v>
      </c>
      <c r="EB22" s="280">
        <v>105</v>
      </c>
      <c r="EC22" s="277">
        <v>1640</v>
      </c>
      <c r="ED22" s="282">
        <v>2076</v>
      </c>
      <c r="EE22" s="276">
        <v>15</v>
      </c>
      <c r="EF22" s="280">
        <v>14</v>
      </c>
      <c r="EG22" s="277">
        <v>29</v>
      </c>
      <c r="EH22" s="279">
        <v>0</v>
      </c>
      <c r="EI22" s="280">
        <v>69</v>
      </c>
      <c r="EJ22" s="280">
        <v>54</v>
      </c>
      <c r="EK22" s="280">
        <v>51</v>
      </c>
      <c r="EL22" s="280">
        <v>61</v>
      </c>
      <c r="EM22" s="280">
        <v>31</v>
      </c>
      <c r="EN22" s="277">
        <v>266</v>
      </c>
      <c r="EO22" s="282">
        <v>295</v>
      </c>
      <c r="EP22" s="276">
        <v>171</v>
      </c>
      <c r="EQ22" s="280">
        <v>410</v>
      </c>
      <c r="ER22" s="277">
        <v>581</v>
      </c>
      <c r="ES22" s="279">
        <v>0</v>
      </c>
      <c r="ET22" s="280">
        <v>983</v>
      </c>
      <c r="EU22" s="280">
        <v>621</v>
      </c>
      <c r="EV22" s="280">
        <v>407</v>
      </c>
      <c r="EW22" s="280">
        <v>239</v>
      </c>
      <c r="EX22" s="280">
        <v>113</v>
      </c>
      <c r="EY22" s="277">
        <v>2363</v>
      </c>
      <c r="EZ22" s="282">
        <v>2944</v>
      </c>
    </row>
    <row r="23" spans="2:156" ht="21" customHeight="1" x14ac:dyDescent="0.2">
      <c r="B23" s="261" t="s">
        <v>21</v>
      </c>
      <c r="C23" s="276">
        <v>0</v>
      </c>
      <c r="D23" s="280">
        <v>0</v>
      </c>
      <c r="E23" s="384">
        <v>0</v>
      </c>
      <c r="F23" s="279">
        <v>0</v>
      </c>
      <c r="G23" s="280">
        <v>239</v>
      </c>
      <c r="H23" s="280">
        <v>344</v>
      </c>
      <c r="I23" s="280">
        <v>175</v>
      </c>
      <c r="J23" s="280">
        <v>137</v>
      </c>
      <c r="K23" s="280">
        <v>89</v>
      </c>
      <c r="L23" s="281">
        <v>984</v>
      </c>
      <c r="M23" s="282">
        <v>984</v>
      </c>
      <c r="N23" s="276">
        <v>0</v>
      </c>
      <c r="O23" s="280">
        <v>0</v>
      </c>
      <c r="P23" s="277">
        <v>0</v>
      </c>
      <c r="Q23" s="279">
        <v>0</v>
      </c>
      <c r="R23" s="280">
        <v>0</v>
      </c>
      <c r="S23" s="280">
        <v>5</v>
      </c>
      <c r="T23" s="280">
        <v>10</v>
      </c>
      <c r="U23" s="280">
        <v>30</v>
      </c>
      <c r="V23" s="280">
        <v>39</v>
      </c>
      <c r="W23" s="277">
        <v>84</v>
      </c>
      <c r="X23" s="282">
        <v>84</v>
      </c>
      <c r="Y23" s="276">
        <v>50</v>
      </c>
      <c r="Z23" s="280">
        <v>87</v>
      </c>
      <c r="AA23" s="277">
        <v>137</v>
      </c>
      <c r="AB23" s="279">
        <v>0</v>
      </c>
      <c r="AC23" s="280">
        <v>190</v>
      </c>
      <c r="AD23" s="280">
        <v>264</v>
      </c>
      <c r="AE23" s="280">
        <v>137</v>
      </c>
      <c r="AF23" s="280">
        <v>137</v>
      </c>
      <c r="AG23" s="280">
        <v>78</v>
      </c>
      <c r="AH23" s="277">
        <v>806</v>
      </c>
      <c r="AI23" s="282">
        <v>943</v>
      </c>
      <c r="AJ23" s="276">
        <v>14</v>
      </c>
      <c r="AK23" s="280">
        <v>25</v>
      </c>
      <c r="AL23" s="277">
        <v>39</v>
      </c>
      <c r="AM23" s="279">
        <v>0</v>
      </c>
      <c r="AN23" s="280">
        <v>16</v>
      </c>
      <c r="AO23" s="280">
        <v>36</v>
      </c>
      <c r="AP23" s="280">
        <v>13</v>
      </c>
      <c r="AQ23" s="280">
        <v>11</v>
      </c>
      <c r="AR23" s="280">
        <v>9</v>
      </c>
      <c r="AS23" s="277">
        <v>85</v>
      </c>
      <c r="AT23" s="282">
        <v>124</v>
      </c>
      <c r="AU23" s="276">
        <v>40</v>
      </c>
      <c r="AV23" s="280">
        <v>39</v>
      </c>
      <c r="AW23" s="277">
        <v>79</v>
      </c>
      <c r="AX23" s="279">
        <v>0</v>
      </c>
      <c r="AY23" s="280">
        <v>235</v>
      </c>
      <c r="AZ23" s="280">
        <v>329</v>
      </c>
      <c r="BA23" s="280">
        <v>292</v>
      </c>
      <c r="BB23" s="280">
        <v>245</v>
      </c>
      <c r="BC23" s="280">
        <v>182</v>
      </c>
      <c r="BD23" s="281">
        <v>1283</v>
      </c>
      <c r="BE23" s="282">
        <v>1362</v>
      </c>
      <c r="BF23" s="276">
        <v>0</v>
      </c>
      <c r="BG23" s="280">
        <v>0</v>
      </c>
      <c r="BH23" s="277">
        <v>0</v>
      </c>
      <c r="BI23" s="279">
        <v>0</v>
      </c>
      <c r="BJ23" s="280">
        <v>292</v>
      </c>
      <c r="BK23" s="280">
        <v>348</v>
      </c>
      <c r="BL23" s="280">
        <v>191</v>
      </c>
      <c r="BM23" s="280">
        <v>104</v>
      </c>
      <c r="BN23" s="280">
        <v>41</v>
      </c>
      <c r="BO23" s="277">
        <v>976</v>
      </c>
      <c r="BP23" s="282">
        <v>976</v>
      </c>
      <c r="BQ23" s="276">
        <v>28</v>
      </c>
      <c r="BR23" s="280">
        <v>41</v>
      </c>
      <c r="BS23" s="277">
        <v>69</v>
      </c>
      <c r="BT23" s="279">
        <v>0</v>
      </c>
      <c r="BU23" s="280">
        <v>60</v>
      </c>
      <c r="BV23" s="280">
        <v>81</v>
      </c>
      <c r="BW23" s="280">
        <v>33</v>
      </c>
      <c r="BX23" s="280">
        <v>16</v>
      </c>
      <c r="BY23" s="280">
        <v>11</v>
      </c>
      <c r="BZ23" s="277">
        <v>201</v>
      </c>
      <c r="CA23" s="282">
        <v>270</v>
      </c>
      <c r="CB23" s="276">
        <v>2</v>
      </c>
      <c r="CC23" s="280">
        <v>4</v>
      </c>
      <c r="CD23" s="277">
        <v>6</v>
      </c>
      <c r="CE23" s="279">
        <v>0</v>
      </c>
      <c r="CF23" s="280">
        <v>26</v>
      </c>
      <c r="CG23" s="280">
        <v>52</v>
      </c>
      <c r="CH23" s="280">
        <v>76</v>
      </c>
      <c r="CI23" s="280">
        <v>55</v>
      </c>
      <c r="CJ23" s="280">
        <v>37</v>
      </c>
      <c r="CK23" s="277">
        <v>246</v>
      </c>
      <c r="CL23" s="282">
        <v>252</v>
      </c>
      <c r="CM23" s="276">
        <v>0</v>
      </c>
      <c r="CN23" s="280">
        <v>0</v>
      </c>
      <c r="CO23" s="277">
        <v>0</v>
      </c>
      <c r="CP23" s="279">
        <v>0</v>
      </c>
      <c r="CQ23" s="280">
        <v>0</v>
      </c>
      <c r="CR23" s="280">
        <v>4</v>
      </c>
      <c r="CS23" s="280">
        <v>3</v>
      </c>
      <c r="CT23" s="280">
        <v>3</v>
      </c>
      <c r="CU23" s="280">
        <v>3</v>
      </c>
      <c r="CV23" s="277">
        <v>13</v>
      </c>
      <c r="CW23" s="282">
        <v>13</v>
      </c>
      <c r="CX23" s="276">
        <v>0</v>
      </c>
      <c r="CY23" s="280">
        <v>0</v>
      </c>
      <c r="CZ23" s="277">
        <v>0</v>
      </c>
      <c r="DA23" s="279">
        <v>0</v>
      </c>
      <c r="DB23" s="280">
        <v>0</v>
      </c>
      <c r="DC23" s="280">
        <v>0</v>
      </c>
      <c r="DD23" s="280">
        <v>0</v>
      </c>
      <c r="DE23" s="280">
        <v>0</v>
      </c>
      <c r="DF23" s="280">
        <v>0</v>
      </c>
      <c r="DG23" s="277">
        <v>0</v>
      </c>
      <c r="DH23" s="282">
        <v>0</v>
      </c>
      <c r="DI23" s="276">
        <v>0</v>
      </c>
      <c r="DJ23" s="280">
        <v>0</v>
      </c>
      <c r="DK23" s="277">
        <v>0</v>
      </c>
      <c r="DL23" s="279">
        <v>0</v>
      </c>
      <c r="DM23" s="280">
        <v>0</v>
      </c>
      <c r="DN23" s="280">
        <v>0</v>
      </c>
      <c r="DO23" s="280">
        <v>0</v>
      </c>
      <c r="DP23" s="280">
        <v>0</v>
      </c>
      <c r="DQ23" s="280">
        <v>0</v>
      </c>
      <c r="DR23" s="277">
        <v>0</v>
      </c>
      <c r="DS23" s="282">
        <v>0</v>
      </c>
      <c r="DT23" s="276">
        <v>175</v>
      </c>
      <c r="DU23" s="280">
        <v>315</v>
      </c>
      <c r="DV23" s="277">
        <v>490</v>
      </c>
      <c r="DW23" s="279">
        <v>0</v>
      </c>
      <c r="DX23" s="280">
        <v>347</v>
      </c>
      <c r="DY23" s="280">
        <v>660</v>
      </c>
      <c r="DZ23" s="280">
        <v>384</v>
      </c>
      <c r="EA23" s="280">
        <v>298</v>
      </c>
      <c r="EB23" s="280">
        <v>153</v>
      </c>
      <c r="EC23" s="277">
        <v>1842</v>
      </c>
      <c r="ED23" s="282">
        <v>2332</v>
      </c>
      <c r="EE23" s="276">
        <v>13</v>
      </c>
      <c r="EF23" s="280">
        <v>14</v>
      </c>
      <c r="EG23" s="277">
        <v>27</v>
      </c>
      <c r="EH23" s="279">
        <v>0</v>
      </c>
      <c r="EI23" s="280">
        <v>66</v>
      </c>
      <c r="EJ23" s="280">
        <v>66</v>
      </c>
      <c r="EK23" s="280">
        <v>71</v>
      </c>
      <c r="EL23" s="280">
        <v>50</v>
      </c>
      <c r="EM23" s="280">
        <v>40</v>
      </c>
      <c r="EN23" s="277">
        <v>293</v>
      </c>
      <c r="EO23" s="282">
        <v>320</v>
      </c>
      <c r="EP23" s="276">
        <v>239</v>
      </c>
      <c r="EQ23" s="280">
        <v>393</v>
      </c>
      <c r="ER23" s="277">
        <v>632</v>
      </c>
      <c r="ES23" s="279">
        <v>0</v>
      </c>
      <c r="ET23" s="280">
        <v>783</v>
      </c>
      <c r="EU23" s="280">
        <v>924</v>
      </c>
      <c r="EV23" s="280">
        <v>470</v>
      </c>
      <c r="EW23" s="280">
        <v>318</v>
      </c>
      <c r="EX23" s="280">
        <v>172</v>
      </c>
      <c r="EY23" s="277">
        <v>2667</v>
      </c>
      <c r="EZ23" s="282">
        <v>3299</v>
      </c>
    </row>
    <row r="24" spans="2:156" ht="21" customHeight="1" x14ac:dyDescent="0.2">
      <c r="B24" s="261" t="s">
        <v>22</v>
      </c>
      <c r="C24" s="276">
        <v>0</v>
      </c>
      <c r="D24" s="280">
        <v>0</v>
      </c>
      <c r="E24" s="384">
        <v>0</v>
      </c>
      <c r="F24" s="279">
        <v>0</v>
      </c>
      <c r="G24" s="280">
        <v>64</v>
      </c>
      <c r="H24" s="280">
        <v>60</v>
      </c>
      <c r="I24" s="280">
        <v>43</v>
      </c>
      <c r="J24" s="280">
        <v>34</v>
      </c>
      <c r="K24" s="280">
        <v>32</v>
      </c>
      <c r="L24" s="281">
        <v>233</v>
      </c>
      <c r="M24" s="282">
        <v>233</v>
      </c>
      <c r="N24" s="276">
        <v>0</v>
      </c>
      <c r="O24" s="280">
        <v>0</v>
      </c>
      <c r="P24" s="277">
        <v>0</v>
      </c>
      <c r="Q24" s="279">
        <v>0</v>
      </c>
      <c r="R24" s="280">
        <v>2</v>
      </c>
      <c r="S24" s="280">
        <v>2</v>
      </c>
      <c r="T24" s="280">
        <v>4</v>
      </c>
      <c r="U24" s="280">
        <v>7</v>
      </c>
      <c r="V24" s="280">
        <v>16</v>
      </c>
      <c r="W24" s="277">
        <v>31</v>
      </c>
      <c r="X24" s="282">
        <v>31</v>
      </c>
      <c r="Y24" s="276">
        <v>6</v>
      </c>
      <c r="Z24" s="280">
        <v>11</v>
      </c>
      <c r="AA24" s="277">
        <v>17</v>
      </c>
      <c r="AB24" s="279">
        <v>0</v>
      </c>
      <c r="AC24" s="280">
        <v>54</v>
      </c>
      <c r="AD24" s="280">
        <v>69</v>
      </c>
      <c r="AE24" s="280">
        <v>35</v>
      </c>
      <c r="AF24" s="280">
        <v>32</v>
      </c>
      <c r="AG24" s="280">
        <v>30</v>
      </c>
      <c r="AH24" s="277">
        <v>220</v>
      </c>
      <c r="AI24" s="282">
        <v>237</v>
      </c>
      <c r="AJ24" s="276">
        <v>0</v>
      </c>
      <c r="AK24" s="280">
        <v>2</v>
      </c>
      <c r="AL24" s="277">
        <v>2</v>
      </c>
      <c r="AM24" s="279">
        <v>0</v>
      </c>
      <c r="AN24" s="280">
        <v>7</v>
      </c>
      <c r="AO24" s="280">
        <v>13</v>
      </c>
      <c r="AP24" s="280">
        <v>7</v>
      </c>
      <c r="AQ24" s="280">
        <v>4</v>
      </c>
      <c r="AR24" s="280">
        <v>7</v>
      </c>
      <c r="AS24" s="277">
        <v>38</v>
      </c>
      <c r="AT24" s="282">
        <v>40</v>
      </c>
      <c r="AU24" s="276">
        <v>4</v>
      </c>
      <c r="AV24" s="280">
        <v>7</v>
      </c>
      <c r="AW24" s="277">
        <v>11</v>
      </c>
      <c r="AX24" s="279">
        <v>0</v>
      </c>
      <c r="AY24" s="280">
        <v>71</v>
      </c>
      <c r="AZ24" s="280">
        <v>78</v>
      </c>
      <c r="BA24" s="280">
        <v>67</v>
      </c>
      <c r="BB24" s="280">
        <v>51</v>
      </c>
      <c r="BC24" s="280">
        <v>34</v>
      </c>
      <c r="BD24" s="281">
        <v>301</v>
      </c>
      <c r="BE24" s="282">
        <v>312</v>
      </c>
      <c r="BF24" s="276">
        <v>0</v>
      </c>
      <c r="BG24" s="280">
        <v>0</v>
      </c>
      <c r="BH24" s="277">
        <v>0</v>
      </c>
      <c r="BI24" s="279">
        <v>0</v>
      </c>
      <c r="BJ24" s="280">
        <v>120</v>
      </c>
      <c r="BK24" s="280">
        <v>115</v>
      </c>
      <c r="BL24" s="280">
        <v>58</v>
      </c>
      <c r="BM24" s="280">
        <v>32</v>
      </c>
      <c r="BN24" s="280">
        <v>22</v>
      </c>
      <c r="BO24" s="277">
        <v>347</v>
      </c>
      <c r="BP24" s="282">
        <v>347</v>
      </c>
      <c r="BQ24" s="276">
        <v>1</v>
      </c>
      <c r="BR24" s="280">
        <v>6</v>
      </c>
      <c r="BS24" s="277">
        <v>7</v>
      </c>
      <c r="BT24" s="279">
        <v>0</v>
      </c>
      <c r="BU24" s="280">
        <v>20</v>
      </c>
      <c r="BV24" s="280">
        <v>22</v>
      </c>
      <c r="BW24" s="280">
        <v>20</v>
      </c>
      <c r="BX24" s="280">
        <v>13</v>
      </c>
      <c r="BY24" s="280">
        <v>8</v>
      </c>
      <c r="BZ24" s="277">
        <v>83</v>
      </c>
      <c r="CA24" s="282">
        <v>90</v>
      </c>
      <c r="CB24" s="276">
        <v>0</v>
      </c>
      <c r="CC24" s="280">
        <v>0</v>
      </c>
      <c r="CD24" s="277">
        <v>0</v>
      </c>
      <c r="CE24" s="279">
        <v>0</v>
      </c>
      <c r="CF24" s="280">
        <v>10</v>
      </c>
      <c r="CG24" s="280">
        <v>20</v>
      </c>
      <c r="CH24" s="280">
        <v>24</v>
      </c>
      <c r="CI24" s="280">
        <v>23</v>
      </c>
      <c r="CJ24" s="280">
        <v>7</v>
      </c>
      <c r="CK24" s="277">
        <v>84</v>
      </c>
      <c r="CL24" s="282">
        <v>84</v>
      </c>
      <c r="CM24" s="276">
        <v>0</v>
      </c>
      <c r="CN24" s="280">
        <v>0</v>
      </c>
      <c r="CO24" s="277">
        <v>0</v>
      </c>
      <c r="CP24" s="279">
        <v>0</v>
      </c>
      <c r="CQ24" s="280">
        <v>0</v>
      </c>
      <c r="CR24" s="280">
        <v>3</v>
      </c>
      <c r="CS24" s="280">
        <v>4</v>
      </c>
      <c r="CT24" s="280">
        <v>7</v>
      </c>
      <c r="CU24" s="280">
        <v>1</v>
      </c>
      <c r="CV24" s="277">
        <v>15</v>
      </c>
      <c r="CW24" s="282">
        <v>15</v>
      </c>
      <c r="CX24" s="276">
        <v>0</v>
      </c>
      <c r="CY24" s="280">
        <v>0</v>
      </c>
      <c r="CZ24" s="277">
        <v>0</v>
      </c>
      <c r="DA24" s="279">
        <v>0</v>
      </c>
      <c r="DB24" s="280">
        <v>0</v>
      </c>
      <c r="DC24" s="280">
        <v>0</v>
      </c>
      <c r="DD24" s="280">
        <v>0</v>
      </c>
      <c r="DE24" s="280">
        <v>0</v>
      </c>
      <c r="DF24" s="280">
        <v>0</v>
      </c>
      <c r="DG24" s="277">
        <v>0</v>
      </c>
      <c r="DH24" s="282">
        <v>0</v>
      </c>
      <c r="DI24" s="276">
        <v>0</v>
      </c>
      <c r="DJ24" s="280">
        <v>0</v>
      </c>
      <c r="DK24" s="277">
        <v>0</v>
      </c>
      <c r="DL24" s="279">
        <v>0</v>
      </c>
      <c r="DM24" s="280">
        <v>0</v>
      </c>
      <c r="DN24" s="280">
        <v>0</v>
      </c>
      <c r="DO24" s="280">
        <v>0</v>
      </c>
      <c r="DP24" s="280">
        <v>0</v>
      </c>
      <c r="DQ24" s="280">
        <v>0</v>
      </c>
      <c r="DR24" s="277">
        <v>0</v>
      </c>
      <c r="DS24" s="282">
        <v>0</v>
      </c>
      <c r="DT24" s="276">
        <v>48</v>
      </c>
      <c r="DU24" s="280">
        <v>142</v>
      </c>
      <c r="DV24" s="277">
        <v>190</v>
      </c>
      <c r="DW24" s="279">
        <v>0</v>
      </c>
      <c r="DX24" s="280">
        <v>202</v>
      </c>
      <c r="DY24" s="280">
        <v>251</v>
      </c>
      <c r="DZ24" s="280">
        <v>135</v>
      </c>
      <c r="EA24" s="280">
        <v>91</v>
      </c>
      <c r="EB24" s="280">
        <v>71</v>
      </c>
      <c r="EC24" s="277">
        <v>750</v>
      </c>
      <c r="ED24" s="282">
        <v>940</v>
      </c>
      <c r="EE24" s="276">
        <v>7</v>
      </c>
      <c r="EF24" s="280">
        <v>6</v>
      </c>
      <c r="EG24" s="277">
        <v>13</v>
      </c>
      <c r="EH24" s="279">
        <v>0</v>
      </c>
      <c r="EI24" s="280">
        <v>34</v>
      </c>
      <c r="EJ24" s="280">
        <v>25</v>
      </c>
      <c r="EK24" s="280">
        <v>31</v>
      </c>
      <c r="EL24" s="280">
        <v>24</v>
      </c>
      <c r="EM24" s="280">
        <v>11</v>
      </c>
      <c r="EN24" s="277">
        <v>125</v>
      </c>
      <c r="EO24" s="282">
        <v>138</v>
      </c>
      <c r="EP24" s="276">
        <v>53</v>
      </c>
      <c r="EQ24" s="280">
        <v>151</v>
      </c>
      <c r="ER24" s="277">
        <v>204</v>
      </c>
      <c r="ES24" s="279">
        <v>0</v>
      </c>
      <c r="ET24" s="280">
        <v>371</v>
      </c>
      <c r="EU24" s="280">
        <v>320</v>
      </c>
      <c r="EV24" s="280">
        <v>143</v>
      </c>
      <c r="EW24" s="280">
        <v>101</v>
      </c>
      <c r="EX24" s="280">
        <v>72</v>
      </c>
      <c r="EY24" s="277">
        <v>1007</v>
      </c>
      <c r="EZ24" s="282">
        <v>1211</v>
      </c>
    </row>
    <row r="25" spans="2:156" ht="21" customHeight="1" x14ac:dyDescent="0.2">
      <c r="B25" s="261" t="s">
        <v>23</v>
      </c>
      <c r="C25" s="276">
        <v>0</v>
      </c>
      <c r="D25" s="280">
        <v>0</v>
      </c>
      <c r="E25" s="384">
        <v>0</v>
      </c>
      <c r="F25" s="279">
        <v>0</v>
      </c>
      <c r="G25" s="280">
        <v>154</v>
      </c>
      <c r="H25" s="280">
        <v>144</v>
      </c>
      <c r="I25" s="280">
        <v>70</v>
      </c>
      <c r="J25" s="280">
        <v>54</v>
      </c>
      <c r="K25" s="280">
        <v>36</v>
      </c>
      <c r="L25" s="281">
        <v>458</v>
      </c>
      <c r="M25" s="282">
        <v>458</v>
      </c>
      <c r="N25" s="276">
        <v>0</v>
      </c>
      <c r="O25" s="280">
        <v>0</v>
      </c>
      <c r="P25" s="277">
        <v>0</v>
      </c>
      <c r="Q25" s="279">
        <v>0</v>
      </c>
      <c r="R25" s="280">
        <v>1</v>
      </c>
      <c r="S25" s="280">
        <v>6</v>
      </c>
      <c r="T25" s="280">
        <v>3</v>
      </c>
      <c r="U25" s="280">
        <v>12</v>
      </c>
      <c r="V25" s="280">
        <v>24</v>
      </c>
      <c r="W25" s="277">
        <v>46</v>
      </c>
      <c r="X25" s="282">
        <v>46</v>
      </c>
      <c r="Y25" s="276">
        <v>32</v>
      </c>
      <c r="Z25" s="280">
        <v>46</v>
      </c>
      <c r="AA25" s="277">
        <v>78</v>
      </c>
      <c r="AB25" s="279">
        <v>0</v>
      </c>
      <c r="AC25" s="280">
        <v>94</v>
      </c>
      <c r="AD25" s="280">
        <v>130</v>
      </c>
      <c r="AE25" s="280">
        <v>52</v>
      </c>
      <c r="AF25" s="280">
        <v>72</v>
      </c>
      <c r="AG25" s="280">
        <v>40</v>
      </c>
      <c r="AH25" s="277">
        <v>388</v>
      </c>
      <c r="AI25" s="282">
        <v>466</v>
      </c>
      <c r="AJ25" s="276">
        <v>3</v>
      </c>
      <c r="AK25" s="280">
        <v>5</v>
      </c>
      <c r="AL25" s="277">
        <v>8</v>
      </c>
      <c r="AM25" s="279">
        <v>0</v>
      </c>
      <c r="AN25" s="280">
        <v>14</v>
      </c>
      <c r="AO25" s="280">
        <v>21</v>
      </c>
      <c r="AP25" s="280">
        <v>7</v>
      </c>
      <c r="AQ25" s="280">
        <v>9</v>
      </c>
      <c r="AR25" s="280">
        <v>6</v>
      </c>
      <c r="AS25" s="277">
        <v>57</v>
      </c>
      <c r="AT25" s="282">
        <v>65</v>
      </c>
      <c r="AU25" s="276">
        <v>13</v>
      </c>
      <c r="AV25" s="280">
        <v>16</v>
      </c>
      <c r="AW25" s="277">
        <v>29</v>
      </c>
      <c r="AX25" s="279">
        <v>0</v>
      </c>
      <c r="AY25" s="280">
        <v>167</v>
      </c>
      <c r="AZ25" s="280">
        <v>153</v>
      </c>
      <c r="BA25" s="280">
        <v>116</v>
      </c>
      <c r="BB25" s="280">
        <v>167</v>
      </c>
      <c r="BC25" s="280">
        <v>113</v>
      </c>
      <c r="BD25" s="281">
        <v>716</v>
      </c>
      <c r="BE25" s="282">
        <v>745</v>
      </c>
      <c r="BF25" s="276">
        <v>0</v>
      </c>
      <c r="BG25" s="280">
        <v>0</v>
      </c>
      <c r="BH25" s="277">
        <v>0</v>
      </c>
      <c r="BI25" s="279">
        <v>0</v>
      </c>
      <c r="BJ25" s="280">
        <v>293</v>
      </c>
      <c r="BK25" s="280">
        <v>248</v>
      </c>
      <c r="BL25" s="280">
        <v>116</v>
      </c>
      <c r="BM25" s="280">
        <v>73</v>
      </c>
      <c r="BN25" s="280">
        <v>31</v>
      </c>
      <c r="BO25" s="277">
        <v>761</v>
      </c>
      <c r="BP25" s="282">
        <v>761</v>
      </c>
      <c r="BQ25" s="276">
        <v>4</v>
      </c>
      <c r="BR25" s="280">
        <v>11</v>
      </c>
      <c r="BS25" s="277">
        <v>15</v>
      </c>
      <c r="BT25" s="279">
        <v>0</v>
      </c>
      <c r="BU25" s="280">
        <v>39</v>
      </c>
      <c r="BV25" s="280">
        <v>54</v>
      </c>
      <c r="BW25" s="280">
        <v>33</v>
      </c>
      <c r="BX25" s="280">
        <v>25</v>
      </c>
      <c r="BY25" s="280">
        <v>6</v>
      </c>
      <c r="BZ25" s="277">
        <v>157</v>
      </c>
      <c r="CA25" s="282">
        <v>172</v>
      </c>
      <c r="CB25" s="276">
        <v>1</v>
      </c>
      <c r="CC25" s="280">
        <v>1</v>
      </c>
      <c r="CD25" s="277">
        <v>2</v>
      </c>
      <c r="CE25" s="279">
        <v>0</v>
      </c>
      <c r="CF25" s="280">
        <v>21</v>
      </c>
      <c r="CG25" s="280">
        <v>35</v>
      </c>
      <c r="CH25" s="280">
        <v>35</v>
      </c>
      <c r="CI25" s="280">
        <v>36</v>
      </c>
      <c r="CJ25" s="280">
        <v>10</v>
      </c>
      <c r="CK25" s="277">
        <v>137</v>
      </c>
      <c r="CL25" s="282">
        <v>139</v>
      </c>
      <c r="CM25" s="276">
        <v>0</v>
      </c>
      <c r="CN25" s="280">
        <v>1</v>
      </c>
      <c r="CO25" s="277">
        <v>1</v>
      </c>
      <c r="CP25" s="279">
        <v>0</v>
      </c>
      <c r="CQ25" s="280">
        <v>0</v>
      </c>
      <c r="CR25" s="280">
        <v>2</v>
      </c>
      <c r="CS25" s="280">
        <v>2</v>
      </c>
      <c r="CT25" s="280">
        <v>2</v>
      </c>
      <c r="CU25" s="280">
        <v>2</v>
      </c>
      <c r="CV25" s="277">
        <v>8</v>
      </c>
      <c r="CW25" s="282">
        <v>9</v>
      </c>
      <c r="CX25" s="276">
        <v>0</v>
      </c>
      <c r="CY25" s="280">
        <v>0</v>
      </c>
      <c r="CZ25" s="277">
        <v>0</v>
      </c>
      <c r="DA25" s="279">
        <v>0</v>
      </c>
      <c r="DB25" s="280">
        <v>0</v>
      </c>
      <c r="DC25" s="280">
        <v>0</v>
      </c>
      <c r="DD25" s="280">
        <v>0</v>
      </c>
      <c r="DE25" s="280">
        <v>0</v>
      </c>
      <c r="DF25" s="280">
        <v>0</v>
      </c>
      <c r="DG25" s="277">
        <v>0</v>
      </c>
      <c r="DH25" s="282">
        <v>0</v>
      </c>
      <c r="DI25" s="276">
        <v>0</v>
      </c>
      <c r="DJ25" s="280">
        <v>0</v>
      </c>
      <c r="DK25" s="277">
        <v>0</v>
      </c>
      <c r="DL25" s="279">
        <v>0</v>
      </c>
      <c r="DM25" s="280">
        <v>0</v>
      </c>
      <c r="DN25" s="280">
        <v>0</v>
      </c>
      <c r="DO25" s="280">
        <v>0</v>
      </c>
      <c r="DP25" s="280">
        <v>0</v>
      </c>
      <c r="DQ25" s="280">
        <v>0</v>
      </c>
      <c r="DR25" s="277">
        <v>0</v>
      </c>
      <c r="DS25" s="282">
        <v>0</v>
      </c>
      <c r="DT25" s="276">
        <v>93</v>
      </c>
      <c r="DU25" s="280">
        <v>212</v>
      </c>
      <c r="DV25" s="277">
        <v>305</v>
      </c>
      <c r="DW25" s="279">
        <v>0</v>
      </c>
      <c r="DX25" s="280">
        <v>277</v>
      </c>
      <c r="DY25" s="280">
        <v>375</v>
      </c>
      <c r="DZ25" s="280">
        <v>187</v>
      </c>
      <c r="EA25" s="280">
        <v>179</v>
      </c>
      <c r="EB25" s="280">
        <v>94</v>
      </c>
      <c r="EC25" s="277">
        <v>1112</v>
      </c>
      <c r="ED25" s="282">
        <v>1417</v>
      </c>
      <c r="EE25" s="276">
        <v>6</v>
      </c>
      <c r="EF25" s="280">
        <v>4</v>
      </c>
      <c r="EG25" s="277">
        <v>10</v>
      </c>
      <c r="EH25" s="279">
        <v>0</v>
      </c>
      <c r="EI25" s="280">
        <v>53</v>
      </c>
      <c r="EJ25" s="280">
        <v>39</v>
      </c>
      <c r="EK25" s="280">
        <v>35</v>
      </c>
      <c r="EL25" s="280">
        <v>65</v>
      </c>
      <c r="EM25" s="280">
        <v>39</v>
      </c>
      <c r="EN25" s="277">
        <v>231</v>
      </c>
      <c r="EO25" s="282">
        <v>241</v>
      </c>
      <c r="EP25" s="276">
        <v>127</v>
      </c>
      <c r="EQ25" s="280">
        <v>244</v>
      </c>
      <c r="ER25" s="277">
        <v>371</v>
      </c>
      <c r="ES25" s="279">
        <v>0</v>
      </c>
      <c r="ET25" s="280">
        <v>546</v>
      </c>
      <c r="EU25" s="280">
        <v>502</v>
      </c>
      <c r="EV25" s="280">
        <v>242</v>
      </c>
      <c r="EW25" s="280">
        <v>197</v>
      </c>
      <c r="EX25" s="280">
        <v>95</v>
      </c>
      <c r="EY25" s="277">
        <v>1582</v>
      </c>
      <c r="EZ25" s="282">
        <v>1953</v>
      </c>
    </row>
    <row r="26" spans="2:156" ht="21" customHeight="1" x14ac:dyDescent="0.2">
      <c r="B26" s="261" t="s">
        <v>24</v>
      </c>
      <c r="C26" s="276">
        <v>0</v>
      </c>
      <c r="D26" s="280">
        <v>0</v>
      </c>
      <c r="E26" s="384">
        <v>0</v>
      </c>
      <c r="F26" s="279">
        <v>0</v>
      </c>
      <c r="G26" s="280">
        <v>68</v>
      </c>
      <c r="H26" s="280">
        <v>66</v>
      </c>
      <c r="I26" s="280">
        <v>41</v>
      </c>
      <c r="J26" s="280">
        <v>40</v>
      </c>
      <c r="K26" s="280">
        <v>34</v>
      </c>
      <c r="L26" s="281">
        <v>249</v>
      </c>
      <c r="M26" s="282">
        <v>249</v>
      </c>
      <c r="N26" s="276">
        <v>0</v>
      </c>
      <c r="O26" s="280">
        <v>0</v>
      </c>
      <c r="P26" s="277">
        <v>0</v>
      </c>
      <c r="Q26" s="279">
        <v>0</v>
      </c>
      <c r="R26" s="280">
        <v>0</v>
      </c>
      <c r="S26" s="280">
        <v>3</v>
      </c>
      <c r="T26" s="280">
        <v>4</v>
      </c>
      <c r="U26" s="280">
        <v>9</v>
      </c>
      <c r="V26" s="280">
        <v>22</v>
      </c>
      <c r="W26" s="277">
        <v>38</v>
      </c>
      <c r="X26" s="282">
        <v>38</v>
      </c>
      <c r="Y26" s="276">
        <v>18</v>
      </c>
      <c r="Z26" s="280">
        <v>23</v>
      </c>
      <c r="AA26" s="277">
        <v>41</v>
      </c>
      <c r="AB26" s="279">
        <v>0</v>
      </c>
      <c r="AC26" s="280">
        <v>57</v>
      </c>
      <c r="AD26" s="280">
        <v>56</v>
      </c>
      <c r="AE26" s="280">
        <v>42</v>
      </c>
      <c r="AF26" s="280">
        <v>33</v>
      </c>
      <c r="AG26" s="280">
        <v>29</v>
      </c>
      <c r="AH26" s="277">
        <v>217</v>
      </c>
      <c r="AI26" s="282">
        <v>258</v>
      </c>
      <c r="AJ26" s="276">
        <v>0</v>
      </c>
      <c r="AK26" s="280">
        <v>1</v>
      </c>
      <c r="AL26" s="277">
        <v>1</v>
      </c>
      <c r="AM26" s="279">
        <v>0</v>
      </c>
      <c r="AN26" s="280">
        <v>3</v>
      </c>
      <c r="AO26" s="280">
        <v>7</v>
      </c>
      <c r="AP26" s="280">
        <v>3</v>
      </c>
      <c r="AQ26" s="280">
        <v>7</v>
      </c>
      <c r="AR26" s="280">
        <v>5</v>
      </c>
      <c r="AS26" s="277">
        <v>25</v>
      </c>
      <c r="AT26" s="282">
        <v>26</v>
      </c>
      <c r="AU26" s="276">
        <v>19</v>
      </c>
      <c r="AV26" s="280">
        <v>17</v>
      </c>
      <c r="AW26" s="277">
        <v>36</v>
      </c>
      <c r="AX26" s="279">
        <v>0</v>
      </c>
      <c r="AY26" s="280">
        <v>74</v>
      </c>
      <c r="AZ26" s="280">
        <v>75</v>
      </c>
      <c r="BA26" s="280">
        <v>79</v>
      </c>
      <c r="BB26" s="280">
        <v>80</v>
      </c>
      <c r="BC26" s="280">
        <v>74</v>
      </c>
      <c r="BD26" s="281">
        <v>382</v>
      </c>
      <c r="BE26" s="282">
        <v>418</v>
      </c>
      <c r="BF26" s="276">
        <v>0</v>
      </c>
      <c r="BG26" s="280">
        <v>0</v>
      </c>
      <c r="BH26" s="277">
        <v>0</v>
      </c>
      <c r="BI26" s="279">
        <v>0</v>
      </c>
      <c r="BJ26" s="280">
        <v>112</v>
      </c>
      <c r="BK26" s="280">
        <v>74</v>
      </c>
      <c r="BL26" s="280">
        <v>43</v>
      </c>
      <c r="BM26" s="280">
        <v>23</v>
      </c>
      <c r="BN26" s="280">
        <v>9</v>
      </c>
      <c r="BO26" s="277">
        <v>261</v>
      </c>
      <c r="BP26" s="282">
        <v>261</v>
      </c>
      <c r="BQ26" s="276">
        <v>13</v>
      </c>
      <c r="BR26" s="280">
        <v>11</v>
      </c>
      <c r="BS26" s="277">
        <v>24</v>
      </c>
      <c r="BT26" s="279">
        <v>0</v>
      </c>
      <c r="BU26" s="280">
        <v>35</v>
      </c>
      <c r="BV26" s="280">
        <v>35</v>
      </c>
      <c r="BW26" s="280">
        <v>20</v>
      </c>
      <c r="BX26" s="280">
        <v>10</v>
      </c>
      <c r="BY26" s="280">
        <v>17</v>
      </c>
      <c r="BZ26" s="277">
        <v>117</v>
      </c>
      <c r="CA26" s="282">
        <v>141</v>
      </c>
      <c r="CB26" s="276">
        <v>1</v>
      </c>
      <c r="CC26" s="280">
        <v>2</v>
      </c>
      <c r="CD26" s="277">
        <v>3</v>
      </c>
      <c r="CE26" s="279">
        <v>0</v>
      </c>
      <c r="CF26" s="280">
        <v>16</v>
      </c>
      <c r="CG26" s="280">
        <v>14</v>
      </c>
      <c r="CH26" s="280">
        <v>19</v>
      </c>
      <c r="CI26" s="280">
        <v>19</v>
      </c>
      <c r="CJ26" s="280">
        <v>12</v>
      </c>
      <c r="CK26" s="277">
        <v>80</v>
      </c>
      <c r="CL26" s="282">
        <v>83</v>
      </c>
      <c r="CM26" s="276">
        <v>0</v>
      </c>
      <c r="CN26" s="280">
        <v>0</v>
      </c>
      <c r="CO26" s="277">
        <v>0</v>
      </c>
      <c r="CP26" s="279">
        <v>0</v>
      </c>
      <c r="CQ26" s="280">
        <v>3</v>
      </c>
      <c r="CR26" s="280">
        <v>1</v>
      </c>
      <c r="CS26" s="280">
        <v>3</v>
      </c>
      <c r="CT26" s="280">
        <v>1</v>
      </c>
      <c r="CU26" s="280">
        <v>4</v>
      </c>
      <c r="CV26" s="277">
        <v>12</v>
      </c>
      <c r="CW26" s="282">
        <v>12</v>
      </c>
      <c r="CX26" s="276">
        <v>0</v>
      </c>
      <c r="CY26" s="280">
        <v>0</v>
      </c>
      <c r="CZ26" s="277">
        <v>0</v>
      </c>
      <c r="DA26" s="279">
        <v>0</v>
      </c>
      <c r="DB26" s="280">
        <v>0</v>
      </c>
      <c r="DC26" s="280">
        <v>0</v>
      </c>
      <c r="DD26" s="280">
        <v>0</v>
      </c>
      <c r="DE26" s="280">
        <v>0</v>
      </c>
      <c r="DF26" s="280">
        <v>0</v>
      </c>
      <c r="DG26" s="277">
        <v>0</v>
      </c>
      <c r="DH26" s="282">
        <v>0</v>
      </c>
      <c r="DI26" s="276">
        <v>0</v>
      </c>
      <c r="DJ26" s="280">
        <v>0</v>
      </c>
      <c r="DK26" s="277">
        <v>0</v>
      </c>
      <c r="DL26" s="279">
        <v>0</v>
      </c>
      <c r="DM26" s="280">
        <v>0</v>
      </c>
      <c r="DN26" s="280">
        <v>0</v>
      </c>
      <c r="DO26" s="280">
        <v>0</v>
      </c>
      <c r="DP26" s="280">
        <v>0</v>
      </c>
      <c r="DQ26" s="280">
        <v>0</v>
      </c>
      <c r="DR26" s="277">
        <v>0</v>
      </c>
      <c r="DS26" s="282">
        <v>0</v>
      </c>
      <c r="DT26" s="276">
        <v>81</v>
      </c>
      <c r="DU26" s="280">
        <v>80</v>
      </c>
      <c r="DV26" s="277">
        <v>161</v>
      </c>
      <c r="DW26" s="279">
        <v>0</v>
      </c>
      <c r="DX26" s="280">
        <v>136</v>
      </c>
      <c r="DY26" s="280">
        <v>163</v>
      </c>
      <c r="DZ26" s="280">
        <v>109</v>
      </c>
      <c r="EA26" s="280">
        <v>65</v>
      </c>
      <c r="EB26" s="280">
        <v>62</v>
      </c>
      <c r="EC26" s="277">
        <v>535</v>
      </c>
      <c r="ED26" s="282">
        <v>696</v>
      </c>
      <c r="EE26" s="276">
        <v>13</v>
      </c>
      <c r="EF26" s="280">
        <v>9</v>
      </c>
      <c r="EG26" s="277">
        <v>22</v>
      </c>
      <c r="EH26" s="279">
        <v>0</v>
      </c>
      <c r="EI26" s="280">
        <v>34</v>
      </c>
      <c r="EJ26" s="280">
        <v>31</v>
      </c>
      <c r="EK26" s="280">
        <v>25</v>
      </c>
      <c r="EL26" s="280">
        <v>30</v>
      </c>
      <c r="EM26" s="280">
        <v>23</v>
      </c>
      <c r="EN26" s="277">
        <v>143</v>
      </c>
      <c r="EO26" s="282">
        <v>165</v>
      </c>
      <c r="EP26" s="276">
        <v>101</v>
      </c>
      <c r="EQ26" s="280">
        <v>98</v>
      </c>
      <c r="ER26" s="277">
        <v>199</v>
      </c>
      <c r="ES26" s="279">
        <v>0</v>
      </c>
      <c r="ET26" s="280">
        <v>276</v>
      </c>
      <c r="EU26" s="280">
        <v>202</v>
      </c>
      <c r="EV26" s="280">
        <v>135</v>
      </c>
      <c r="EW26" s="280">
        <v>76</v>
      </c>
      <c r="EX26" s="280">
        <v>67</v>
      </c>
      <c r="EY26" s="277">
        <v>756</v>
      </c>
      <c r="EZ26" s="282">
        <v>955</v>
      </c>
    </row>
    <row r="27" spans="2:156" ht="21" customHeight="1" x14ac:dyDescent="0.2">
      <c r="B27" s="261" t="s">
        <v>25</v>
      </c>
      <c r="C27" s="276">
        <v>0</v>
      </c>
      <c r="D27" s="280">
        <v>0</v>
      </c>
      <c r="E27" s="384">
        <v>0</v>
      </c>
      <c r="F27" s="279">
        <v>0</v>
      </c>
      <c r="G27" s="280">
        <v>106</v>
      </c>
      <c r="H27" s="280">
        <v>71</v>
      </c>
      <c r="I27" s="280">
        <v>46</v>
      </c>
      <c r="J27" s="280">
        <v>33</v>
      </c>
      <c r="K27" s="280">
        <v>25</v>
      </c>
      <c r="L27" s="281">
        <v>281</v>
      </c>
      <c r="M27" s="282">
        <v>281</v>
      </c>
      <c r="N27" s="276">
        <v>0</v>
      </c>
      <c r="O27" s="280">
        <v>0</v>
      </c>
      <c r="P27" s="277">
        <v>0</v>
      </c>
      <c r="Q27" s="279">
        <v>0</v>
      </c>
      <c r="R27" s="280">
        <v>4</v>
      </c>
      <c r="S27" s="280">
        <v>10</v>
      </c>
      <c r="T27" s="280">
        <v>11</v>
      </c>
      <c r="U27" s="280">
        <v>13</v>
      </c>
      <c r="V27" s="280">
        <v>15</v>
      </c>
      <c r="W27" s="277">
        <v>53</v>
      </c>
      <c r="X27" s="282">
        <v>53</v>
      </c>
      <c r="Y27" s="276">
        <v>19</v>
      </c>
      <c r="Z27" s="280">
        <v>41</v>
      </c>
      <c r="AA27" s="277">
        <v>60</v>
      </c>
      <c r="AB27" s="279">
        <v>0</v>
      </c>
      <c r="AC27" s="280">
        <v>79</v>
      </c>
      <c r="AD27" s="280">
        <v>82</v>
      </c>
      <c r="AE27" s="280">
        <v>41</v>
      </c>
      <c r="AF27" s="280">
        <v>40</v>
      </c>
      <c r="AG27" s="280">
        <v>20</v>
      </c>
      <c r="AH27" s="277">
        <v>262</v>
      </c>
      <c r="AI27" s="282">
        <v>322</v>
      </c>
      <c r="AJ27" s="276">
        <v>2</v>
      </c>
      <c r="AK27" s="280">
        <v>5</v>
      </c>
      <c r="AL27" s="277">
        <v>7</v>
      </c>
      <c r="AM27" s="279">
        <v>0</v>
      </c>
      <c r="AN27" s="280">
        <v>2</v>
      </c>
      <c r="AO27" s="280">
        <v>8</v>
      </c>
      <c r="AP27" s="280">
        <v>9</v>
      </c>
      <c r="AQ27" s="280">
        <v>5</v>
      </c>
      <c r="AR27" s="280">
        <v>3</v>
      </c>
      <c r="AS27" s="277">
        <v>27</v>
      </c>
      <c r="AT27" s="282">
        <v>34</v>
      </c>
      <c r="AU27" s="276">
        <v>9</v>
      </c>
      <c r="AV27" s="280">
        <v>12</v>
      </c>
      <c r="AW27" s="277">
        <v>21</v>
      </c>
      <c r="AX27" s="279">
        <v>0</v>
      </c>
      <c r="AY27" s="280">
        <v>66</v>
      </c>
      <c r="AZ27" s="280">
        <v>73</v>
      </c>
      <c r="BA27" s="280">
        <v>53</v>
      </c>
      <c r="BB27" s="280">
        <v>72</v>
      </c>
      <c r="BC27" s="280">
        <v>40</v>
      </c>
      <c r="BD27" s="281">
        <v>304</v>
      </c>
      <c r="BE27" s="282">
        <v>325</v>
      </c>
      <c r="BF27" s="276">
        <v>0</v>
      </c>
      <c r="BG27" s="280">
        <v>0</v>
      </c>
      <c r="BH27" s="277">
        <v>0</v>
      </c>
      <c r="BI27" s="279">
        <v>0</v>
      </c>
      <c r="BJ27" s="280">
        <v>141</v>
      </c>
      <c r="BK27" s="280">
        <v>88</v>
      </c>
      <c r="BL27" s="280">
        <v>48</v>
      </c>
      <c r="BM27" s="280">
        <v>33</v>
      </c>
      <c r="BN27" s="280">
        <v>10</v>
      </c>
      <c r="BO27" s="277">
        <v>320</v>
      </c>
      <c r="BP27" s="282">
        <v>320</v>
      </c>
      <c r="BQ27" s="276">
        <v>11</v>
      </c>
      <c r="BR27" s="280">
        <v>20</v>
      </c>
      <c r="BS27" s="277">
        <v>31</v>
      </c>
      <c r="BT27" s="279">
        <v>0</v>
      </c>
      <c r="BU27" s="280">
        <v>34</v>
      </c>
      <c r="BV27" s="280">
        <v>53</v>
      </c>
      <c r="BW27" s="280">
        <v>26</v>
      </c>
      <c r="BX27" s="280">
        <v>17</v>
      </c>
      <c r="BY27" s="280">
        <v>5</v>
      </c>
      <c r="BZ27" s="277">
        <v>135</v>
      </c>
      <c r="CA27" s="282">
        <v>166</v>
      </c>
      <c r="CB27" s="276">
        <v>1</v>
      </c>
      <c r="CC27" s="280">
        <v>2</v>
      </c>
      <c r="CD27" s="277">
        <v>3</v>
      </c>
      <c r="CE27" s="279">
        <v>0</v>
      </c>
      <c r="CF27" s="280">
        <v>9</v>
      </c>
      <c r="CG27" s="280">
        <v>23</v>
      </c>
      <c r="CH27" s="280">
        <v>20</v>
      </c>
      <c r="CI27" s="280">
        <v>7</v>
      </c>
      <c r="CJ27" s="280">
        <v>7</v>
      </c>
      <c r="CK27" s="277">
        <v>66</v>
      </c>
      <c r="CL27" s="282">
        <v>69</v>
      </c>
      <c r="CM27" s="276">
        <v>0</v>
      </c>
      <c r="CN27" s="280">
        <v>0</v>
      </c>
      <c r="CO27" s="277">
        <v>0</v>
      </c>
      <c r="CP27" s="279">
        <v>0</v>
      </c>
      <c r="CQ27" s="280">
        <v>3</v>
      </c>
      <c r="CR27" s="280">
        <v>3</v>
      </c>
      <c r="CS27" s="280">
        <v>2</v>
      </c>
      <c r="CT27" s="280">
        <v>7</v>
      </c>
      <c r="CU27" s="280">
        <v>2</v>
      </c>
      <c r="CV27" s="277">
        <v>17</v>
      </c>
      <c r="CW27" s="282">
        <v>17</v>
      </c>
      <c r="CX27" s="276">
        <v>0</v>
      </c>
      <c r="CY27" s="280">
        <v>0</v>
      </c>
      <c r="CZ27" s="277">
        <v>0</v>
      </c>
      <c r="DA27" s="279">
        <v>0</v>
      </c>
      <c r="DB27" s="280">
        <v>0</v>
      </c>
      <c r="DC27" s="280">
        <v>0</v>
      </c>
      <c r="DD27" s="280">
        <v>0</v>
      </c>
      <c r="DE27" s="280">
        <v>0</v>
      </c>
      <c r="DF27" s="280">
        <v>0</v>
      </c>
      <c r="DG27" s="277">
        <v>0</v>
      </c>
      <c r="DH27" s="282">
        <v>0</v>
      </c>
      <c r="DI27" s="276">
        <v>0</v>
      </c>
      <c r="DJ27" s="280">
        <v>0</v>
      </c>
      <c r="DK27" s="277">
        <v>0</v>
      </c>
      <c r="DL27" s="279">
        <v>0</v>
      </c>
      <c r="DM27" s="280">
        <v>0</v>
      </c>
      <c r="DN27" s="280">
        <v>0</v>
      </c>
      <c r="DO27" s="280">
        <v>0</v>
      </c>
      <c r="DP27" s="280">
        <v>0</v>
      </c>
      <c r="DQ27" s="280">
        <v>0</v>
      </c>
      <c r="DR27" s="277">
        <v>0</v>
      </c>
      <c r="DS27" s="282">
        <v>0</v>
      </c>
      <c r="DT27" s="276">
        <v>73</v>
      </c>
      <c r="DU27" s="280">
        <v>142</v>
      </c>
      <c r="DV27" s="277">
        <v>215</v>
      </c>
      <c r="DW27" s="279">
        <v>0</v>
      </c>
      <c r="DX27" s="280">
        <v>120</v>
      </c>
      <c r="DY27" s="280">
        <v>220</v>
      </c>
      <c r="DZ27" s="280">
        <v>119</v>
      </c>
      <c r="EA27" s="280">
        <v>96</v>
      </c>
      <c r="EB27" s="280">
        <v>53</v>
      </c>
      <c r="EC27" s="277">
        <v>608</v>
      </c>
      <c r="ED27" s="282">
        <v>823</v>
      </c>
      <c r="EE27" s="276">
        <v>4</v>
      </c>
      <c r="EF27" s="280">
        <v>3</v>
      </c>
      <c r="EG27" s="277">
        <v>7</v>
      </c>
      <c r="EH27" s="279">
        <v>0</v>
      </c>
      <c r="EI27" s="280">
        <v>18</v>
      </c>
      <c r="EJ27" s="280">
        <v>15</v>
      </c>
      <c r="EK27" s="280">
        <v>11</v>
      </c>
      <c r="EL27" s="280">
        <v>20</v>
      </c>
      <c r="EM27" s="280">
        <v>14</v>
      </c>
      <c r="EN27" s="277">
        <v>78</v>
      </c>
      <c r="EO27" s="282">
        <v>85</v>
      </c>
      <c r="EP27" s="276">
        <v>96</v>
      </c>
      <c r="EQ27" s="280">
        <v>164</v>
      </c>
      <c r="ER27" s="277">
        <v>260</v>
      </c>
      <c r="ES27" s="279">
        <v>0</v>
      </c>
      <c r="ET27" s="280">
        <v>341</v>
      </c>
      <c r="EU27" s="280">
        <v>282</v>
      </c>
      <c r="EV27" s="280">
        <v>141</v>
      </c>
      <c r="EW27" s="280">
        <v>105</v>
      </c>
      <c r="EX27" s="280">
        <v>57</v>
      </c>
      <c r="EY27" s="277">
        <v>926</v>
      </c>
      <c r="EZ27" s="282">
        <v>1186</v>
      </c>
    </row>
    <row r="28" spans="2:156" ht="21" customHeight="1" x14ac:dyDescent="0.2">
      <c r="B28" s="261" t="s">
        <v>26</v>
      </c>
      <c r="C28" s="276">
        <v>0</v>
      </c>
      <c r="D28" s="280">
        <v>0</v>
      </c>
      <c r="E28" s="384">
        <v>0</v>
      </c>
      <c r="F28" s="279">
        <v>0</v>
      </c>
      <c r="G28" s="280">
        <v>82</v>
      </c>
      <c r="H28" s="280">
        <v>74</v>
      </c>
      <c r="I28" s="280">
        <v>47</v>
      </c>
      <c r="J28" s="280">
        <v>39</v>
      </c>
      <c r="K28" s="280">
        <v>47</v>
      </c>
      <c r="L28" s="281">
        <v>289</v>
      </c>
      <c r="M28" s="282">
        <v>289</v>
      </c>
      <c r="N28" s="276">
        <v>0</v>
      </c>
      <c r="O28" s="280">
        <v>0</v>
      </c>
      <c r="P28" s="277">
        <v>0</v>
      </c>
      <c r="Q28" s="279">
        <v>0</v>
      </c>
      <c r="R28" s="280">
        <v>0</v>
      </c>
      <c r="S28" s="280">
        <v>1</v>
      </c>
      <c r="T28" s="280">
        <v>4</v>
      </c>
      <c r="U28" s="280">
        <v>9</v>
      </c>
      <c r="V28" s="280">
        <v>13</v>
      </c>
      <c r="W28" s="277">
        <v>27</v>
      </c>
      <c r="X28" s="282">
        <v>27</v>
      </c>
      <c r="Y28" s="276">
        <v>12</v>
      </c>
      <c r="Z28" s="280">
        <v>14</v>
      </c>
      <c r="AA28" s="277">
        <v>26</v>
      </c>
      <c r="AB28" s="279">
        <v>0</v>
      </c>
      <c r="AC28" s="280">
        <v>56</v>
      </c>
      <c r="AD28" s="280">
        <v>63</v>
      </c>
      <c r="AE28" s="280">
        <v>37</v>
      </c>
      <c r="AF28" s="280">
        <v>40</v>
      </c>
      <c r="AG28" s="280">
        <v>42</v>
      </c>
      <c r="AH28" s="277">
        <v>238</v>
      </c>
      <c r="AI28" s="282">
        <v>264</v>
      </c>
      <c r="AJ28" s="276">
        <v>0</v>
      </c>
      <c r="AK28" s="280">
        <v>0</v>
      </c>
      <c r="AL28" s="277">
        <v>0</v>
      </c>
      <c r="AM28" s="279">
        <v>0</v>
      </c>
      <c r="AN28" s="280">
        <v>1</v>
      </c>
      <c r="AO28" s="280">
        <v>9</v>
      </c>
      <c r="AP28" s="280">
        <v>4</v>
      </c>
      <c r="AQ28" s="280">
        <v>4</v>
      </c>
      <c r="AR28" s="280">
        <v>3</v>
      </c>
      <c r="AS28" s="277">
        <v>21</v>
      </c>
      <c r="AT28" s="282">
        <v>21</v>
      </c>
      <c r="AU28" s="276">
        <v>8</v>
      </c>
      <c r="AV28" s="280">
        <v>8</v>
      </c>
      <c r="AW28" s="277">
        <v>16</v>
      </c>
      <c r="AX28" s="279">
        <v>0</v>
      </c>
      <c r="AY28" s="280">
        <v>63</v>
      </c>
      <c r="AZ28" s="280">
        <v>57</v>
      </c>
      <c r="BA28" s="280">
        <v>69</v>
      </c>
      <c r="BB28" s="280">
        <v>57</v>
      </c>
      <c r="BC28" s="280">
        <v>56</v>
      </c>
      <c r="BD28" s="281">
        <v>302</v>
      </c>
      <c r="BE28" s="282">
        <v>318</v>
      </c>
      <c r="BF28" s="276">
        <v>0</v>
      </c>
      <c r="BG28" s="280">
        <v>0</v>
      </c>
      <c r="BH28" s="277">
        <v>0</v>
      </c>
      <c r="BI28" s="279">
        <v>0</v>
      </c>
      <c r="BJ28" s="280">
        <v>99</v>
      </c>
      <c r="BK28" s="280">
        <v>84</v>
      </c>
      <c r="BL28" s="280">
        <v>50</v>
      </c>
      <c r="BM28" s="280">
        <v>18</v>
      </c>
      <c r="BN28" s="280">
        <v>20</v>
      </c>
      <c r="BO28" s="277">
        <v>271</v>
      </c>
      <c r="BP28" s="282">
        <v>271</v>
      </c>
      <c r="BQ28" s="276">
        <v>7</v>
      </c>
      <c r="BR28" s="280">
        <v>5</v>
      </c>
      <c r="BS28" s="277">
        <v>12</v>
      </c>
      <c r="BT28" s="279">
        <v>0</v>
      </c>
      <c r="BU28" s="280">
        <v>16</v>
      </c>
      <c r="BV28" s="280">
        <v>28</v>
      </c>
      <c r="BW28" s="280">
        <v>15</v>
      </c>
      <c r="BX28" s="280">
        <v>9</v>
      </c>
      <c r="BY28" s="280">
        <v>7</v>
      </c>
      <c r="BZ28" s="277">
        <v>75</v>
      </c>
      <c r="CA28" s="282">
        <v>87</v>
      </c>
      <c r="CB28" s="276">
        <v>0</v>
      </c>
      <c r="CC28" s="280">
        <v>1</v>
      </c>
      <c r="CD28" s="277">
        <v>1</v>
      </c>
      <c r="CE28" s="279">
        <v>0</v>
      </c>
      <c r="CF28" s="280">
        <v>12</v>
      </c>
      <c r="CG28" s="280">
        <v>19</v>
      </c>
      <c r="CH28" s="280">
        <v>20</v>
      </c>
      <c r="CI28" s="280">
        <v>12</v>
      </c>
      <c r="CJ28" s="280">
        <v>11</v>
      </c>
      <c r="CK28" s="277">
        <v>74</v>
      </c>
      <c r="CL28" s="282">
        <v>75</v>
      </c>
      <c r="CM28" s="276">
        <v>0</v>
      </c>
      <c r="CN28" s="280">
        <v>1</v>
      </c>
      <c r="CO28" s="277">
        <v>1</v>
      </c>
      <c r="CP28" s="279">
        <v>0</v>
      </c>
      <c r="CQ28" s="280">
        <v>2</v>
      </c>
      <c r="CR28" s="280">
        <v>5</v>
      </c>
      <c r="CS28" s="280">
        <v>3</v>
      </c>
      <c r="CT28" s="280">
        <v>5</v>
      </c>
      <c r="CU28" s="280">
        <v>1</v>
      </c>
      <c r="CV28" s="277">
        <v>16</v>
      </c>
      <c r="CW28" s="282">
        <v>17</v>
      </c>
      <c r="CX28" s="276">
        <v>0</v>
      </c>
      <c r="CY28" s="280">
        <v>0</v>
      </c>
      <c r="CZ28" s="277">
        <v>0</v>
      </c>
      <c r="DA28" s="279">
        <v>0</v>
      </c>
      <c r="DB28" s="280">
        <v>0</v>
      </c>
      <c r="DC28" s="280">
        <v>0</v>
      </c>
      <c r="DD28" s="280">
        <v>0</v>
      </c>
      <c r="DE28" s="280">
        <v>0</v>
      </c>
      <c r="DF28" s="280">
        <v>0</v>
      </c>
      <c r="DG28" s="277">
        <v>0</v>
      </c>
      <c r="DH28" s="282">
        <v>0</v>
      </c>
      <c r="DI28" s="276">
        <v>0</v>
      </c>
      <c r="DJ28" s="280">
        <v>0</v>
      </c>
      <c r="DK28" s="277">
        <v>0</v>
      </c>
      <c r="DL28" s="279">
        <v>0</v>
      </c>
      <c r="DM28" s="280">
        <v>0</v>
      </c>
      <c r="DN28" s="280">
        <v>0</v>
      </c>
      <c r="DO28" s="280">
        <v>0</v>
      </c>
      <c r="DP28" s="280">
        <v>0</v>
      </c>
      <c r="DQ28" s="280">
        <v>0</v>
      </c>
      <c r="DR28" s="277">
        <v>0</v>
      </c>
      <c r="DS28" s="282">
        <v>0</v>
      </c>
      <c r="DT28" s="276">
        <v>55</v>
      </c>
      <c r="DU28" s="280">
        <v>93</v>
      </c>
      <c r="DV28" s="277">
        <v>148</v>
      </c>
      <c r="DW28" s="279">
        <v>0</v>
      </c>
      <c r="DX28" s="280">
        <v>146</v>
      </c>
      <c r="DY28" s="280">
        <v>183</v>
      </c>
      <c r="DZ28" s="280">
        <v>103</v>
      </c>
      <c r="EA28" s="280">
        <v>75</v>
      </c>
      <c r="EB28" s="280">
        <v>66</v>
      </c>
      <c r="EC28" s="277">
        <v>573</v>
      </c>
      <c r="ED28" s="282">
        <v>721</v>
      </c>
      <c r="EE28" s="276">
        <v>9</v>
      </c>
      <c r="EF28" s="280">
        <v>5</v>
      </c>
      <c r="EG28" s="277">
        <v>14</v>
      </c>
      <c r="EH28" s="279">
        <v>0</v>
      </c>
      <c r="EI28" s="280">
        <v>22</v>
      </c>
      <c r="EJ28" s="280">
        <v>20</v>
      </c>
      <c r="EK28" s="280">
        <v>27</v>
      </c>
      <c r="EL28" s="280">
        <v>12</v>
      </c>
      <c r="EM28" s="280">
        <v>11</v>
      </c>
      <c r="EN28" s="277">
        <v>92</v>
      </c>
      <c r="EO28" s="282">
        <v>106</v>
      </c>
      <c r="EP28" s="276">
        <v>69</v>
      </c>
      <c r="EQ28" s="280">
        <v>105</v>
      </c>
      <c r="ER28" s="277">
        <v>174</v>
      </c>
      <c r="ES28" s="279">
        <v>0</v>
      </c>
      <c r="ET28" s="280">
        <v>272</v>
      </c>
      <c r="EU28" s="280">
        <v>240</v>
      </c>
      <c r="EV28" s="280">
        <v>126</v>
      </c>
      <c r="EW28" s="280">
        <v>82</v>
      </c>
      <c r="EX28" s="280">
        <v>66</v>
      </c>
      <c r="EY28" s="277">
        <v>786</v>
      </c>
      <c r="EZ28" s="282">
        <v>960</v>
      </c>
    </row>
    <row r="29" spans="2:156" ht="21" customHeight="1" x14ac:dyDescent="0.2">
      <c r="B29" s="261" t="s">
        <v>27</v>
      </c>
      <c r="C29" s="276">
        <v>0</v>
      </c>
      <c r="D29" s="280">
        <v>0</v>
      </c>
      <c r="E29" s="384">
        <v>0</v>
      </c>
      <c r="F29" s="279">
        <v>0</v>
      </c>
      <c r="G29" s="280">
        <v>54</v>
      </c>
      <c r="H29" s="280">
        <v>55</v>
      </c>
      <c r="I29" s="280">
        <v>41</v>
      </c>
      <c r="J29" s="280">
        <v>35</v>
      </c>
      <c r="K29" s="280">
        <v>31</v>
      </c>
      <c r="L29" s="281">
        <v>216</v>
      </c>
      <c r="M29" s="282">
        <v>216</v>
      </c>
      <c r="N29" s="276">
        <v>0</v>
      </c>
      <c r="O29" s="280">
        <v>0</v>
      </c>
      <c r="P29" s="277">
        <v>0</v>
      </c>
      <c r="Q29" s="279">
        <v>0</v>
      </c>
      <c r="R29" s="280">
        <v>1</v>
      </c>
      <c r="S29" s="280">
        <v>6</v>
      </c>
      <c r="T29" s="280">
        <v>6</v>
      </c>
      <c r="U29" s="280">
        <v>16</v>
      </c>
      <c r="V29" s="280">
        <v>15</v>
      </c>
      <c r="W29" s="277">
        <v>44</v>
      </c>
      <c r="X29" s="282">
        <v>44</v>
      </c>
      <c r="Y29" s="276">
        <v>25</v>
      </c>
      <c r="Z29" s="280">
        <v>44</v>
      </c>
      <c r="AA29" s="277">
        <v>69</v>
      </c>
      <c r="AB29" s="279">
        <v>0</v>
      </c>
      <c r="AC29" s="280">
        <v>39</v>
      </c>
      <c r="AD29" s="280">
        <v>39</v>
      </c>
      <c r="AE29" s="280">
        <v>40</v>
      </c>
      <c r="AF29" s="280">
        <v>36</v>
      </c>
      <c r="AG29" s="280">
        <v>26</v>
      </c>
      <c r="AH29" s="277">
        <v>180</v>
      </c>
      <c r="AI29" s="282">
        <v>249</v>
      </c>
      <c r="AJ29" s="276">
        <v>0</v>
      </c>
      <c r="AK29" s="280">
        <v>2</v>
      </c>
      <c r="AL29" s="277">
        <v>2</v>
      </c>
      <c r="AM29" s="279">
        <v>0</v>
      </c>
      <c r="AN29" s="280">
        <v>0</v>
      </c>
      <c r="AO29" s="280">
        <v>2</v>
      </c>
      <c r="AP29" s="280">
        <v>0</v>
      </c>
      <c r="AQ29" s="280">
        <v>0</v>
      </c>
      <c r="AR29" s="280">
        <v>1</v>
      </c>
      <c r="AS29" s="277">
        <v>3</v>
      </c>
      <c r="AT29" s="282">
        <v>5</v>
      </c>
      <c r="AU29" s="276">
        <v>7</v>
      </c>
      <c r="AV29" s="280">
        <v>20</v>
      </c>
      <c r="AW29" s="277">
        <v>27</v>
      </c>
      <c r="AX29" s="279">
        <v>0</v>
      </c>
      <c r="AY29" s="280">
        <v>59</v>
      </c>
      <c r="AZ29" s="280">
        <v>61</v>
      </c>
      <c r="BA29" s="280">
        <v>82</v>
      </c>
      <c r="BB29" s="280">
        <v>76</v>
      </c>
      <c r="BC29" s="280">
        <v>39</v>
      </c>
      <c r="BD29" s="281">
        <v>317</v>
      </c>
      <c r="BE29" s="282">
        <v>344</v>
      </c>
      <c r="BF29" s="276">
        <v>0</v>
      </c>
      <c r="BG29" s="280">
        <v>0</v>
      </c>
      <c r="BH29" s="277">
        <v>0</v>
      </c>
      <c r="BI29" s="279">
        <v>0</v>
      </c>
      <c r="BJ29" s="280">
        <v>110</v>
      </c>
      <c r="BK29" s="280">
        <v>64</v>
      </c>
      <c r="BL29" s="280">
        <v>42</v>
      </c>
      <c r="BM29" s="280">
        <v>32</v>
      </c>
      <c r="BN29" s="280">
        <v>9</v>
      </c>
      <c r="BO29" s="277">
        <v>257</v>
      </c>
      <c r="BP29" s="282">
        <v>257</v>
      </c>
      <c r="BQ29" s="276">
        <v>10</v>
      </c>
      <c r="BR29" s="280">
        <v>32</v>
      </c>
      <c r="BS29" s="277">
        <v>42</v>
      </c>
      <c r="BT29" s="279">
        <v>0</v>
      </c>
      <c r="BU29" s="280">
        <v>16</v>
      </c>
      <c r="BV29" s="280">
        <v>23</v>
      </c>
      <c r="BW29" s="280">
        <v>14</v>
      </c>
      <c r="BX29" s="280">
        <v>7</v>
      </c>
      <c r="BY29" s="280">
        <v>6</v>
      </c>
      <c r="BZ29" s="277">
        <v>66</v>
      </c>
      <c r="CA29" s="282">
        <v>108</v>
      </c>
      <c r="CB29" s="276">
        <v>0</v>
      </c>
      <c r="CC29" s="280">
        <v>2</v>
      </c>
      <c r="CD29" s="277">
        <v>2</v>
      </c>
      <c r="CE29" s="279">
        <v>0</v>
      </c>
      <c r="CF29" s="280">
        <v>7</v>
      </c>
      <c r="CG29" s="280">
        <v>13</v>
      </c>
      <c r="CH29" s="280">
        <v>17</v>
      </c>
      <c r="CI29" s="280">
        <v>7</v>
      </c>
      <c r="CJ29" s="280">
        <v>7</v>
      </c>
      <c r="CK29" s="277">
        <v>51</v>
      </c>
      <c r="CL29" s="282">
        <v>53</v>
      </c>
      <c r="CM29" s="276">
        <v>0</v>
      </c>
      <c r="CN29" s="280">
        <v>0</v>
      </c>
      <c r="CO29" s="277">
        <v>0</v>
      </c>
      <c r="CP29" s="279">
        <v>0</v>
      </c>
      <c r="CQ29" s="280">
        <v>2</v>
      </c>
      <c r="CR29" s="280">
        <v>2</v>
      </c>
      <c r="CS29" s="280">
        <v>2</v>
      </c>
      <c r="CT29" s="280">
        <v>2</v>
      </c>
      <c r="CU29" s="280">
        <v>0</v>
      </c>
      <c r="CV29" s="277">
        <v>8</v>
      </c>
      <c r="CW29" s="282">
        <v>8</v>
      </c>
      <c r="CX29" s="276">
        <v>0</v>
      </c>
      <c r="CY29" s="280">
        <v>0</v>
      </c>
      <c r="CZ29" s="277">
        <v>0</v>
      </c>
      <c r="DA29" s="279">
        <v>0</v>
      </c>
      <c r="DB29" s="280">
        <v>0</v>
      </c>
      <c r="DC29" s="280">
        <v>0</v>
      </c>
      <c r="DD29" s="280">
        <v>0</v>
      </c>
      <c r="DE29" s="280">
        <v>0</v>
      </c>
      <c r="DF29" s="280">
        <v>0</v>
      </c>
      <c r="DG29" s="277">
        <v>0</v>
      </c>
      <c r="DH29" s="282">
        <v>0</v>
      </c>
      <c r="DI29" s="276">
        <v>0</v>
      </c>
      <c r="DJ29" s="280">
        <v>0</v>
      </c>
      <c r="DK29" s="277">
        <v>0</v>
      </c>
      <c r="DL29" s="279">
        <v>0</v>
      </c>
      <c r="DM29" s="280">
        <v>0</v>
      </c>
      <c r="DN29" s="280">
        <v>0</v>
      </c>
      <c r="DO29" s="280">
        <v>0</v>
      </c>
      <c r="DP29" s="280">
        <v>0</v>
      </c>
      <c r="DQ29" s="280">
        <v>0</v>
      </c>
      <c r="DR29" s="277">
        <v>0</v>
      </c>
      <c r="DS29" s="282">
        <v>0</v>
      </c>
      <c r="DT29" s="276">
        <v>86</v>
      </c>
      <c r="DU29" s="280">
        <v>134</v>
      </c>
      <c r="DV29" s="277">
        <v>220</v>
      </c>
      <c r="DW29" s="279">
        <v>0</v>
      </c>
      <c r="DX29" s="280">
        <v>75</v>
      </c>
      <c r="DY29" s="280">
        <v>126</v>
      </c>
      <c r="DZ29" s="280">
        <v>93</v>
      </c>
      <c r="EA29" s="280">
        <v>66</v>
      </c>
      <c r="EB29" s="280">
        <v>42</v>
      </c>
      <c r="EC29" s="277">
        <v>402</v>
      </c>
      <c r="ED29" s="282">
        <v>622</v>
      </c>
      <c r="EE29" s="276">
        <v>9</v>
      </c>
      <c r="EF29" s="280">
        <v>14</v>
      </c>
      <c r="EG29" s="277">
        <v>23</v>
      </c>
      <c r="EH29" s="279">
        <v>0</v>
      </c>
      <c r="EI29" s="280">
        <v>40</v>
      </c>
      <c r="EJ29" s="280">
        <v>30</v>
      </c>
      <c r="EK29" s="280">
        <v>37</v>
      </c>
      <c r="EL29" s="280">
        <v>34</v>
      </c>
      <c r="EM29" s="280">
        <v>10</v>
      </c>
      <c r="EN29" s="277">
        <v>151</v>
      </c>
      <c r="EO29" s="282">
        <v>174</v>
      </c>
      <c r="EP29" s="276">
        <v>111</v>
      </c>
      <c r="EQ29" s="280">
        <v>162</v>
      </c>
      <c r="ER29" s="277">
        <v>273</v>
      </c>
      <c r="ES29" s="279">
        <v>0</v>
      </c>
      <c r="ET29" s="280">
        <v>203</v>
      </c>
      <c r="EU29" s="280">
        <v>161</v>
      </c>
      <c r="EV29" s="280">
        <v>112</v>
      </c>
      <c r="EW29" s="280">
        <v>77</v>
      </c>
      <c r="EX29" s="280">
        <v>44</v>
      </c>
      <c r="EY29" s="277">
        <v>597</v>
      </c>
      <c r="EZ29" s="282">
        <v>870</v>
      </c>
    </row>
    <row r="30" spans="2:156" ht="21" customHeight="1" x14ac:dyDescent="0.2">
      <c r="B30" s="261" t="s">
        <v>28</v>
      </c>
      <c r="C30" s="276">
        <v>0</v>
      </c>
      <c r="D30" s="280">
        <v>0</v>
      </c>
      <c r="E30" s="384">
        <v>0</v>
      </c>
      <c r="F30" s="279">
        <v>0</v>
      </c>
      <c r="G30" s="280">
        <v>9</v>
      </c>
      <c r="H30" s="280">
        <v>17</v>
      </c>
      <c r="I30" s="280">
        <v>10</v>
      </c>
      <c r="J30" s="280">
        <v>8</v>
      </c>
      <c r="K30" s="280">
        <v>10</v>
      </c>
      <c r="L30" s="281">
        <v>54</v>
      </c>
      <c r="M30" s="282">
        <v>54</v>
      </c>
      <c r="N30" s="276">
        <v>0</v>
      </c>
      <c r="O30" s="280">
        <v>0</v>
      </c>
      <c r="P30" s="277">
        <v>0</v>
      </c>
      <c r="Q30" s="279">
        <v>0</v>
      </c>
      <c r="R30" s="280">
        <v>0</v>
      </c>
      <c r="S30" s="280">
        <v>1</v>
      </c>
      <c r="T30" s="280">
        <v>1</v>
      </c>
      <c r="U30" s="280">
        <v>2</v>
      </c>
      <c r="V30" s="280">
        <v>4</v>
      </c>
      <c r="W30" s="277">
        <v>8</v>
      </c>
      <c r="X30" s="282">
        <v>8</v>
      </c>
      <c r="Y30" s="276">
        <v>1</v>
      </c>
      <c r="Z30" s="280">
        <v>2</v>
      </c>
      <c r="AA30" s="277">
        <v>3</v>
      </c>
      <c r="AB30" s="279">
        <v>0</v>
      </c>
      <c r="AC30" s="280">
        <v>7</v>
      </c>
      <c r="AD30" s="280">
        <v>20</v>
      </c>
      <c r="AE30" s="280">
        <v>15</v>
      </c>
      <c r="AF30" s="280">
        <v>11</v>
      </c>
      <c r="AG30" s="280">
        <v>11</v>
      </c>
      <c r="AH30" s="277">
        <v>64</v>
      </c>
      <c r="AI30" s="282">
        <v>67</v>
      </c>
      <c r="AJ30" s="276">
        <v>0</v>
      </c>
      <c r="AK30" s="280">
        <v>0</v>
      </c>
      <c r="AL30" s="277">
        <v>0</v>
      </c>
      <c r="AM30" s="279">
        <v>0</v>
      </c>
      <c r="AN30" s="280">
        <v>2</v>
      </c>
      <c r="AO30" s="280">
        <v>0</v>
      </c>
      <c r="AP30" s="280">
        <v>0</v>
      </c>
      <c r="AQ30" s="280">
        <v>1</v>
      </c>
      <c r="AR30" s="280">
        <v>3</v>
      </c>
      <c r="AS30" s="277">
        <v>6</v>
      </c>
      <c r="AT30" s="282">
        <v>6</v>
      </c>
      <c r="AU30" s="276">
        <v>1</v>
      </c>
      <c r="AV30" s="280">
        <v>1</v>
      </c>
      <c r="AW30" s="277">
        <v>2</v>
      </c>
      <c r="AX30" s="279">
        <v>0</v>
      </c>
      <c r="AY30" s="280">
        <v>11</v>
      </c>
      <c r="AZ30" s="280">
        <v>21</v>
      </c>
      <c r="BA30" s="280">
        <v>20</v>
      </c>
      <c r="BB30" s="280">
        <v>22</v>
      </c>
      <c r="BC30" s="280">
        <v>16</v>
      </c>
      <c r="BD30" s="281">
        <v>90</v>
      </c>
      <c r="BE30" s="282">
        <v>92</v>
      </c>
      <c r="BF30" s="276">
        <v>0</v>
      </c>
      <c r="BG30" s="280">
        <v>0</v>
      </c>
      <c r="BH30" s="277">
        <v>0</v>
      </c>
      <c r="BI30" s="279">
        <v>0</v>
      </c>
      <c r="BJ30" s="280">
        <v>31</v>
      </c>
      <c r="BK30" s="280">
        <v>31</v>
      </c>
      <c r="BL30" s="280">
        <v>14</v>
      </c>
      <c r="BM30" s="280">
        <v>13</v>
      </c>
      <c r="BN30" s="280">
        <v>7</v>
      </c>
      <c r="BO30" s="277">
        <v>96</v>
      </c>
      <c r="BP30" s="282">
        <v>96</v>
      </c>
      <c r="BQ30" s="276">
        <v>0</v>
      </c>
      <c r="BR30" s="280">
        <v>5</v>
      </c>
      <c r="BS30" s="277">
        <v>5</v>
      </c>
      <c r="BT30" s="279">
        <v>0</v>
      </c>
      <c r="BU30" s="280">
        <v>6</v>
      </c>
      <c r="BV30" s="280">
        <v>17</v>
      </c>
      <c r="BW30" s="280">
        <v>8</v>
      </c>
      <c r="BX30" s="280">
        <v>8</v>
      </c>
      <c r="BY30" s="280">
        <v>6</v>
      </c>
      <c r="BZ30" s="277">
        <v>45</v>
      </c>
      <c r="CA30" s="282">
        <v>50</v>
      </c>
      <c r="CB30" s="276">
        <v>0</v>
      </c>
      <c r="CC30" s="280">
        <v>0</v>
      </c>
      <c r="CD30" s="277">
        <v>0</v>
      </c>
      <c r="CE30" s="279">
        <v>0</v>
      </c>
      <c r="CF30" s="280">
        <v>5</v>
      </c>
      <c r="CG30" s="280">
        <v>6</v>
      </c>
      <c r="CH30" s="280">
        <v>6</v>
      </c>
      <c r="CI30" s="280">
        <v>4</v>
      </c>
      <c r="CJ30" s="280">
        <v>6</v>
      </c>
      <c r="CK30" s="277">
        <v>27</v>
      </c>
      <c r="CL30" s="282">
        <v>27</v>
      </c>
      <c r="CM30" s="276">
        <v>0</v>
      </c>
      <c r="CN30" s="280">
        <v>0</v>
      </c>
      <c r="CO30" s="277">
        <v>0</v>
      </c>
      <c r="CP30" s="279">
        <v>0</v>
      </c>
      <c r="CQ30" s="280">
        <v>3</v>
      </c>
      <c r="CR30" s="280">
        <v>2</v>
      </c>
      <c r="CS30" s="280">
        <v>1</v>
      </c>
      <c r="CT30" s="280">
        <v>3</v>
      </c>
      <c r="CU30" s="280">
        <v>0</v>
      </c>
      <c r="CV30" s="277">
        <v>9</v>
      </c>
      <c r="CW30" s="282">
        <v>9</v>
      </c>
      <c r="CX30" s="276">
        <v>0</v>
      </c>
      <c r="CY30" s="280">
        <v>0</v>
      </c>
      <c r="CZ30" s="277">
        <v>0</v>
      </c>
      <c r="DA30" s="279">
        <v>0</v>
      </c>
      <c r="DB30" s="280">
        <v>0</v>
      </c>
      <c r="DC30" s="280">
        <v>0</v>
      </c>
      <c r="DD30" s="280">
        <v>0</v>
      </c>
      <c r="DE30" s="280">
        <v>0</v>
      </c>
      <c r="DF30" s="280">
        <v>0</v>
      </c>
      <c r="DG30" s="277">
        <v>0</v>
      </c>
      <c r="DH30" s="282">
        <v>0</v>
      </c>
      <c r="DI30" s="276">
        <v>0</v>
      </c>
      <c r="DJ30" s="280">
        <v>0</v>
      </c>
      <c r="DK30" s="277">
        <v>0</v>
      </c>
      <c r="DL30" s="279">
        <v>0</v>
      </c>
      <c r="DM30" s="280">
        <v>0</v>
      </c>
      <c r="DN30" s="280">
        <v>0</v>
      </c>
      <c r="DO30" s="280">
        <v>0</v>
      </c>
      <c r="DP30" s="280">
        <v>0</v>
      </c>
      <c r="DQ30" s="280">
        <v>0</v>
      </c>
      <c r="DR30" s="277">
        <v>0</v>
      </c>
      <c r="DS30" s="282">
        <v>0</v>
      </c>
      <c r="DT30" s="276">
        <v>9</v>
      </c>
      <c r="DU30" s="280">
        <v>19</v>
      </c>
      <c r="DV30" s="277">
        <v>28</v>
      </c>
      <c r="DW30" s="279">
        <v>0</v>
      </c>
      <c r="DX30" s="280">
        <v>36</v>
      </c>
      <c r="DY30" s="280">
        <v>59</v>
      </c>
      <c r="DZ30" s="280">
        <v>32</v>
      </c>
      <c r="EA30" s="280">
        <v>28</v>
      </c>
      <c r="EB30" s="280">
        <v>20</v>
      </c>
      <c r="EC30" s="277">
        <v>175</v>
      </c>
      <c r="ED30" s="282">
        <v>203</v>
      </c>
      <c r="EE30" s="276">
        <v>1</v>
      </c>
      <c r="EF30" s="280">
        <v>0</v>
      </c>
      <c r="EG30" s="277">
        <v>1</v>
      </c>
      <c r="EH30" s="279">
        <v>0</v>
      </c>
      <c r="EI30" s="280">
        <v>1</v>
      </c>
      <c r="EJ30" s="280">
        <v>6</v>
      </c>
      <c r="EK30" s="280">
        <v>2</v>
      </c>
      <c r="EL30" s="280">
        <v>4</v>
      </c>
      <c r="EM30" s="280">
        <v>2</v>
      </c>
      <c r="EN30" s="277">
        <v>15</v>
      </c>
      <c r="EO30" s="282">
        <v>16</v>
      </c>
      <c r="EP30" s="276">
        <v>10</v>
      </c>
      <c r="EQ30" s="280">
        <v>22</v>
      </c>
      <c r="ER30" s="277">
        <v>32</v>
      </c>
      <c r="ES30" s="279">
        <v>0</v>
      </c>
      <c r="ET30" s="280">
        <v>72</v>
      </c>
      <c r="EU30" s="280">
        <v>82</v>
      </c>
      <c r="EV30" s="280">
        <v>36</v>
      </c>
      <c r="EW30" s="280">
        <v>32</v>
      </c>
      <c r="EX30" s="280">
        <v>21</v>
      </c>
      <c r="EY30" s="277">
        <v>243</v>
      </c>
      <c r="EZ30" s="282">
        <v>275</v>
      </c>
    </row>
    <row r="31" spans="2:156" ht="21" customHeight="1" x14ac:dyDescent="0.2">
      <c r="B31" s="261" t="s">
        <v>29</v>
      </c>
      <c r="C31" s="276">
        <v>0</v>
      </c>
      <c r="D31" s="280">
        <v>0</v>
      </c>
      <c r="E31" s="384">
        <v>0</v>
      </c>
      <c r="F31" s="279">
        <v>0</v>
      </c>
      <c r="G31" s="280">
        <v>24</v>
      </c>
      <c r="H31" s="280">
        <v>22</v>
      </c>
      <c r="I31" s="280">
        <v>9</v>
      </c>
      <c r="J31" s="280">
        <v>12</v>
      </c>
      <c r="K31" s="280">
        <v>9</v>
      </c>
      <c r="L31" s="281">
        <v>76</v>
      </c>
      <c r="M31" s="282">
        <v>76</v>
      </c>
      <c r="N31" s="276">
        <v>0</v>
      </c>
      <c r="O31" s="280">
        <v>0</v>
      </c>
      <c r="P31" s="277">
        <v>0</v>
      </c>
      <c r="Q31" s="279">
        <v>0</v>
      </c>
      <c r="R31" s="280">
        <v>0</v>
      </c>
      <c r="S31" s="280">
        <v>0</v>
      </c>
      <c r="T31" s="280">
        <v>0</v>
      </c>
      <c r="U31" s="280">
        <v>3</v>
      </c>
      <c r="V31" s="280">
        <v>5</v>
      </c>
      <c r="W31" s="277">
        <v>8</v>
      </c>
      <c r="X31" s="282">
        <v>8</v>
      </c>
      <c r="Y31" s="276">
        <v>2</v>
      </c>
      <c r="Z31" s="280">
        <v>4</v>
      </c>
      <c r="AA31" s="277">
        <v>6</v>
      </c>
      <c r="AB31" s="279">
        <v>0</v>
      </c>
      <c r="AC31" s="280">
        <v>17</v>
      </c>
      <c r="AD31" s="280">
        <v>15</v>
      </c>
      <c r="AE31" s="280">
        <v>13</v>
      </c>
      <c r="AF31" s="280">
        <v>10</v>
      </c>
      <c r="AG31" s="280">
        <v>7</v>
      </c>
      <c r="AH31" s="277">
        <v>62</v>
      </c>
      <c r="AI31" s="282">
        <v>68</v>
      </c>
      <c r="AJ31" s="276">
        <v>0</v>
      </c>
      <c r="AK31" s="280">
        <v>1</v>
      </c>
      <c r="AL31" s="277">
        <v>1</v>
      </c>
      <c r="AM31" s="279">
        <v>0</v>
      </c>
      <c r="AN31" s="280">
        <v>3</v>
      </c>
      <c r="AO31" s="280">
        <v>4</v>
      </c>
      <c r="AP31" s="280">
        <v>1</v>
      </c>
      <c r="AQ31" s="280">
        <v>3</v>
      </c>
      <c r="AR31" s="280">
        <v>0</v>
      </c>
      <c r="AS31" s="277">
        <v>11</v>
      </c>
      <c r="AT31" s="282">
        <v>12</v>
      </c>
      <c r="AU31" s="276">
        <v>2</v>
      </c>
      <c r="AV31" s="280">
        <v>2</v>
      </c>
      <c r="AW31" s="277">
        <v>4</v>
      </c>
      <c r="AX31" s="279">
        <v>0</v>
      </c>
      <c r="AY31" s="280">
        <v>13</v>
      </c>
      <c r="AZ31" s="280">
        <v>32</v>
      </c>
      <c r="BA31" s="280">
        <v>13</v>
      </c>
      <c r="BB31" s="280">
        <v>20</v>
      </c>
      <c r="BC31" s="280">
        <v>13</v>
      </c>
      <c r="BD31" s="281">
        <v>91</v>
      </c>
      <c r="BE31" s="282">
        <v>95</v>
      </c>
      <c r="BF31" s="276">
        <v>0</v>
      </c>
      <c r="BG31" s="280">
        <v>0</v>
      </c>
      <c r="BH31" s="277">
        <v>0</v>
      </c>
      <c r="BI31" s="279">
        <v>0</v>
      </c>
      <c r="BJ31" s="280">
        <v>37</v>
      </c>
      <c r="BK31" s="280">
        <v>40</v>
      </c>
      <c r="BL31" s="280">
        <v>21</v>
      </c>
      <c r="BM31" s="280">
        <v>15</v>
      </c>
      <c r="BN31" s="280">
        <v>5</v>
      </c>
      <c r="BO31" s="277">
        <v>118</v>
      </c>
      <c r="BP31" s="282">
        <v>118</v>
      </c>
      <c r="BQ31" s="276">
        <v>1</v>
      </c>
      <c r="BR31" s="280">
        <v>1</v>
      </c>
      <c r="BS31" s="277">
        <v>2</v>
      </c>
      <c r="BT31" s="279">
        <v>0</v>
      </c>
      <c r="BU31" s="280">
        <v>14</v>
      </c>
      <c r="BV31" s="280">
        <v>14</v>
      </c>
      <c r="BW31" s="280">
        <v>8</v>
      </c>
      <c r="BX31" s="280">
        <v>5</v>
      </c>
      <c r="BY31" s="280">
        <v>1</v>
      </c>
      <c r="BZ31" s="277">
        <v>42</v>
      </c>
      <c r="CA31" s="282">
        <v>44</v>
      </c>
      <c r="CB31" s="276">
        <v>1</v>
      </c>
      <c r="CC31" s="280">
        <v>0</v>
      </c>
      <c r="CD31" s="277">
        <v>1</v>
      </c>
      <c r="CE31" s="279">
        <v>0</v>
      </c>
      <c r="CF31" s="280">
        <v>4</v>
      </c>
      <c r="CG31" s="280">
        <v>11</v>
      </c>
      <c r="CH31" s="280">
        <v>7</v>
      </c>
      <c r="CI31" s="280">
        <v>7</v>
      </c>
      <c r="CJ31" s="280">
        <v>7</v>
      </c>
      <c r="CK31" s="277">
        <v>36</v>
      </c>
      <c r="CL31" s="282">
        <v>37</v>
      </c>
      <c r="CM31" s="276">
        <v>0</v>
      </c>
      <c r="CN31" s="280">
        <v>0</v>
      </c>
      <c r="CO31" s="277">
        <v>0</v>
      </c>
      <c r="CP31" s="279">
        <v>0</v>
      </c>
      <c r="CQ31" s="280">
        <v>0</v>
      </c>
      <c r="CR31" s="280">
        <v>5</v>
      </c>
      <c r="CS31" s="280">
        <v>3</v>
      </c>
      <c r="CT31" s="280">
        <v>1</v>
      </c>
      <c r="CU31" s="280">
        <v>2</v>
      </c>
      <c r="CV31" s="277">
        <v>11</v>
      </c>
      <c r="CW31" s="282">
        <v>11</v>
      </c>
      <c r="CX31" s="276">
        <v>0</v>
      </c>
      <c r="CY31" s="280">
        <v>0</v>
      </c>
      <c r="CZ31" s="277">
        <v>0</v>
      </c>
      <c r="DA31" s="279">
        <v>0</v>
      </c>
      <c r="DB31" s="280">
        <v>0</v>
      </c>
      <c r="DC31" s="280">
        <v>0</v>
      </c>
      <c r="DD31" s="280">
        <v>0</v>
      </c>
      <c r="DE31" s="280">
        <v>0</v>
      </c>
      <c r="DF31" s="280">
        <v>0</v>
      </c>
      <c r="DG31" s="277">
        <v>0</v>
      </c>
      <c r="DH31" s="282">
        <v>0</v>
      </c>
      <c r="DI31" s="276">
        <v>0</v>
      </c>
      <c r="DJ31" s="280">
        <v>0</v>
      </c>
      <c r="DK31" s="277">
        <v>0</v>
      </c>
      <c r="DL31" s="279">
        <v>0</v>
      </c>
      <c r="DM31" s="280">
        <v>0</v>
      </c>
      <c r="DN31" s="280">
        <v>0</v>
      </c>
      <c r="DO31" s="280">
        <v>0</v>
      </c>
      <c r="DP31" s="280">
        <v>0</v>
      </c>
      <c r="DQ31" s="280">
        <v>0</v>
      </c>
      <c r="DR31" s="277">
        <v>0</v>
      </c>
      <c r="DS31" s="282">
        <v>0</v>
      </c>
      <c r="DT31" s="276">
        <v>27</v>
      </c>
      <c r="DU31" s="280">
        <v>28</v>
      </c>
      <c r="DV31" s="277">
        <v>55</v>
      </c>
      <c r="DW31" s="279">
        <v>0</v>
      </c>
      <c r="DX31" s="280">
        <v>40</v>
      </c>
      <c r="DY31" s="280">
        <v>60</v>
      </c>
      <c r="DZ31" s="280">
        <v>46</v>
      </c>
      <c r="EA31" s="280">
        <v>40</v>
      </c>
      <c r="EB31" s="280">
        <v>21</v>
      </c>
      <c r="EC31" s="277">
        <v>207</v>
      </c>
      <c r="ED31" s="282">
        <v>262</v>
      </c>
      <c r="EE31" s="276">
        <v>2</v>
      </c>
      <c r="EF31" s="280">
        <v>0</v>
      </c>
      <c r="EG31" s="277">
        <v>2</v>
      </c>
      <c r="EH31" s="279">
        <v>0</v>
      </c>
      <c r="EI31" s="280">
        <v>5</v>
      </c>
      <c r="EJ31" s="280">
        <v>10</v>
      </c>
      <c r="EK31" s="280">
        <v>4</v>
      </c>
      <c r="EL31" s="280">
        <v>8</v>
      </c>
      <c r="EM31" s="280">
        <v>4</v>
      </c>
      <c r="EN31" s="277">
        <v>31</v>
      </c>
      <c r="EO31" s="282">
        <v>33</v>
      </c>
      <c r="EP31" s="276">
        <v>30</v>
      </c>
      <c r="EQ31" s="280">
        <v>31</v>
      </c>
      <c r="ER31" s="277">
        <v>61</v>
      </c>
      <c r="ES31" s="279">
        <v>0</v>
      </c>
      <c r="ET31" s="280">
        <v>84</v>
      </c>
      <c r="EU31" s="280">
        <v>91</v>
      </c>
      <c r="EV31" s="280">
        <v>45</v>
      </c>
      <c r="EW31" s="280">
        <v>38</v>
      </c>
      <c r="EX31" s="280">
        <v>21</v>
      </c>
      <c r="EY31" s="277">
        <v>279</v>
      </c>
      <c r="EZ31" s="282">
        <v>340</v>
      </c>
    </row>
    <row r="32" spans="2:156" ht="21" customHeight="1" x14ac:dyDescent="0.2">
      <c r="B32" s="261" t="s">
        <v>30</v>
      </c>
      <c r="C32" s="276">
        <v>0</v>
      </c>
      <c r="D32" s="280">
        <v>0</v>
      </c>
      <c r="E32" s="384">
        <v>0</v>
      </c>
      <c r="F32" s="279">
        <v>0</v>
      </c>
      <c r="G32" s="280">
        <v>26</v>
      </c>
      <c r="H32" s="280">
        <v>20</v>
      </c>
      <c r="I32" s="280">
        <v>16</v>
      </c>
      <c r="J32" s="280">
        <v>13</v>
      </c>
      <c r="K32" s="280">
        <v>5</v>
      </c>
      <c r="L32" s="281">
        <v>80</v>
      </c>
      <c r="M32" s="282">
        <v>80</v>
      </c>
      <c r="N32" s="276">
        <v>0</v>
      </c>
      <c r="O32" s="280">
        <v>0</v>
      </c>
      <c r="P32" s="277">
        <v>0</v>
      </c>
      <c r="Q32" s="279">
        <v>0</v>
      </c>
      <c r="R32" s="280">
        <v>0</v>
      </c>
      <c r="S32" s="280">
        <v>0</v>
      </c>
      <c r="T32" s="280">
        <v>2</v>
      </c>
      <c r="U32" s="280">
        <v>6</v>
      </c>
      <c r="V32" s="280">
        <v>6</v>
      </c>
      <c r="W32" s="277">
        <v>14</v>
      </c>
      <c r="X32" s="282">
        <v>14</v>
      </c>
      <c r="Y32" s="276">
        <v>2</v>
      </c>
      <c r="Z32" s="280">
        <v>7</v>
      </c>
      <c r="AA32" s="277">
        <v>9</v>
      </c>
      <c r="AB32" s="279">
        <v>0</v>
      </c>
      <c r="AC32" s="280">
        <v>19</v>
      </c>
      <c r="AD32" s="280">
        <v>18</v>
      </c>
      <c r="AE32" s="280">
        <v>22</v>
      </c>
      <c r="AF32" s="280">
        <v>18</v>
      </c>
      <c r="AG32" s="280">
        <v>6</v>
      </c>
      <c r="AH32" s="277">
        <v>83</v>
      </c>
      <c r="AI32" s="282">
        <v>92</v>
      </c>
      <c r="AJ32" s="276">
        <v>0</v>
      </c>
      <c r="AK32" s="280">
        <v>0</v>
      </c>
      <c r="AL32" s="277">
        <v>0</v>
      </c>
      <c r="AM32" s="279">
        <v>0</v>
      </c>
      <c r="AN32" s="280">
        <v>4</v>
      </c>
      <c r="AO32" s="280">
        <v>2</v>
      </c>
      <c r="AP32" s="280">
        <v>5</v>
      </c>
      <c r="AQ32" s="280">
        <v>1</v>
      </c>
      <c r="AR32" s="280">
        <v>0</v>
      </c>
      <c r="AS32" s="277">
        <v>12</v>
      </c>
      <c r="AT32" s="282">
        <v>12</v>
      </c>
      <c r="AU32" s="276">
        <v>2</v>
      </c>
      <c r="AV32" s="280">
        <v>0</v>
      </c>
      <c r="AW32" s="277">
        <v>2</v>
      </c>
      <c r="AX32" s="279">
        <v>0</v>
      </c>
      <c r="AY32" s="280">
        <v>22</v>
      </c>
      <c r="AZ32" s="280">
        <v>16</v>
      </c>
      <c r="BA32" s="280">
        <v>21</v>
      </c>
      <c r="BB32" s="280">
        <v>20</v>
      </c>
      <c r="BC32" s="280">
        <v>8</v>
      </c>
      <c r="BD32" s="281">
        <v>87</v>
      </c>
      <c r="BE32" s="282">
        <v>89</v>
      </c>
      <c r="BF32" s="276">
        <v>0</v>
      </c>
      <c r="BG32" s="280">
        <v>0</v>
      </c>
      <c r="BH32" s="277">
        <v>0</v>
      </c>
      <c r="BI32" s="279">
        <v>0</v>
      </c>
      <c r="BJ32" s="280">
        <v>31</v>
      </c>
      <c r="BK32" s="280">
        <v>27</v>
      </c>
      <c r="BL32" s="280">
        <v>21</v>
      </c>
      <c r="BM32" s="280">
        <v>14</v>
      </c>
      <c r="BN32" s="280">
        <v>2</v>
      </c>
      <c r="BO32" s="277">
        <v>95</v>
      </c>
      <c r="BP32" s="282">
        <v>95</v>
      </c>
      <c r="BQ32" s="276">
        <v>2</v>
      </c>
      <c r="BR32" s="280">
        <v>3</v>
      </c>
      <c r="BS32" s="277">
        <v>5</v>
      </c>
      <c r="BT32" s="279">
        <v>0</v>
      </c>
      <c r="BU32" s="280">
        <v>3</v>
      </c>
      <c r="BV32" s="280">
        <v>8</v>
      </c>
      <c r="BW32" s="280">
        <v>4</v>
      </c>
      <c r="BX32" s="280">
        <v>4</v>
      </c>
      <c r="BY32" s="280">
        <v>0</v>
      </c>
      <c r="BZ32" s="277">
        <v>19</v>
      </c>
      <c r="CA32" s="282">
        <v>24</v>
      </c>
      <c r="CB32" s="276">
        <v>0</v>
      </c>
      <c r="CC32" s="280">
        <v>0</v>
      </c>
      <c r="CD32" s="277">
        <v>0</v>
      </c>
      <c r="CE32" s="279">
        <v>0</v>
      </c>
      <c r="CF32" s="280">
        <v>7</v>
      </c>
      <c r="CG32" s="280">
        <v>6</v>
      </c>
      <c r="CH32" s="280">
        <v>11</v>
      </c>
      <c r="CI32" s="280">
        <v>3</v>
      </c>
      <c r="CJ32" s="280">
        <v>1</v>
      </c>
      <c r="CK32" s="277">
        <v>28</v>
      </c>
      <c r="CL32" s="282">
        <v>28</v>
      </c>
      <c r="CM32" s="276">
        <v>0</v>
      </c>
      <c r="CN32" s="280">
        <v>0</v>
      </c>
      <c r="CO32" s="277">
        <v>0</v>
      </c>
      <c r="CP32" s="279">
        <v>0</v>
      </c>
      <c r="CQ32" s="280">
        <v>0</v>
      </c>
      <c r="CR32" s="280">
        <v>3</v>
      </c>
      <c r="CS32" s="280">
        <v>0</v>
      </c>
      <c r="CT32" s="280">
        <v>1</v>
      </c>
      <c r="CU32" s="280">
        <v>1</v>
      </c>
      <c r="CV32" s="277">
        <v>5</v>
      </c>
      <c r="CW32" s="282">
        <v>5</v>
      </c>
      <c r="CX32" s="276">
        <v>0</v>
      </c>
      <c r="CY32" s="280">
        <v>0</v>
      </c>
      <c r="CZ32" s="277">
        <v>0</v>
      </c>
      <c r="DA32" s="279">
        <v>0</v>
      </c>
      <c r="DB32" s="280">
        <v>0</v>
      </c>
      <c r="DC32" s="280">
        <v>0</v>
      </c>
      <c r="DD32" s="280">
        <v>0</v>
      </c>
      <c r="DE32" s="280">
        <v>0</v>
      </c>
      <c r="DF32" s="280">
        <v>0</v>
      </c>
      <c r="DG32" s="277">
        <v>0</v>
      </c>
      <c r="DH32" s="282">
        <v>0</v>
      </c>
      <c r="DI32" s="276">
        <v>0</v>
      </c>
      <c r="DJ32" s="280">
        <v>0</v>
      </c>
      <c r="DK32" s="277">
        <v>0</v>
      </c>
      <c r="DL32" s="279">
        <v>0</v>
      </c>
      <c r="DM32" s="280">
        <v>0</v>
      </c>
      <c r="DN32" s="280">
        <v>0</v>
      </c>
      <c r="DO32" s="280">
        <v>0</v>
      </c>
      <c r="DP32" s="280">
        <v>0</v>
      </c>
      <c r="DQ32" s="280">
        <v>0</v>
      </c>
      <c r="DR32" s="277">
        <v>0</v>
      </c>
      <c r="DS32" s="282">
        <v>0</v>
      </c>
      <c r="DT32" s="276">
        <v>32</v>
      </c>
      <c r="DU32" s="280">
        <v>26</v>
      </c>
      <c r="DV32" s="277">
        <v>58</v>
      </c>
      <c r="DW32" s="279">
        <v>0</v>
      </c>
      <c r="DX32" s="280">
        <v>53</v>
      </c>
      <c r="DY32" s="280">
        <v>60</v>
      </c>
      <c r="DZ32" s="280">
        <v>54</v>
      </c>
      <c r="EA32" s="280">
        <v>34</v>
      </c>
      <c r="EB32" s="280">
        <v>11</v>
      </c>
      <c r="EC32" s="277">
        <v>212</v>
      </c>
      <c r="ED32" s="282">
        <v>270</v>
      </c>
      <c r="EE32" s="276">
        <v>2</v>
      </c>
      <c r="EF32" s="280">
        <v>0</v>
      </c>
      <c r="EG32" s="277">
        <v>2</v>
      </c>
      <c r="EH32" s="279">
        <v>0</v>
      </c>
      <c r="EI32" s="280">
        <v>5</v>
      </c>
      <c r="EJ32" s="280">
        <v>4</v>
      </c>
      <c r="EK32" s="280">
        <v>3</v>
      </c>
      <c r="EL32" s="280">
        <v>4</v>
      </c>
      <c r="EM32" s="280">
        <v>2</v>
      </c>
      <c r="EN32" s="277">
        <v>18</v>
      </c>
      <c r="EO32" s="282">
        <v>20</v>
      </c>
      <c r="EP32" s="276">
        <v>36</v>
      </c>
      <c r="EQ32" s="280">
        <v>31</v>
      </c>
      <c r="ER32" s="277">
        <v>67</v>
      </c>
      <c r="ES32" s="279">
        <v>0</v>
      </c>
      <c r="ET32" s="280">
        <v>91</v>
      </c>
      <c r="EU32" s="280">
        <v>74</v>
      </c>
      <c r="EV32" s="280">
        <v>59</v>
      </c>
      <c r="EW32" s="280">
        <v>38</v>
      </c>
      <c r="EX32" s="280">
        <v>12</v>
      </c>
      <c r="EY32" s="277">
        <v>274</v>
      </c>
      <c r="EZ32" s="282">
        <v>341</v>
      </c>
    </row>
    <row r="33" spans="2:156" ht="21" customHeight="1" x14ac:dyDescent="0.2">
      <c r="B33" s="261" t="s">
        <v>31</v>
      </c>
      <c r="C33" s="276">
        <v>0</v>
      </c>
      <c r="D33" s="280">
        <v>0</v>
      </c>
      <c r="E33" s="384">
        <v>0</v>
      </c>
      <c r="F33" s="279">
        <v>0</v>
      </c>
      <c r="G33" s="280">
        <v>13</v>
      </c>
      <c r="H33" s="280">
        <v>18</v>
      </c>
      <c r="I33" s="280">
        <v>4</v>
      </c>
      <c r="J33" s="280">
        <v>5</v>
      </c>
      <c r="K33" s="280">
        <v>9</v>
      </c>
      <c r="L33" s="281">
        <v>49</v>
      </c>
      <c r="M33" s="282">
        <v>49</v>
      </c>
      <c r="N33" s="276">
        <v>0</v>
      </c>
      <c r="O33" s="280">
        <v>0</v>
      </c>
      <c r="P33" s="277">
        <v>0</v>
      </c>
      <c r="Q33" s="279">
        <v>0</v>
      </c>
      <c r="R33" s="280">
        <v>1</v>
      </c>
      <c r="S33" s="280">
        <v>2</v>
      </c>
      <c r="T33" s="280">
        <v>5</v>
      </c>
      <c r="U33" s="280">
        <v>4</v>
      </c>
      <c r="V33" s="280">
        <v>4</v>
      </c>
      <c r="W33" s="277">
        <v>16</v>
      </c>
      <c r="X33" s="282">
        <v>16</v>
      </c>
      <c r="Y33" s="276">
        <v>3</v>
      </c>
      <c r="Z33" s="280">
        <v>2</v>
      </c>
      <c r="AA33" s="277">
        <v>5</v>
      </c>
      <c r="AB33" s="279">
        <v>0</v>
      </c>
      <c r="AC33" s="280">
        <v>17</v>
      </c>
      <c r="AD33" s="280">
        <v>20</v>
      </c>
      <c r="AE33" s="280">
        <v>10</v>
      </c>
      <c r="AF33" s="280">
        <v>15</v>
      </c>
      <c r="AG33" s="280">
        <v>10</v>
      </c>
      <c r="AH33" s="277">
        <v>72</v>
      </c>
      <c r="AI33" s="282">
        <v>77</v>
      </c>
      <c r="AJ33" s="276">
        <v>0</v>
      </c>
      <c r="AK33" s="280">
        <v>1</v>
      </c>
      <c r="AL33" s="277">
        <v>1</v>
      </c>
      <c r="AM33" s="279">
        <v>0</v>
      </c>
      <c r="AN33" s="280">
        <v>3</v>
      </c>
      <c r="AO33" s="280">
        <v>4</v>
      </c>
      <c r="AP33" s="280">
        <v>8</v>
      </c>
      <c r="AQ33" s="280">
        <v>3</v>
      </c>
      <c r="AR33" s="280">
        <v>2</v>
      </c>
      <c r="AS33" s="277">
        <v>20</v>
      </c>
      <c r="AT33" s="282">
        <v>21</v>
      </c>
      <c r="AU33" s="276">
        <v>2</v>
      </c>
      <c r="AV33" s="280">
        <v>0</v>
      </c>
      <c r="AW33" s="277">
        <v>2</v>
      </c>
      <c r="AX33" s="279">
        <v>0</v>
      </c>
      <c r="AY33" s="280">
        <v>12</v>
      </c>
      <c r="AZ33" s="280">
        <v>17</v>
      </c>
      <c r="BA33" s="280">
        <v>11</v>
      </c>
      <c r="BB33" s="280">
        <v>8</v>
      </c>
      <c r="BC33" s="280">
        <v>8</v>
      </c>
      <c r="BD33" s="281">
        <v>56</v>
      </c>
      <c r="BE33" s="282">
        <v>58</v>
      </c>
      <c r="BF33" s="276">
        <v>0</v>
      </c>
      <c r="BG33" s="280">
        <v>0</v>
      </c>
      <c r="BH33" s="277">
        <v>0</v>
      </c>
      <c r="BI33" s="279">
        <v>0</v>
      </c>
      <c r="BJ33" s="280">
        <v>39</v>
      </c>
      <c r="BK33" s="280">
        <v>37</v>
      </c>
      <c r="BL33" s="280">
        <v>24</v>
      </c>
      <c r="BM33" s="280">
        <v>14</v>
      </c>
      <c r="BN33" s="280">
        <v>4</v>
      </c>
      <c r="BO33" s="277">
        <v>118</v>
      </c>
      <c r="BP33" s="282">
        <v>118</v>
      </c>
      <c r="BQ33" s="276">
        <v>0</v>
      </c>
      <c r="BR33" s="280">
        <v>0</v>
      </c>
      <c r="BS33" s="277">
        <v>0</v>
      </c>
      <c r="BT33" s="279">
        <v>0</v>
      </c>
      <c r="BU33" s="280">
        <v>5</v>
      </c>
      <c r="BV33" s="280">
        <v>10</v>
      </c>
      <c r="BW33" s="280">
        <v>4</v>
      </c>
      <c r="BX33" s="280">
        <v>4</v>
      </c>
      <c r="BY33" s="280">
        <v>2</v>
      </c>
      <c r="BZ33" s="277">
        <v>25</v>
      </c>
      <c r="CA33" s="282">
        <v>25</v>
      </c>
      <c r="CB33" s="276">
        <v>0</v>
      </c>
      <c r="CC33" s="280">
        <v>1</v>
      </c>
      <c r="CD33" s="277">
        <v>1</v>
      </c>
      <c r="CE33" s="279">
        <v>0</v>
      </c>
      <c r="CF33" s="280">
        <v>3</v>
      </c>
      <c r="CG33" s="280">
        <v>12</v>
      </c>
      <c r="CH33" s="280">
        <v>11</v>
      </c>
      <c r="CI33" s="280">
        <v>7</v>
      </c>
      <c r="CJ33" s="280">
        <v>1</v>
      </c>
      <c r="CK33" s="277">
        <v>34</v>
      </c>
      <c r="CL33" s="282">
        <v>35</v>
      </c>
      <c r="CM33" s="276">
        <v>0</v>
      </c>
      <c r="CN33" s="280">
        <v>0</v>
      </c>
      <c r="CO33" s="277">
        <v>0</v>
      </c>
      <c r="CP33" s="279">
        <v>0</v>
      </c>
      <c r="CQ33" s="280">
        <v>0</v>
      </c>
      <c r="CR33" s="280">
        <v>2</v>
      </c>
      <c r="CS33" s="280">
        <v>0</v>
      </c>
      <c r="CT33" s="280">
        <v>0</v>
      </c>
      <c r="CU33" s="280">
        <v>1</v>
      </c>
      <c r="CV33" s="277">
        <v>3</v>
      </c>
      <c r="CW33" s="282">
        <v>3</v>
      </c>
      <c r="CX33" s="276">
        <v>0</v>
      </c>
      <c r="CY33" s="280">
        <v>0</v>
      </c>
      <c r="CZ33" s="277">
        <v>0</v>
      </c>
      <c r="DA33" s="279">
        <v>0</v>
      </c>
      <c r="DB33" s="280">
        <v>0</v>
      </c>
      <c r="DC33" s="280">
        <v>0</v>
      </c>
      <c r="DD33" s="280">
        <v>0</v>
      </c>
      <c r="DE33" s="280">
        <v>0</v>
      </c>
      <c r="DF33" s="280">
        <v>0</v>
      </c>
      <c r="DG33" s="277">
        <v>0</v>
      </c>
      <c r="DH33" s="282">
        <v>0</v>
      </c>
      <c r="DI33" s="276">
        <v>0</v>
      </c>
      <c r="DJ33" s="280">
        <v>0</v>
      </c>
      <c r="DK33" s="277">
        <v>0</v>
      </c>
      <c r="DL33" s="279">
        <v>0</v>
      </c>
      <c r="DM33" s="280">
        <v>0</v>
      </c>
      <c r="DN33" s="280">
        <v>0</v>
      </c>
      <c r="DO33" s="280">
        <v>0</v>
      </c>
      <c r="DP33" s="280">
        <v>0</v>
      </c>
      <c r="DQ33" s="280">
        <v>0</v>
      </c>
      <c r="DR33" s="277">
        <v>0</v>
      </c>
      <c r="DS33" s="282">
        <v>0</v>
      </c>
      <c r="DT33" s="276">
        <v>19</v>
      </c>
      <c r="DU33" s="280">
        <v>49</v>
      </c>
      <c r="DV33" s="277">
        <v>68</v>
      </c>
      <c r="DW33" s="279">
        <v>0</v>
      </c>
      <c r="DX33" s="280">
        <v>64</v>
      </c>
      <c r="DY33" s="280">
        <v>67</v>
      </c>
      <c r="DZ33" s="280">
        <v>40</v>
      </c>
      <c r="EA33" s="280">
        <v>28</v>
      </c>
      <c r="EB33" s="280">
        <v>17</v>
      </c>
      <c r="EC33" s="277">
        <v>216</v>
      </c>
      <c r="ED33" s="282">
        <v>284</v>
      </c>
      <c r="EE33" s="276">
        <v>1</v>
      </c>
      <c r="EF33" s="280">
        <v>1</v>
      </c>
      <c r="EG33" s="277">
        <v>2</v>
      </c>
      <c r="EH33" s="279">
        <v>0</v>
      </c>
      <c r="EI33" s="280">
        <v>7</v>
      </c>
      <c r="EJ33" s="280">
        <v>6</v>
      </c>
      <c r="EK33" s="280">
        <v>5</v>
      </c>
      <c r="EL33" s="280">
        <v>3</v>
      </c>
      <c r="EM33" s="280">
        <v>3</v>
      </c>
      <c r="EN33" s="277">
        <v>24</v>
      </c>
      <c r="EO33" s="282">
        <v>26</v>
      </c>
      <c r="EP33" s="276">
        <v>22</v>
      </c>
      <c r="EQ33" s="280">
        <v>51</v>
      </c>
      <c r="ER33" s="277">
        <v>73</v>
      </c>
      <c r="ES33" s="279">
        <v>0</v>
      </c>
      <c r="ET33" s="280">
        <v>108</v>
      </c>
      <c r="EU33" s="280">
        <v>88</v>
      </c>
      <c r="EV33" s="280">
        <v>44</v>
      </c>
      <c r="EW33" s="280">
        <v>30</v>
      </c>
      <c r="EX33" s="280">
        <v>16</v>
      </c>
      <c r="EY33" s="277">
        <v>286</v>
      </c>
      <c r="EZ33" s="282">
        <v>359</v>
      </c>
    </row>
    <row r="34" spans="2:156" ht="21" customHeight="1" x14ac:dyDescent="0.2">
      <c r="B34" s="261" t="s">
        <v>32</v>
      </c>
      <c r="C34" s="276">
        <v>0</v>
      </c>
      <c r="D34" s="280">
        <v>0</v>
      </c>
      <c r="E34" s="384">
        <v>0</v>
      </c>
      <c r="F34" s="279">
        <v>0</v>
      </c>
      <c r="G34" s="280">
        <v>33</v>
      </c>
      <c r="H34" s="280">
        <v>19</v>
      </c>
      <c r="I34" s="280">
        <v>13</v>
      </c>
      <c r="J34" s="280">
        <v>10</v>
      </c>
      <c r="K34" s="280">
        <v>12</v>
      </c>
      <c r="L34" s="281">
        <v>87</v>
      </c>
      <c r="M34" s="282">
        <v>87</v>
      </c>
      <c r="N34" s="276">
        <v>0</v>
      </c>
      <c r="O34" s="280">
        <v>0</v>
      </c>
      <c r="P34" s="277">
        <v>0</v>
      </c>
      <c r="Q34" s="279">
        <v>0</v>
      </c>
      <c r="R34" s="280">
        <v>0</v>
      </c>
      <c r="S34" s="280">
        <v>0</v>
      </c>
      <c r="T34" s="280">
        <v>3</v>
      </c>
      <c r="U34" s="280">
        <v>2</v>
      </c>
      <c r="V34" s="280">
        <v>8</v>
      </c>
      <c r="W34" s="277">
        <v>13</v>
      </c>
      <c r="X34" s="282">
        <v>13</v>
      </c>
      <c r="Y34" s="276">
        <v>7</v>
      </c>
      <c r="Z34" s="280">
        <v>6</v>
      </c>
      <c r="AA34" s="277">
        <v>13</v>
      </c>
      <c r="AB34" s="279">
        <v>0</v>
      </c>
      <c r="AC34" s="280">
        <v>32</v>
      </c>
      <c r="AD34" s="280">
        <v>21</v>
      </c>
      <c r="AE34" s="280">
        <v>13</v>
      </c>
      <c r="AF34" s="280">
        <v>11</v>
      </c>
      <c r="AG34" s="280">
        <v>8</v>
      </c>
      <c r="AH34" s="277">
        <v>85</v>
      </c>
      <c r="AI34" s="282">
        <v>98</v>
      </c>
      <c r="AJ34" s="276">
        <v>1</v>
      </c>
      <c r="AK34" s="280">
        <v>0</v>
      </c>
      <c r="AL34" s="277">
        <v>1</v>
      </c>
      <c r="AM34" s="279">
        <v>0</v>
      </c>
      <c r="AN34" s="280">
        <v>5</v>
      </c>
      <c r="AO34" s="280">
        <v>1</v>
      </c>
      <c r="AP34" s="280">
        <v>1</v>
      </c>
      <c r="AQ34" s="280">
        <v>3</v>
      </c>
      <c r="AR34" s="280">
        <v>2</v>
      </c>
      <c r="AS34" s="277">
        <v>12</v>
      </c>
      <c r="AT34" s="282">
        <v>13</v>
      </c>
      <c r="AU34" s="276">
        <v>4</v>
      </c>
      <c r="AV34" s="280">
        <v>2</v>
      </c>
      <c r="AW34" s="277">
        <v>6</v>
      </c>
      <c r="AX34" s="279">
        <v>0</v>
      </c>
      <c r="AY34" s="280">
        <v>20</v>
      </c>
      <c r="AZ34" s="280">
        <v>18</v>
      </c>
      <c r="BA34" s="280">
        <v>22</v>
      </c>
      <c r="BB34" s="280">
        <v>30</v>
      </c>
      <c r="BC34" s="280">
        <v>21</v>
      </c>
      <c r="BD34" s="281">
        <v>111</v>
      </c>
      <c r="BE34" s="282">
        <v>117</v>
      </c>
      <c r="BF34" s="276">
        <v>0</v>
      </c>
      <c r="BG34" s="280">
        <v>0</v>
      </c>
      <c r="BH34" s="277">
        <v>0</v>
      </c>
      <c r="BI34" s="279">
        <v>0</v>
      </c>
      <c r="BJ34" s="280">
        <v>49</v>
      </c>
      <c r="BK34" s="280">
        <v>45</v>
      </c>
      <c r="BL34" s="280">
        <v>22</v>
      </c>
      <c r="BM34" s="280">
        <v>19</v>
      </c>
      <c r="BN34" s="280">
        <v>6</v>
      </c>
      <c r="BO34" s="277">
        <v>141</v>
      </c>
      <c r="BP34" s="282">
        <v>141</v>
      </c>
      <c r="BQ34" s="276">
        <v>2</v>
      </c>
      <c r="BR34" s="280">
        <v>1</v>
      </c>
      <c r="BS34" s="277">
        <v>3</v>
      </c>
      <c r="BT34" s="279">
        <v>0</v>
      </c>
      <c r="BU34" s="280">
        <v>8</v>
      </c>
      <c r="BV34" s="280">
        <v>9</v>
      </c>
      <c r="BW34" s="280">
        <v>6</v>
      </c>
      <c r="BX34" s="280">
        <v>6</v>
      </c>
      <c r="BY34" s="280">
        <v>3</v>
      </c>
      <c r="BZ34" s="277">
        <v>32</v>
      </c>
      <c r="CA34" s="282">
        <v>35</v>
      </c>
      <c r="CB34" s="276">
        <v>0</v>
      </c>
      <c r="CC34" s="280">
        <v>0</v>
      </c>
      <c r="CD34" s="277">
        <v>0</v>
      </c>
      <c r="CE34" s="279">
        <v>0</v>
      </c>
      <c r="CF34" s="280">
        <v>3</v>
      </c>
      <c r="CG34" s="280">
        <v>9</v>
      </c>
      <c r="CH34" s="280">
        <v>8</v>
      </c>
      <c r="CI34" s="280">
        <v>4</v>
      </c>
      <c r="CJ34" s="280">
        <v>4</v>
      </c>
      <c r="CK34" s="277">
        <v>28</v>
      </c>
      <c r="CL34" s="282">
        <v>28</v>
      </c>
      <c r="CM34" s="276">
        <v>0</v>
      </c>
      <c r="CN34" s="280">
        <v>0</v>
      </c>
      <c r="CO34" s="277">
        <v>0</v>
      </c>
      <c r="CP34" s="279">
        <v>0</v>
      </c>
      <c r="CQ34" s="280">
        <v>1</v>
      </c>
      <c r="CR34" s="280">
        <v>1</v>
      </c>
      <c r="CS34" s="280">
        <v>2</v>
      </c>
      <c r="CT34" s="280">
        <v>3</v>
      </c>
      <c r="CU34" s="280">
        <v>0</v>
      </c>
      <c r="CV34" s="277">
        <v>7</v>
      </c>
      <c r="CW34" s="282">
        <v>7</v>
      </c>
      <c r="CX34" s="276">
        <v>0</v>
      </c>
      <c r="CY34" s="280">
        <v>0</v>
      </c>
      <c r="CZ34" s="277">
        <v>0</v>
      </c>
      <c r="DA34" s="279">
        <v>0</v>
      </c>
      <c r="DB34" s="280">
        <v>0</v>
      </c>
      <c r="DC34" s="280">
        <v>0</v>
      </c>
      <c r="DD34" s="280">
        <v>0</v>
      </c>
      <c r="DE34" s="280">
        <v>0</v>
      </c>
      <c r="DF34" s="280">
        <v>0</v>
      </c>
      <c r="DG34" s="277">
        <v>0</v>
      </c>
      <c r="DH34" s="282">
        <v>0</v>
      </c>
      <c r="DI34" s="276">
        <v>0</v>
      </c>
      <c r="DJ34" s="280">
        <v>0</v>
      </c>
      <c r="DK34" s="277">
        <v>0</v>
      </c>
      <c r="DL34" s="279">
        <v>0</v>
      </c>
      <c r="DM34" s="280">
        <v>0</v>
      </c>
      <c r="DN34" s="280">
        <v>0</v>
      </c>
      <c r="DO34" s="280">
        <v>0</v>
      </c>
      <c r="DP34" s="280">
        <v>0</v>
      </c>
      <c r="DQ34" s="280">
        <v>0</v>
      </c>
      <c r="DR34" s="277">
        <v>0</v>
      </c>
      <c r="DS34" s="282">
        <v>0</v>
      </c>
      <c r="DT34" s="276">
        <v>25</v>
      </c>
      <c r="DU34" s="280">
        <v>38</v>
      </c>
      <c r="DV34" s="277">
        <v>63</v>
      </c>
      <c r="DW34" s="279">
        <v>0</v>
      </c>
      <c r="DX34" s="280">
        <v>75</v>
      </c>
      <c r="DY34" s="280">
        <v>75</v>
      </c>
      <c r="DZ34" s="280">
        <v>49</v>
      </c>
      <c r="EA34" s="280">
        <v>30</v>
      </c>
      <c r="EB34" s="280">
        <v>23</v>
      </c>
      <c r="EC34" s="277">
        <v>252</v>
      </c>
      <c r="ED34" s="282">
        <v>315</v>
      </c>
      <c r="EE34" s="276">
        <v>2</v>
      </c>
      <c r="EF34" s="280">
        <v>3</v>
      </c>
      <c r="EG34" s="277">
        <v>5</v>
      </c>
      <c r="EH34" s="279">
        <v>0</v>
      </c>
      <c r="EI34" s="280">
        <v>9</v>
      </c>
      <c r="EJ34" s="280">
        <v>4</v>
      </c>
      <c r="EK34" s="280">
        <v>4</v>
      </c>
      <c r="EL34" s="280">
        <v>9</v>
      </c>
      <c r="EM34" s="280">
        <v>4</v>
      </c>
      <c r="EN34" s="277">
        <v>30</v>
      </c>
      <c r="EO34" s="282">
        <v>35</v>
      </c>
      <c r="EP34" s="276">
        <v>29</v>
      </c>
      <c r="EQ34" s="280">
        <v>39</v>
      </c>
      <c r="ER34" s="277">
        <v>68</v>
      </c>
      <c r="ES34" s="279">
        <v>0</v>
      </c>
      <c r="ET34" s="280">
        <v>137</v>
      </c>
      <c r="EU34" s="280">
        <v>111</v>
      </c>
      <c r="EV34" s="280">
        <v>55</v>
      </c>
      <c r="EW34" s="280">
        <v>33</v>
      </c>
      <c r="EX34" s="280">
        <v>24</v>
      </c>
      <c r="EY34" s="277">
        <v>360</v>
      </c>
      <c r="EZ34" s="282">
        <v>428</v>
      </c>
    </row>
    <row r="35" spans="2:156" ht="21" customHeight="1" x14ac:dyDescent="0.2">
      <c r="B35" s="261" t="s">
        <v>33</v>
      </c>
      <c r="C35" s="276">
        <v>0</v>
      </c>
      <c r="D35" s="280">
        <v>0</v>
      </c>
      <c r="E35" s="384">
        <v>0</v>
      </c>
      <c r="F35" s="279">
        <v>0</v>
      </c>
      <c r="G35" s="280">
        <v>23</v>
      </c>
      <c r="H35" s="280">
        <v>17</v>
      </c>
      <c r="I35" s="280">
        <v>12</v>
      </c>
      <c r="J35" s="280">
        <v>6</v>
      </c>
      <c r="K35" s="280">
        <v>8</v>
      </c>
      <c r="L35" s="281">
        <v>66</v>
      </c>
      <c r="M35" s="282">
        <v>66</v>
      </c>
      <c r="N35" s="276">
        <v>0</v>
      </c>
      <c r="O35" s="280">
        <v>0</v>
      </c>
      <c r="P35" s="277">
        <v>0</v>
      </c>
      <c r="Q35" s="279">
        <v>0</v>
      </c>
      <c r="R35" s="280">
        <v>0</v>
      </c>
      <c r="S35" s="280">
        <v>0</v>
      </c>
      <c r="T35" s="280">
        <v>2</v>
      </c>
      <c r="U35" s="280">
        <v>4</v>
      </c>
      <c r="V35" s="280">
        <v>4</v>
      </c>
      <c r="W35" s="277">
        <v>10</v>
      </c>
      <c r="X35" s="282">
        <v>10</v>
      </c>
      <c r="Y35" s="276">
        <v>2</v>
      </c>
      <c r="Z35" s="280">
        <v>2</v>
      </c>
      <c r="AA35" s="277">
        <v>4</v>
      </c>
      <c r="AB35" s="279">
        <v>0</v>
      </c>
      <c r="AC35" s="280">
        <v>15</v>
      </c>
      <c r="AD35" s="280">
        <v>16</v>
      </c>
      <c r="AE35" s="280">
        <v>6</v>
      </c>
      <c r="AF35" s="280">
        <v>7</v>
      </c>
      <c r="AG35" s="280">
        <v>7</v>
      </c>
      <c r="AH35" s="277">
        <v>51</v>
      </c>
      <c r="AI35" s="282">
        <v>55</v>
      </c>
      <c r="AJ35" s="276">
        <v>11</v>
      </c>
      <c r="AK35" s="280">
        <v>23</v>
      </c>
      <c r="AL35" s="277">
        <v>34</v>
      </c>
      <c r="AM35" s="279">
        <v>0</v>
      </c>
      <c r="AN35" s="280">
        <v>33</v>
      </c>
      <c r="AO35" s="280">
        <v>19</v>
      </c>
      <c r="AP35" s="280">
        <v>5</v>
      </c>
      <c r="AQ35" s="280">
        <v>8</v>
      </c>
      <c r="AR35" s="280">
        <v>4</v>
      </c>
      <c r="AS35" s="277">
        <v>69</v>
      </c>
      <c r="AT35" s="282">
        <v>103</v>
      </c>
      <c r="AU35" s="276">
        <v>6</v>
      </c>
      <c r="AV35" s="280">
        <v>8</v>
      </c>
      <c r="AW35" s="277">
        <v>14</v>
      </c>
      <c r="AX35" s="279">
        <v>0</v>
      </c>
      <c r="AY35" s="280">
        <v>26</v>
      </c>
      <c r="AZ35" s="280">
        <v>31</v>
      </c>
      <c r="BA35" s="280">
        <v>29</v>
      </c>
      <c r="BB35" s="280">
        <v>13</v>
      </c>
      <c r="BC35" s="280">
        <v>13</v>
      </c>
      <c r="BD35" s="281">
        <v>112</v>
      </c>
      <c r="BE35" s="282">
        <v>126</v>
      </c>
      <c r="BF35" s="276">
        <v>0</v>
      </c>
      <c r="BG35" s="280">
        <v>0</v>
      </c>
      <c r="BH35" s="277">
        <v>0</v>
      </c>
      <c r="BI35" s="279">
        <v>0</v>
      </c>
      <c r="BJ35" s="280">
        <v>13</v>
      </c>
      <c r="BK35" s="280">
        <v>9</v>
      </c>
      <c r="BL35" s="280">
        <v>3</v>
      </c>
      <c r="BM35" s="280">
        <v>3</v>
      </c>
      <c r="BN35" s="280">
        <v>3</v>
      </c>
      <c r="BO35" s="277">
        <v>31</v>
      </c>
      <c r="BP35" s="282">
        <v>31</v>
      </c>
      <c r="BQ35" s="276">
        <v>7</v>
      </c>
      <c r="BR35" s="280">
        <v>11</v>
      </c>
      <c r="BS35" s="277">
        <v>18</v>
      </c>
      <c r="BT35" s="279">
        <v>0</v>
      </c>
      <c r="BU35" s="280">
        <v>29</v>
      </c>
      <c r="BV35" s="280">
        <v>15</v>
      </c>
      <c r="BW35" s="280">
        <v>9</v>
      </c>
      <c r="BX35" s="280">
        <v>3</v>
      </c>
      <c r="BY35" s="280">
        <v>1</v>
      </c>
      <c r="BZ35" s="277">
        <v>57</v>
      </c>
      <c r="CA35" s="282">
        <v>75</v>
      </c>
      <c r="CB35" s="276">
        <v>0</v>
      </c>
      <c r="CC35" s="280">
        <v>0</v>
      </c>
      <c r="CD35" s="277">
        <v>0</v>
      </c>
      <c r="CE35" s="279">
        <v>0</v>
      </c>
      <c r="CF35" s="280">
        <v>5</v>
      </c>
      <c r="CG35" s="280">
        <v>8</v>
      </c>
      <c r="CH35" s="280">
        <v>4</v>
      </c>
      <c r="CI35" s="280">
        <v>6</v>
      </c>
      <c r="CJ35" s="280">
        <v>1</v>
      </c>
      <c r="CK35" s="277">
        <v>24</v>
      </c>
      <c r="CL35" s="282">
        <v>24</v>
      </c>
      <c r="CM35" s="276">
        <v>0</v>
      </c>
      <c r="CN35" s="280">
        <v>0</v>
      </c>
      <c r="CO35" s="277">
        <v>0</v>
      </c>
      <c r="CP35" s="279">
        <v>0</v>
      </c>
      <c r="CQ35" s="280">
        <v>1</v>
      </c>
      <c r="CR35" s="280">
        <v>0</v>
      </c>
      <c r="CS35" s="280">
        <v>1</v>
      </c>
      <c r="CT35" s="280">
        <v>1</v>
      </c>
      <c r="CU35" s="280">
        <v>1</v>
      </c>
      <c r="CV35" s="277">
        <v>4</v>
      </c>
      <c r="CW35" s="282">
        <v>4</v>
      </c>
      <c r="CX35" s="276">
        <v>0</v>
      </c>
      <c r="CY35" s="280">
        <v>0</v>
      </c>
      <c r="CZ35" s="277">
        <v>0</v>
      </c>
      <c r="DA35" s="279">
        <v>0</v>
      </c>
      <c r="DB35" s="280">
        <v>0</v>
      </c>
      <c r="DC35" s="280">
        <v>0</v>
      </c>
      <c r="DD35" s="280">
        <v>0</v>
      </c>
      <c r="DE35" s="280">
        <v>0</v>
      </c>
      <c r="DF35" s="280">
        <v>0</v>
      </c>
      <c r="DG35" s="277">
        <v>0</v>
      </c>
      <c r="DH35" s="282">
        <v>0</v>
      </c>
      <c r="DI35" s="276">
        <v>0</v>
      </c>
      <c r="DJ35" s="280">
        <v>0</v>
      </c>
      <c r="DK35" s="277">
        <v>0</v>
      </c>
      <c r="DL35" s="279">
        <v>0</v>
      </c>
      <c r="DM35" s="280">
        <v>0</v>
      </c>
      <c r="DN35" s="280">
        <v>0</v>
      </c>
      <c r="DO35" s="280">
        <v>1</v>
      </c>
      <c r="DP35" s="280">
        <v>0</v>
      </c>
      <c r="DQ35" s="280">
        <v>0</v>
      </c>
      <c r="DR35" s="277">
        <v>1</v>
      </c>
      <c r="DS35" s="282">
        <v>1</v>
      </c>
      <c r="DT35" s="276">
        <v>20</v>
      </c>
      <c r="DU35" s="280">
        <v>34</v>
      </c>
      <c r="DV35" s="277">
        <v>54</v>
      </c>
      <c r="DW35" s="279">
        <v>0</v>
      </c>
      <c r="DX35" s="280">
        <v>59</v>
      </c>
      <c r="DY35" s="280">
        <v>43</v>
      </c>
      <c r="DZ35" s="280">
        <v>31</v>
      </c>
      <c r="EA35" s="280">
        <v>21</v>
      </c>
      <c r="EB35" s="280">
        <v>16</v>
      </c>
      <c r="EC35" s="277">
        <v>170</v>
      </c>
      <c r="ED35" s="282">
        <v>224</v>
      </c>
      <c r="EE35" s="276">
        <v>4</v>
      </c>
      <c r="EF35" s="280">
        <v>5</v>
      </c>
      <c r="EG35" s="277">
        <v>9</v>
      </c>
      <c r="EH35" s="279">
        <v>0</v>
      </c>
      <c r="EI35" s="280">
        <v>13</v>
      </c>
      <c r="EJ35" s="280">
        <v>15</v>
      </c>
      <c r="EK35" s="280">
        <v>10</v>
      </c>
      <c r="EL35" s="280">
        <v>9</v>
      </c>
      <c r="EM35" s="280">
        <v>2</v>
      </c>
      <c r="EN35" s="277">
        <v>49</v>
      </c>
      <c r="EO35" s="282">
        <v>58</v>
      </c>
      <c r="EP35" s="276">
        <v>33</v>
      </c>
      <c r="EQ35" s="280">
        <v>51</v>
      </c>
      <c r="ER35" s="277">
        <v>84</v>
      </c>
      <c r="ES35" s="279">
        <v>0</v>
      </c>
      <c r="ET35" s="280">
        <v>114</v>
      </c>
      <c r="EU35" s="280">
        <v>63</v>
      </c>
      <c r="EV35" s="280">
        <v>35</v>
      </c>
      <c r="EW35" s="280">
        <v>20</v>
      </c>
      <c r="EX35" s="280">
        <v>14</v>
      </c>
      <c r="EY35" s="277">
        <v>246</v>
      </c>
      <c r="EZ35" s="282">
        <v>330</v>
      </c>
    </row>
    <row r="36" spans="2:156" ht="21" customHeight="1" x14ac:dyDescent="0.2">
      <c r="B36" s="261" t="s">
        <v>34</v>
      </c>
      <c r="C36" s="276">
        <v>0</v>
      </c>
      <c r="D36" s="280">
        <v>0</v>
      </c>
      <c r="E36" s="384">
        <v>0</v>
      </c>
      <c r="F36" s="279">
        <v>0</v>
      </c>
      <c r="G36" s="280">
        <v>12</v>
      </c>
      <c r="H36" s="280">
        <v>8</v>
      </c>
      <c r="I36" s="280">
        <v>6</v>
      </c>
      <c r="J36" s="280">
        <v>7</v>
      </c>
      <c r="K36" s="280">
        <v>3</v>
      </c>
      <c r="L36" s="281">
        <v>36</v>
      </c>
      <c r="M36" s="282">
        <v>36</v>
      </c>
      <c r="N36" s="276">
        <v>0</v>
      </c>
      <c r="O36" s="280">
        <v>0</v>
      </c>
      <c r="P36" s="277">
        <v>0</v>
      </c>
      <c r="Q36" s="279">
        <v>0</v>
      </c>
      <c r="R36" s="280">
        <v>0</v>
      </c>
      <c r="S36" s="280">
        <v>1</v>
      </c>
      <c r="T36" s="280">
        <v>0</v>
      </c>
      <c r="U36" s="280">
        <v>3</v>
      </c>
      <c r="V36" s="280">
        <v>5</v>
      </c>
      <c r="W36" s="277">
        <v>9</v>
      </c>
      <c r="X36" s="282">
        <v>9</v>
      </c>
      <c r="Y36" s="276">
        <v>1</v>
      </c>
      <c r="Z36" s="280">
        <v>5</v>
      </c>
      <c r="AA36" s="277">
        <v>6</v>
      </c>
      <c r="AB36" s="279">
        <v>0</v>
      </c>
      <c r="AC36" s="280">
        <v>12</v>
      </c>
      <c r="AD36" s="280">
        <v>12</v>
      </c>
      <c r="AE36" s="280">
        <v>8</v>
      </c>
      <c r="AF36" s="280">
        <v>6</v>
      </c>
      <c r="AG36" s="280">
        <v>5</v>
      </c>
      <c r="AH36" s="277">
        <v>43</v>
      </c>
      <c r="AI36" s="282">
        <v>49</v>
      </c>
      <c r="AJ36" s="276">
        <v>0</v>
      </c>
      <c r="AK36" s="280">
        <v>0</v>
      </c>
      <c r="AL36" s="277">
        <v>0</v>
      </c>
      <c r="AM36" s="279">
        <v>0</v>
      </c>
      <c r="AN36" s="280">
        <v>5</v>
      </c>
      <c r="AO36" s="280">
        <v>4</v>
      </c>
      <c r="AP36" s="280">
        <v>4</v>
      </c>
      <c r="AQ36" s="280">
        <v>1</v>
      </c>
      <c r="AR36" s="280">
        <v>2</v>
      </c>
      <c r="AS36" s="277">
        <v>16</v>
      </c>
      <c r="AT36" s="282">
        <v>16</v>
      </c>
      <c r="AU36" s="276">
        <v>5</v>
      </c>
      <c r="AV36" s="280">
        <v>5</v>
      </c>
      <c r="AW36" s="277">
        <v>10</v>
      </c>
      <c r="AX36" s="279">
        <v>0</v>
      </c>
      <c r="AY36" s="280">
        <v>28</v>
      </c>
      <c r="AZ36" s="280">
        <v>23</v>
      </c>
      <c r="BA36" s="280">
        <v>17</v>
      </c>
      <c r="BB36" s="280">
        <v>17</v>
      </c>
      <c r="BC36" s="280">
        <v>17</v>
      </c>
      <c r="BD36" s="281">
        <v>102</v>
      </c>
      <c r="BE36" s="282">
        <v>112</v>
      </c>
      <c r="BF36" s="276">
        <v>0</v>
      </c>
      <c r="BG36" s="280">
        <v>0</v>
      </c>
      <c r="BH36" s="277">
        <v>0</v>
      </c>
      <c r="BI36" s="279">
        <v>0</v>
      </c>
      <c r="BJ36" s="280">
        <v>32</v>
      </c>
      <c r="BK36" s="280">
        <v>20</v>
      </c>
      <c r="BL36" s="280">
        <v>14</v>
      </c>
      <c r="BM36" s="280">
        <v>10</v>
      </c>
      <c r="BN36" s="280">
        <v>1</v>
      </c>
      <c r="BO36" s="277">
        <v>77</v>
      </c>
      <c r="BP36" s="282">
        <v>77</v>
      </c>
      <c r="BQ36" s="276">
        <v>3</v>
      </c>
      <c r="BR36" s="280">
        <v>3</v>
      </c>
      <c r="BS36" s="277">
        <v>6</v>
      </c>
      <c r="BT36" s="279">
        <v>0</v>
      </c>
      <c r="BU36" s="280">
        <v>10</v>
      </c>
      <c r="BV36" s="280">
        <v>2</v>
      </c>
      <c r="BW36" s="280">
        <v>3</v>
      </c>
      <c r="BX36" s="280">
        <v>4</v>
      </c>
      <c r="BY36" s="280">
        <v>0</v>
      </c>
      <c r="BZ36" s="277">
        <v>19</v>
      </c>
      <c r="CA36" s="282">
        <v>25</v>
      </c>
      <c r="CB36" s="276">
        <v>0</v>
      </c>
      <c r="CC36" s="280">
        <v>0</v>
      </c>
      <c r="CD36" s="277">
        <v>0</v>
      </c>
      <c r="CE36" s="279">
        <v>0</v>
      </c>
      <c r="CF36" s="280">
        <v>3</v>
      </c>
      <c r="CG36" s="280">
        <v>1</v>
      </c>
      <c r="CH36" s="280">
        <v>2</v>
      </c>
      <c r="CI36" s="280">
        <v>1</v>
      </c>
      <c r="CJ36" s="280">
        <v>2</v>
      </c>
      <c r="CK36" s="277">
        <v>9</v>
      </c>
      <c r="CL36" s="282">
        <v>9</v>
      </c>
      <c r="CM36" s="276">
        <v>0</v>
      </c>
      <c r="CN36" s="280">
        <v>0</v>
      </c>
      <c r="CO36" s="277">
        <v>0</v>
      </c>
      <c r="CP36" s="279">
        <v>0</v>
      </c>
      <c r="CQ36" s="280">
        <v>1</v>
      </c>
      <c r="CR36" s="280">
        <v>1</v>
      </c>
      <c r="CS36" s="280">
        <v>0</v>
      </c>
      <c r="CT36" s="280">
        <v>1</v>
      </c>
      <c r="CU36" s="280">
        <v>0</v>
      </c>
      <c r="CV36" s="277">
        <v>3</v>
      </c>
      <c r="CW36" s="282">
        <v>3</v>
      </c>
      <c r="CX36" s="276">
        <v>0</v>
      </c>
      <c r="CY36" s="280">
        <v>0</v>
      </c>
      <c r="CZ36" s="277">
        <v>0</v>
      </c>
      <c r="DA36" s="279">
        <v>0</v>
      </c>
      <c r="DB36" s="280">
        <v>0</v>
      </c>
      <c r="DC36" s="280">
        <v>0</v>
      </c>
      <c r="DD36" s="280">
        <v>0</v>
      </c>
      <c r="DE36" s="280">
        <v>0</v>
      </c>
      <c r="DF36" s="280">
        <v>0</v>
      </c>
      <c r="DG36" s="277">
        <v>0</v>
      </c>
      <c r="DH36" s="282">
        <v>0</v>
      </c>
      <c r="DI36" s="276">
        <v>0</v>
      </c>
      <c r="DJ36" s="280">
        <v>0</v>
      </c>
      <c r="DK36" s="277">
        <v>0</v>
      </c>
      <c r="DL36" s="279">
        <v>0</v>
      </c>
      <c r="DM36" s="280">
        <v>0</v>
      </c>
      <c r="DN36" s="280">
        <v>0</v>
      </c>
      <c r="DO36" s="280">
        <v>0</v>
      </c>
      <c r="DP36" s="280">
        <v>0</v>
      </c>
      <c r="DQ36" s="280">
        <v>0</v>
      </c>
      <c r="DR36" s="277">
        <v>0</v>
      </c>
      <c r="DS36" s="282">
        <v>0</v>
      </c>
      <c r="DT36" s="276">
        <v>13</v>
      </c>
      <c r="DU36" s="280">
        <v>20</v>
      </c>
      <c r="DV36" s="277">
        <v>33</v>
      </c>
      <c r="DW36" s="279">
        <v>0</v>
      </c>
      <c r="DX36" s="280">
        <v>49</v>
      </c>
      <c r="DY36" s="280">
        <v>45</v>
      </c>
      <c r="DZ36" s="280">
        <v>27</v>
      </c>
      <c r="EA36" s="280">
        <v>22</v>
      </c>
      <c r="EB36" s="280">
        <v>13</v>
      </c>
      <c r="EC36" s="277">
        <v>156</v>
      </c>
      <c r="ED36" s="282">
        <v>189</v>
      </c>
      <c r="EE36" s="276">
        <v>3</v>
      </c>
      <c r="EF36" s="280">
        <v>1</v>
      </c>
      <c r="EG36" s="277">
        <v>4</v>
      </c>
      <c r="EH36" s="279">
        <v>0</v>
      </c>
      <c r="EI36" s="280">
        <v>11</v>
      </c>
      <c r="EJ36" s="280">
        <v>7</v>
      </c>
      <c r="EK36" s="280">
        <v>3</v>
      </c>
      <c r="EL36" s="280">
        <v>5</v>
      </c>
      <c r="EM36" s="280">
        <v>3</v>
      </c>
      <c r="EN36" s="277">
        <v>29</v>
      </c>
      <c r="EO36" s="282">
        <v>33</v>
      </c>
      <c r="EP36" s="276">
        <v>15</v>
      </c>
      <c r="EQ36" s="280">
        <v>23</v>
      </c>
      <c r="ER36" s="277">
        <v>38</v>
      </c>
      <c r="ES36" s="279">
        <v>0</v>
      </c>
      <c r="ET36" s="280">
        <v>78</v>
      </c>
      <c r="EU36" s="280">
        <v>50</v>
      </c>
      <c r="EV36" s="280">
        <v>28</v>
      </c>
      <c r="EW36" s="280">
        <v>22</v>
      </c>
      <c r="EX36" s="280">
        <v>8</v>
      </c>
      <c r="EY36" s="277">
        <v>186</v>
      </c>
      <c r="EZ36" s="282">
        <v>224</v>
      </c>
    </row>
    <row r="37" spans="2:156" ht="21" customHeight="1" x14ac:dyDescent="0.2">
      <c r="B37" s="261" t="s">
        <v>35</v>
      </c>
      <c r="C37" s="276">
        <v>0</v>
      </c>
      <c r="D37" s="280">
        <v>0</v>
      </c>
      <c r="E37" s="384">
        <v>0</v>
      </c>
      <c r="F37" s="279">
        <v>0</v>
      </c>
      <c r="G37" s="280">
        <v>118</v>
      </c>
      <c r="H37" s="280">
        <v>58</v>
      </c>
      <c r="I37" s="280">
        <v>38</v>
      </c>
      <c r="J37" s="280">
        <v>32</v>
      </c>
      <c r="K37" s="280">
        <v>20</v>
      </c>
      <c r="L37" s="281">
        <v>266</v>
      </c>
      <c r="M37" s="282">
        <v>266</v>
      </c>
      <c r="N37" s="276">
        <v>0</v>
      </c>
      <c r="O37" s="280">
        <v>0</v>
      </c>
      <c r="P37" s="277">
        <v>0</v>
      </c>
      <c r="Q37" s="279">
        <v>0</v>
      </c>
      <c r="R37" s="280">
        <v>0</v>
      </c>
      <c r="S37" s="280">
        <v>5</v>
      </c>
      <c r="T37" s="280">
        <v>3</v>
      </c>
      <c r="U37" s="280">
        <v>9</v>
      </c>
      <c r="V37" s="280">
        <v>14</v>
      </c>
      <c r="W37" s="277">
        <v>31</v>
      </c>
      <c r="X37" s="282">
        <v>31</v>
      </c>
      <c r="Y37" s="276">
        <v>0</v>
      </c>
      <c r="Z37" s="280">
        <v>8</v>
      </c>
      <c r="AA37" s="277">
        <v>8</v>
      </c>
      <c r="AB37" s="279">
        <v>0</v>
      </c>
      <c r="AC37" s="280">
        <v>48</v>
      </c>
      <c r="AD37" s="280">
        <v>32</v>
      </c>
      <c r="AE37" s="280">
        <v>24</v>
      </c>
      <c r="AF37" s="280">
        <v>30</v>
      </c>
      <c r="AG37" s="280">
        <v>14</v>
      </c>
      <c r="AH37" s="277">
        <v>148</v>
      </c>
      <c r="AI37" s="282">
        <v>156</v>
      </c>
      <c r="AJ37" s="276">
        <v>3</v>
      </c>
      <c r="AK37" s="280">
        <v>5</v>
      </c>
      <c r="AL37" s="277">
        <v>8</v>
      </c>
      <c r="AM37" s="279">
        <v>0</v>
      </c>
      <c r="AN37" s="280">
        <v>19</v>
      </c>
      <c r="AO37" s="280">
        <v>11</v>
      </c>
      <c r="AP37" s="280">
        <v>7</v>
      </c>
      <c r="AQ37" s="280">
        <v>8</v>
      </c>
      <c r="AR37" s="280">
        <v>4</v>
      </c>
      <c r="AS37" s="277">
        <v>49</v>
      </c>
      <c r="AT37" s="282">
        <v>57</v>
      </c>
      <c r="AU37" s="276">
        <v>19</v>
      </c>
      <c r="AV37" s="280">
        <v>23</v>
      </c>
      <c r="AW37" s="277">
        <v>42</v>
      </c>
      <c r="AX37" s="279">
        <v>0</v>
      </c>
      <c r="AY37" s="280">
        <v>95</v>
      </c>
      <c r="AZ37" s="280">
        <v>76</v>
      </c>
      <c r="BA37" s="280">
        <v>79</v>
      </c>
      <c r="BB37" s="280">
        <v>84</v>
      </c>
      <c r="BC37" s="280">
        <v>41</v>
      </c>
      <c r="BD37" s="281">
        <v>375</v>
      </c>
      <c r="BE37" s="282">
        <v>417</v>
      </c>
      <c r="BF37" s="276">
        <v>0</v>
      </c>
      <c r="BG37" s="280">
        <v>0</v>
      </c>
      <c r="BH37" s="277">
        <v>0</v>
      </c>
      <c r="BI37" s="279">
        <v>0</v>
      </c>
      <c r="BJ37" s="280">
        <v>153</v>
      </c>
      <c r="BK37" s="280">
        <v>85</v>
      </c>
      <c r="BL37" s="280">
        <v>40</v>
      </c>
      <c r="BM37" s="280">
        <v>33</v>
      </c>
      <c r="BN37" s="280">
        <v>15</v>
      </c>
      <c r="BO37" s="277">
        <v>326</v>
      </c>
      <c r="BP37" s="282">
        <v>326</v>
      </c>
      <c r="BQ37" s="276">
        <v>9</v>
      </c>
      <c r="BR37" s="280">
        <v>23</v>
      </c>
      <c r="BS37" s="277">
        <v>32</v>
      </c>
      <c r="BT37" s="279">
        <v>0</v>
      </c>
      <c r="BU37" s="280">
        <v>69</v>
      </c>
      <c r="BV37" s="280">
        <v>25</v>
      </c>
      <c r="BW37" s="280">
        <v>13</v>
      </c>
      <c r="BX37" s="280">
        <v>12</v>
      </c>
      <c r="BY37" s="280">
        <v>1</v>
      </c>
      <c r="BZ37" s="277">
        <v>120</v>
      </c>
      <c r="CA37" s="282">
        <v>152</v>
      </c>
      <c r="CB37" s="276">
        <v>0</v>
      </c>
      <c r="CC37" s="280">
        <v>0</v>
      </c>
      <c r="CD37" s="277">
        <v>0</v>
      </c>
      <c r="CE37" s="279">
        <v>0</v>
      </c>
      <c r="CF37" s="280">
        <v>7</v>
      </c>
      <c r="CG37" s="280">
        <v>13</v>
      </c>
      <c r="CH37" s="280">
        <v>8</v>
      </c>
      <c r="CI37" s="280">
        <v>11</v>
      </c>
      <c r="CJ37" s="280">
        <v>2</v>
      </c>
      <c r="CK37" s="277">
        <v>41</v>
      </c>
      <c r="CL37" s="282">
        <v>41</v>
      </c>
      <c r="CM37" s="276">
        <v>0</v>
      </c>
      <c r="CN37" s="280">
        <v>2</v>
      </c>
      <c r="CO37" s="277">
        <v>2</v>
      </c>
      <c r="CP37" s="279">
        <v>0</v>
      </c>
      <c r="CQ37" s="280">
        <v>2</v>
      </c>
      <c r="CR37" s="280">
        <v>2</v>
      </c>
      <c r="CS37" s="280">
        <v>2</v>
      </c>
      <c r="CT37" s="280">
        <v>3</v>
      </c>
      <c r="CU37" s="280">
        <v>0</v>
      </c>
      <c r="CV37" s="277">
        <v>9</v>
      </c>
      <c r="CW37" s="282">
        <v>11</v>
      </c>
      <c r="CX37" s="276">
        <v>0</v>
      </c>
      <c r="CY37" s="280">
        <v>0</v>
      </c>
      <c r="CZ37" s="277">
        <v>0</v>
      </c>
      <c r="DA37" s="279">
        <v>0</v>
      </c>
      <c r="DB37" s="280">
        <v>0</v>
      </c>
      <c r="DC37" s="280">
        <v>0</v>
      </c>
      <c r="DD37" s="280">
        <v>0</v>
      </c>
      <c r="DE37" s="280">
        <v>0</v>
      </c>
      <c r="DF37" s="280">
        <v>0</v>
      </c>
      <c r="DG37" s="277">
        <v>0</v>
      </c>
      <c r="DH37" s="282">
        <v>0</v>
      </c>
      <c r="DI37" s="276">
        <v>0</v>
      </c>
      <c r="DJ37" s="280">
        <v>0</v>
      </c>
      <c r="DK37" s="277">
        <v>0</v>
      </c>
      <c r="DL37" s="279">
        <v>0</v>
      </c>
      <c r="DM37" s="280">
        <v>0</v>
      </c>
      <c r="DN37" s="280">
        <v>0</v>
      </c>
      <c r="DO37" s="280">
        <v>0</v>
      </c>
      <c r="DP37" s="280">
        <v>0</v>
      </c>
      <c r="DQ37" s="280">
        <v>0</v>
      </c>
      <c r="DR37" s="277">
        <v>0</v>
      </c>
      <c r="DS37" s="282">
        <v>0</v>
      </c>
      <c r="DT37" s="276">
        <v>43</v>
      </c>
      <c r="DU37" s="280">
        <v>69</v>
      </c>
      <c r="DV37" s="277">
        <v>112</v>
      </c>
      <c r="DW37" s="279">
        <v>0</v>
      </c>
      <c r="DX37" s="280">
        <v>179</v>
      </c>
      <c r="DY37" s="280">
        <v>155</v>
      </c>
      <c r="DZ37" s="280">
        <v>79</v>
      </c>
      <c r="EA37" s="280">
        <v>71</v>
      </c>
      <c r="EB37" s="280">
        <v>36</v>
      </c>
      <c r="EC37" s="277">
        <v>520</v>
      </c>
      <c r="ED37" s="282">
        <v>632</v>
      </c>
      <c r="EE37" s="276">
        <v>20</v>
      </c>
      <c r="EF37" s="280">
        <v>14</v>
      </c>
      <c r="EG37" s="277">
        <v>34</v>
      </c>
      <c r="EH37" s="279">
        <v>0</v>
      </c>
      <c r="EI37" s="280">
        <v>35</v>
      </c>
      <c r="EJ37" s="280">
        <v>25</v>
      </c>
      <c r="EK37" s="280">
        <v>25</v>
      </c>
      <c r="EL37" s="280">
        <v>31</v>
      </c>
      <c r="EM37" s="280">
        <v>8</v>
      </c>
      <c r="EN37" s="277">
        <v>124</v>
      </c>
      <c r="EO37" s="282">
        <v>158</v>
      </c>
      <c r="EP37" s="276">
        <v>50</v>
      </c>
      <c r="EQ37" s="280">
        <v>91</v>
      </c>
      <c r="ER37" s="277">
        <v>141</v>
      </c>
      <c r="ES37" s="279">
        <v>0</v>
      </c>
      <c r="ET37" s="280">
        <v>327</v>
      </c>
      <c r="EU37" s="280">
        <v>199</v>
      </c>
      <c r="EV37" s="280">
        <v>86</v>
      </c>
      <c r="EW37" s="280">
        <v>82</v>
      </c>
      <c r="EX37" s="280">
        <v>37</v>
      </c>
      <c r="EY37" s="277">
        <v>731</v>
      </c>
      <c r="EZ37" s="282">
        <v>872</v>
      </c>
    </row>
    <row r="38" spans="2:156" ht="21" customHeight="1" x14ac:dyDescent="0.2">
      <c r="B38" s="261" t="s">
        <v>36</v>
      </c>
      <c r="C38" s="276">
        <v>0</v>
      </c>
      <c r="D38" s="280">
        <v>0</v>
      </c>
      <c r="E38" s="384">
        <v>0</v>
      </c>
      <c r="F38" s="279">
        <v>0</v>
      </c>
      <c r="G38" s="280">
        <v>62</v>
      </c>
      <c r="H38" s="280">
        <v>66</v>
      </c>
      <c r="I38" s="280">
        <v>29</v>
      </c>
      <c r="J38" s="280">
        <v>39</v>
      </c>
      <c r="K38" s="280">
        <v>27</v>
      </c>
      <c r="L38" s="281">
        <v>223</v>
      </c>
      <c r="M38" s="282">
        <v>223</v>
      </c>
      <c r="N38" s="276">
        <v>0</v>
      </c>
      <c r="O38" s="280">
        <v>0</v>
      </c>
      <c r="P38" s="277">
        <v>0</v>
      </c>
      <c r="Q38" s="279">
        <v>0</v>
      </c>
      <c r="R38" s="280">
        <v>3</v>
      </c>
      <c r="S38" s="280">
        <v>4</v>
      </c>
      <c r="T38" s="280">
        <v>2</v>
      </c>
      <c r="U38" s="280">
        <v>9</v>
      </c>
      <c r="V38" s="280">
        <v>11</v>
      </c>
      <c r="W38" s="277">
        <v>29</v>
      </c>
      <c r="X38" s="282">
        <v>29</v>
      </c>
      <c r="Y38" s="276">
        <v>13</v>
      </c>
      <c r="Z38" s="280">
        <v>24</v>
      </c>
      <c r="AA38" s="277">
        <v>37</v>
      </c>
      <c r="AB38" s="279">
        <v>0</v>
      </c>
      <c r="AC38" s="280">
        <v>57</v>
      </c>
      <c r="AD38" s="280">
        <v>54</v>
      </c>
      <c r="AE38" s="280">
        <v>31</v>
      </c>
      <c r="AF38" s="280">
        <v>30</v>
      </c>
      <c r="AG38" s="280">
        <v>29</v>
      </c>
      <c r="AH38" s="277">
        <v>201</v>
      </c>
      <c r="AI38" s="282">
        <v>238</v>
      </c>
      <c r="AJ38" s="276">
        <v>7</v>
      </c>
      <c r="AK38" s="280">
        <v>9</v>
      </c>
      <c r="AL38" s="277">
        <v>16</v>
      </c>
      <c r="AM38" s="279">
        <v>0</v>
      </c>
      <c r="AN38" s="280">
        <v>17</v>
      </c>
      <c r="AO38" s="280">
        <v>13</v>
      </c>
      <c r="AP38" s="280">
        <v>10</v>
      </c>
      <c r="AQ38" s="280">
        <v>7</v>
      </c>
      <c r="AR38" s="280">
        <v>7</v>
      </c>
      <c r="AS38" s="277">
        <v>54</v>
      </c>
      <c r="AT38" s="282">
        <v>70</v>
      </c>
      <c r="AU38" s="276">
        <v>4</v>
      </c>
      <c r="AV38" s="280">
        <v>4</v>
      </c>
      <c r="AW38" s="277">
        <v>8</v>
      </c>
      <c r="AX38" s="279">
        <v>0</v>
      </c>
      <c r="AY38" s="280">
        <v>31</v>
      </c>
      <c r="AZ38" s="280">
        <v>62</v>
      </c>
      <c r="BA38" s="280">
        <v>60</v>
      </c>
      <c r="BB38" s="280">
        <v>47</v>
      </c>
      <c r="BC38" s="280">
        <v>43</v>
      </c>
      <c r="BD38" s="281">
        <v>243</v>
      </c>
      <c r="BE38" s="282">
        <v>251</v>
      </c>
      <c r="BF38" s="276">
        <v>0</v>
      </c>
      <c r="BG38" s="280">
        <v>0</v>
      </c>
      <c r="BH38" s="277">
        <v>0</v>
      </c>
      <c r="BI38" s="279">
        <v>0</v>
      </c>
      <c r="BJ38" s="280">
        <v>78</v>
      </c>
      <c r="BK38" s="280">
        <v>97</v>
      </c>
      <c r="BL38" s="280">
        <v>43</v>
      </c>
      <c r="BM38" s="280">
        <v>28</v>
      </c>
      <c r="BN38" s="280">
        <v>17</v>
      </c>
      <c r="BO38" s="277">
        <v>263</v>
      </c>
      <c r="BP38" s="282">
        <v>263</v>
      </c>
      <c r="BQ38" s="276">
        <v>5</v>
      </c>
      <c r="BR38" s="280">
        <v>6</v>
      </c>
      <c r="BS38" s="277">
        <v>11</v>
      </c>
      <c r="BT38" s="279">
        <v>0</v>
      </c>
      <c r="BU38" s="280">
        <v>26</v>
      </c>
      <c r="BV38" s="280">
        <v>27</v>
      </c>
      <c r="BW38" s="280">
        <v>15</v>
      </c>
      <c r="BX38" s="280">
        <v>3</v>
      </c>
      <c r="BY38" s="280">
        <v>2</v>
      </c>
      <c r="BZ38" s="277">
        <v>73</v>
      </c>
      <c r="CA38" s="282">
        <v>84</v>
      </c>
      <c r="CB38" s="276">
        <v>0</v>
      </c>
      <c r="CC38" s="280">
        <v>1</v>
      </c>
      <c r="CD38" s="277">
        <v>1</v>
      </c>
      <c r="CE38" s="279">
        <v>0</v>
      </c>
      <c r="CF38" s="280">
        <v>11</v>
      </c>
      <c r="CG38" s="280">
        <v>18</v>
      </c>
      <c r="CH38" s="280">
        <v>26</v>
      </c>
      <c r="CI38" s="280">
        <v>14</v>
      </c>
      <c r="CJ38" s="280">
        <v>11</v>
      </c>
      <c r="CK38" s="277">
        <v>80</v>
      </c>
      <c r="CL38" s="282">
        <v>81</v>
      </c>
      <c r="CM38" s="276">
        <v>0</v>
      </c>
      <c r="CN38" s="280">
        <v>0</v>
      </c>
      <c r="CO38" s="277">
        <v>0</v>
      </c>
      <c r="CP38" s="279">
        <v>0</v>
      </c>
      <c r="CQ38" s="280">
        <v>0</v>
      </c>
      <c r="CR38" s="280">
        <v>0</v>
      </c>
      <c r="CS38" s="280">
        <v>0</v>
      </c>
      <c r="CT38" s="280">
        <v>2</v>
      </c>
      <c r="CU38" s="280">
        <v>1</v>
      </c>
      <c r="CV38" s="277">
        <v>3</v>
      </c>
      <c r="CW38" s="282">
        <v>3</v>
      </c>
      <c r="CX38" s="276">
        <v>0</v>
      </c>
      <c r="CY38" s="280">
        <v>0</v>
      </c>
      <c r="CZ38" s="277">
        <v>0</v>
      </c>
      <c r="DA38" s="279">
        <v>0</v>
      </c>
      <c r="DB38" s="280">
        <v>0</v>
      </c>
      <c r="DC38" s="280">
        <v>0</v>
      </c>
      <c r="DD38" s="280">
        <v>0</v>
      </c>
      <c r="DE38" s="280">
        <v>0</v>
      </c>
      <c r="DF38" s="280">
        <v>0</v>
      </c>
      <c r="DG38" s="277">
        <v>0</v>
      </c>
      <c r="DH38" s="282">
        <v>0</v>
      </c>
      <c r="DI38" s="276">
        <v>0</v>
      </c>
      <c r="DJ38" s="280">
        <v>0</v>
      </c>
      <c r="DK38" s="277">
        <v>0</v>
      </c>
      <c r="DL38" s="279">
        <v>0</v>
      </c>
      <c r="DM38" s="280">
        <v>0</v>
      </c>
      <c r="DN38" s="280">
        <v>0</v>
      </c>
      <c r="DO38" s="280">
        <v>0</v>
      </c>
      <c r="DP38" s="280">
        <v>0</v>
      </c>
      <c r="DQ38" s="280">
        <v>0</v>
      </c>
      <c r="DR38" s="277">
        <v>0</v>
      </c>
      <c r="DS38" s="282">
        <v>0</v>
      </c>
      <c r="DT38" s="276">
        <v>36</v>
      </c>
      <c r="DU38" s="280">
        <v>97</v>
      </c>
      <c r="DV38" s="277">
        <v>133</v>
      </c>
      <c r="DW38" s="279">
        <v>0</v>
      </c>
      <c r="DX38" s="280">
        <v>158</v>
      </c>
      <c r="DY38" s="280">
        <v>176</v>
      </c>
      <c r="DZ38" s="280">
        <v>101</v>
      </c>
      <c r="EA38" s="280">
        <v>84</v>
      </c>
      <c r="EB38" s="280">
        <v>44</v>
      </c>
      <c r="EC38" s="277">
        <v>563</v>
      </c>
      <c r="ED38" s="282">
        <v>696</v>
      </c>
      <c r="EE38" s="276">
        <v>2</v>
      </c>
      <c r="EF38" s="280">
        <v>0</v>
      </c>
      <c r="EG38" s="277">
        <v>2</v>
      </c>
      <c r="EH38" s="279">
        <v>0</v>
      </c>
      <c r="EI38" s="280">
        <v>7</v>
      </c>
      <c r="EJ38" s="280">
        <v>16</v>
      </c>
      <c r="EK38" s="280">
        <v>13</v>
      </c>
      <c r="EL38" s="280">
        <v>9</v>
      </c>
      <c r="EM38" s="280">
        <v>1</v>
      </c>
      <c r="EN38" s="277">
        <v>46</v>
      </c>
      <c r="EO38" s="282">
        <v>48</v>
      </c>
      <c r="EP38" s="276">
        <v>52</v>
      </c>
      <c r="EQ38" s="280">
        <v>115</v>
      </c>
      <c r="ER38" s="277">
        <v>167</v>
      </c>
      <c r="ES38" s="279">
        <v>0</v>
      </c>
      <c r="ET38" s="280">
        <v>278</v>
      </c>
      <c r="EU38" s="280">
        <v>245</v>
      </c>
      <c r="EV38" s="280">
        <v>122</v>
      </c>
      <c r="EW38" s="280">
        <v>97</v>
      </c>
      <c r="EX38" s="280">
        <v>54</v>
      </c>
      <c r="EY38" s="277">
        <v>796</v>
      </c>
      <c r="EZ38" s="282">
        <v>963</v>
      </c>
    </row>
    <row r="39" spans="2:156" ht="21" customHeight="1" thickBot="1" x14ac:dyDescent="0.25">
      <c r="B39" s="262" t="s">
        <v>37</v>
      </c>
      <c r="C39" s="283">
        <v>0</v>
      </c>
      <c r="D39" s="287">
        <v>0</v>
      </c>
      <c r="E39" s="385">
        <v>0</v>
      </c>
      <c r="F39" s="286">
        <v>0</v>
      </c>
      <c r="G39" s="287">
        <v>3</v>
      </c>
      <c r="H39" s="287">
        <v>6</v>
      </c>
      <c r="I39" s="287">
        <v>3</v>
      </c>
      <c r="J39" s="287">
        <v>3</v>
      </c>
      <c r="K39" s="287">
        <v>3</v>
      </c>
      <c r="L39" s="288">
        <v>18</v>
      </c>
      <c r="M39" s="289">
        <v>18</v>
      </c>
      <c r="N39" s="283">
        <v>0</v>
      </c>
      <c r="O39" s="287">
        <v>0</v>
      </c>
      <c r="P39" s="284">
        <v>0</v>
      </c>
      <c r="Q39" s="286">
        <v>0</v>
      </c>
      <c r="R39" s="287">
        <v>0</v>
      </c>
      <c r="S39" s="287">
        <v>0</v>
      </c>
      <c r="T39" s="287">
        <v>0</v>
      </c>
      <c r="U39" s="287">
        <v>0</v>
      </c>
      <c r="V39" s="287">
        <v>0</v>
      </c>
      <c r="W39" s="284">
        <v>0</v>
      </c>
      <c r="X39" s="289">
        <v>0</v>
      </c>
      <c r="Y39" s="283">
        <v>1</v>
      </c>
      <c r="Z39" s="287">
        <v>2</v>
      </c>
      <c r="AA39" s="284">
        <v>3</v>
      </c>
      <c r="AB39" s="286">
        <v>0</v>
      </c>
      <c r="AC39" s="287">
        <v>3</v>
      </c>
      <c r="AD39" s="287">
        <v>3</v>
      </c>
      <c r="AE39" s="287">
        <v>3</v>
      </c>
      <c r="AF39" s="287">
        <v>3</v>
      </c>
      <c r="AG39" s="287">
        <v>1</v>
      </c>
      <c r="AH39" s="284">
        <v>13</v>
      </c>
      <c r="AI39" s="289">
        <v>16</v>
      </c>
      <c r="AJ39" s="283">
        <v>0</v>
      </c>
      <c r="AK39" s="287">
        <v>0</v>
      </c>
      <c r="AL39" s="284">
        <v>0</v>
      </c>
      <c r="AM39" s="286">
        <v>0</v>
      </c>
      <c r="AN39" s="287">
        <v>0</v>
      </c>
      <c r="AO39" s="287">
        <v>2</v>
      </c>
      <c r="AP39" s="287">
        <v>1</v>
      </c>
      <c r="AQ39" s="287">
        <v>2</v>
      </c>
      <c r="AR39" s="287">
        <v>0</v>
      </c>
      <c r="AS39" s="284">
        <v>5</v>
      </c>
      <c r="AT39" s="289">
        <v>5</v>
      </c>
      <c r="AU39" s="283">
        <v>1</v>
      </c>
      <c r="AV39" s="287">
        <v>0</v>
      </c>
      <c r="AW39" s="284">
        <v>1</v>
      </c>
      <c r="AX39" s="286">
        <v>0</v>
      </c>
      <c r="AY39" s="287">
        <v>2</v>
      </c>
      <c r="AZ39" s="287">
        <v>3</v>
      </c>
      <c r="BA39" s="287">
        <v>5</v>
      </c>
      <c r="BB39" s="287">
        <v>4</v>
      </c>
      <c r="BC39" s="287">
        <v>2</v>
      </c>
      <c r="BD39" s="288">
        <v>16</v>
      </c>
      <c r="BE39" s="289">
        <v>17</v>
      </c>
      <c r="BF39" s="283">
        <v>0</v>
      </c>
      <c r="BG39" s="287">
        <v>0</v>
      </c>
      <c r="BH39" s="284">
        <v>0</v>
      </c>
      <c r="BI39" s="286">
        <v>0</v>
      </c>
      <c r="BJ39" s="287">
        <v>5</v>
      </c>
      <c r="BK39" s="287">
        <v>6</v>
      </c>
      <c r="BL39" s="287">
        <v>7</v>
      </c>
      <c r="BM39" s="287">
        <v>2</v>
      </c>
      <c r="BN39" s="287">
        <v>1</v>
      </c>
      <c r="BO39" s="284">
        <v>21</v>
      </c>
      <c r="BP39" s="289">
        <v>21</v>
      </c>
      <c r="BQ39" s="283">
        <v>1</v>
      </c>
      <c r="BR39" s="287">
        <v>1</v>
      </c>
      <c r="BS39" s="284">
        <v>2</v>
      </c>
      <c r="BT39" s="286">
        <v>0</v>
      </c>
      <c r="BU39" s="287">
        <v>6</v>
      </c>
      <c r="BV39" s="287">
        <v>1</v>
      </c>
      <c r="BW39" s="287">
        <v>3</v>
      </c>
      <c r="BX39" s="287">
        <v>3</v>
      </c>
      <c r="BY39" s="287">
        <v>0</v>
      </c>
      <c r="BZ39" s="284">
        <v>13</v>
      </c>
      <c r="CA39" s="289">
        <v>15</v>
      </c>
      <c r="CB39" s="283">
        <v>0</v>
      </c>
      <c r="CC39" s="287">
        <v>0</v>
      </c>
      <c r="CD39" s="284">
        <v>0</v>
      </c>
      <c r="CE39" s="286">
        <v>0</v>
      </c>
      <c r="CF39" s="287">
        <v>2</v>
      </c>
      <c r="CG39" s="287">
        <v>0</v>
      </c>
      <c r="CH39" s="287">
        <v>4</v>
      </c>
      <c r="CI39" s="287">
        <v>2</v>
      </c>
      <c r="CJ39" s="287">
        <v>2</v>
      </c>
      <c r="CK39" s="284">
        <v>10</v>
      </c>
      <c r="CL39" s="289">
        <v>10</v>
      </c>
      <c r="CM39" s="283">
        <v>0</v>
      </c>
      <c r="CN39" s="287">
        <v>0</v>
      </c>
      <c r="CO39" s="284">
        <v>0</v>
      </c>
      <c r="CP39" s="286">
        <v>0</v>
      </c>
      <c r="CQ39" s="287">
        <v>0</v>
      </c>
      <c r="CR39" s="287">
        <v>0</v>
      </c>
      <c r="CS39" s="287">
        <v>0</v>
      </c>
      <c r="CT39" s="287">
        <v>0</v>
      </c>
      <c r="CU39" s="287">
        <v>1</v>
      </c>
      <c r="CV39" s="284">
        <v>1</v>
      </c>
      <c r="CW39" s="289">
        <v>1</v>
      </c>
      <c r="CX39" s="283">
        <v>0</v>
      </c>
      <c r="CY39" s="287">
        <v>0</v>
      </c>
      <c r="CZ39" s="284">
        <v>0</v>
      </c>
      <c r="DA39" s="286">
        <v>0</v>
      </c>
      <c r="DB39" s="287">
        <v>0</v>
      </c>
      <c r="DC39" s="287">
        <v>0</v>
      </c>
      <c r="DD39" s="287">
        <v>0</v>
      </c>
      <c r="DE39" s="287">
        <v>0</v>
      </c>
      <c r="DF39" s="287">
        <v>0</v>
      </c>
      <c r="DG39" s="284">
        <v>0</v>
      </c>
      <c r="DH39" s="289">
        <v>0</v>
      </c>
      <c r="DI39" s="283">
        <v>0</v>
      </c>
      <c r="DJ39" s="287">
        <v>0</v>
      </c>
      <c r="DK39" s="284">
        <v>0</v>
      </c>
      <c r="DL39" s="286">
        <v>0</v>
      </c>
      <c r="DM39" s="287">
        <v>0</v>
      </c>
      <c r="DN39" s="287">
        <v>0</v>
      </c>
      <c r="DO39" s="287">
        <v>0</v>
      </c>
      <c r="DP39" s="287">
        <v>0</v>
      </c>
      <c r="DQ39" s="287">
        <v>0</v>
      </c>
      <c r="DR39" s="284">
        <v>0</v>
      </c>
      <c r="DS39" s="289">
        <v>0</v>
      </c>
      <c r="DT39" s="283">
        <v>11</v>
      </c>
      <c r="DU39" s="287">
        <v>6</v>
      </c>
      <c r="DV39" s="284">
        <v>17</v>
      </c>
      <c r="DW39" s="286">
        <v>0</v>
      </c>
      <c r="DX39" s="287">
        <v>21</v>
      </c>
      <c r="DY39" s="287">
        <v>12</v>
      </c>
      <c r="DZ39" s="287">
        <v>18</v>
      </c>
      <c r="EA39" s="287">
        <v>7</v>
      </c>
      <c r="EB39" s="287">
        <v>4</v>
      </c>
      <c r="EC39" s="284">
        <v>62</v>
      </c>
      <c r="ED39" s="289">
        <v>79</v>
      </c>
      <c r="EE39" s="283">
        <v>0</v>
      </c>
      <c r="EF39" s="287">
        <v>0</v>
      </c>
      <c r="EG39" s="284">
        <v>0</v>
      </c>
      <c r="EH39" s="286">
        <v>0</v>
      </c>
      <c r="EI39" s="287">
        <v>0</v>
      </c>
      <c r="EJ39" s="287">
        <v>0</v>
      </c>
      <c r="EK39" s="287">
        <v>0</v>
      </c>
      <c r="EL39" s="287">
        <v>2</v>
      </c>
      <c r="EM39" s="287">
        <v>0</v>
      </c>
      <c r="EN39" s="284">
        <v>2</v>
      </c>
      <c r="EO39" s="289">
        <v>2</v>
      </c>
      <c r="EP39" s="283">
        <v>13</v>
      </c>
      <c r="EQ39" s="287">
        <v>7</v>
      </c>
      <c r="ER39" s="284">
        <v>20</v>
      </c>
      <c r="ES39" s="286">
        <v>0</v>
      </c>
      <c r="ET39" s="287">
        <v>28</v>
      </c>
      <c r="EU39" s="287">
        <v>18</v>
      </c>
      <c r="EV39" s="287">
        <v>22</v>
      </c>
      <c r="EW39" s="287">
        <v>8</v>
      </c>
      <c r="EX39" s="287">
        <v>4</v>
      </c>
      <c r="EY39" s="284">
        <v>80</v>
      </c>
      <c r="EZ39" s="289">
        <v>100</v>
      </c>
    </row>
  </sheetData>
  <mergeCells count="59">
    <mergeCell ref="EP3:EZ3"/>
    <mergeCell ref="EE3:EO3"/>
    <mergeCell ref="ES4:EY4"/>
    <mergeCell ref="EZ4:EZ5"/>
    <mergeCell ref="ED4:ED5"/>
    <mergeCell ref="EE4:EG4"/>
    <mergeCell ref="EH4:EN4"/>
    <mergeCell ref="EO4:EO5"/>
    <mergeCell ref="EP4:ER4"/>
    <mergeCell ref="DT3:ED3"/>
    <mergeCell ref="DT4:DV4"/>
    <mergeCell ref="DW4:EC4"/>
    <mergeCell ref="DI3:DS3"/>
    <mergeCell ref="DI4:DK4"/>
    <mergeCell ref="DL4:DR4"/>
    <mergeCell ref="DS4:DS5"/>
    <mergeCell ref="BI4:BO4"/>
    <mergeCell ref="CX3:DH3"/>
    <mergeCell ref="CM3:CW3"/>
    <mergeCell ref="CX4:CZ4"/>
    <mergeCell ref="DA4:DG4"/>
    <mergeCell ref="DH4:DH5"/>
    <mergeCell ref="I1:J1"/>
    <mergeCell ref="L1:M1"/>
    <mergeCell ref="BF3:BP3"/>
    <mergeCell ref="BQ3:CA3"/>
    <mergeCell ref="CB3:CL3"/>
    <mergeCell ref="B3:B5"/>
    <mergeCell ref="N3:X3"/>
    <mergeCell ref="Y3:AI3"/>
    <mergeCell ref="AJ3:AT3"/>
    <mergeCell ref="AU3:BE3"/>
    <mergeCell ref="C3:M3"/>
    <mergeCell ref="C4:E4"/>
    <mergeCell ref="F4:L4"/>
    <mergeCell ref="M4:M5"/>
    <mergeCell ref="BE4:BE5"/>
    <mergeCell ref="N4:P4"/>
    <mergeCell ref="Q4:W4"/>
    <mergeCell ref="AJ4:AL4"/>
    <mergeCell ref="AM4:AS4"/>
    <mergeCell ref="AT4:AT5"/>
    <mergeCell ref="AU4:AW4"/>
    <mergeCell ref="X4:X5"/>
    <mergeCell ref="Y4:AA4"/>
    <mergeCell ref="AB4:AH4"/>
    <mergeCell ref="AI4:AI5"/>
    <mergeCell ref="CW4:CW5"/>
    <mergeCell ref="BQ4:BS4"/>
    <mergeCell ref="BT4:BZ4"/>
    <mergeCell ref="BP4:BP5"/>
    <mergeCell ref="CB4:CD4"/>
    <mergeCell ref="CE4:CK4"/>
    <mergeCell ref="CL4:CL5"/>
    <mergeCell ref="CM4:CO4"/>
    <mergeCell ref="CP4:CV4"/>
    <mergeCell ref="CA4:CA5"/>
    <mergeCell ref="AX4:BD4"/>
    <mergeCell ref="BF4:BH4"/>
  </mergeCells>
  <phoneticPr fontId="4"/>
  <pageMargins left="0.70866141732283472" right="0.70866141732283472" top="0.74803149606299213" bottom="0.74803149606299213" header="0.31496062992125984" footer="0.31496062992125984"/>
  <pageSetup paperSize="9" scale="64" orientation="landscape" r:id="rId1"/>
  <headerFooter>
    <oddFooter>&amp;L&amp;20&amp;A&amp;C&amp;P/&amp;N</oddFooter>
  </headerFooter>
  <colBreaks count="6" manualBreakCount="6">
    <brk id="24" max="1048575" man="1"/>
    <brk id="46" max="1048575" man="1"/>
    <brk id="68" max="1048575" man="1"/>
    <brk id="90" max="1048575" man="1"/>
    <brk id="123" max="1048575" man="1"/>
    <brk id="145" max="1048575" man="1"/>
  </colBreaks>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sheetPr>
  <dimension ref="A1:EZ39"/>
  <sheetViews>
    <sheetView zoomScaleNormal="100" workbookViewId="0">
      <pane xSplit="2" ySplit="6" topLeftCell="C7" activePane="bottomRight" state="frozen"/>
      <selection pane="topRight" activeCell="B1" sqref="B1"/>
      <selection pane="bottomLeft" activeCell="A7" sqref="A7"/>
      <selection pane="bottomRight" activeCell="I1" sqref="I1:J1"/>
    </sheetView>
  </sheetViews>
  <sheetFormatPr defaultColWidth="9" defaultRowHeight="13.2" x14ac:dyDescent="0.2"/>
  <cols>
    <col min="1" max="1" width="2.77734375" style="44" customWidth="1"/>
    <col min="2" max="4" width="9" style="255"/>
    <col min="5" max="5" width="10.33203125" style="255" customWidth="1"/>
    <col min="6" max="6" width="7.6640625" style="255" customWidth="1"/>
    <col min="7" max="7" width="10.21875" style="255" customWidth="1"/>
    <col min="8" max="8" width="10.44140625" style="255" customWidth="1"/>
    <col min="9" max="16" width="9" style="255"/>
    <col min="17" max="17" width="7.21875" style="255" customWidth="1"/>
    <col min="18" max="27" width="9" style="255"/>
    <col min="28" max="28" width="7.6640625" style="255" customWidth="1"/>
    <col min="29" max="38" width="9" style="255"/>
    <col min="39" max="39" width="7.6640625" style="255" customWidth="1"/>
    <col min="40" max="49" width="9" style="255"/>
    <col min="50" max="50" width="7.21875" style="255" customWidth="1"/>
    <col min="51" max="60" width="9" style="255"/>
    <col min="61" max="61" width="7.21875" style="255" customWidth="1"/>
    <col min="62" max="71" width="9" style="255"/>
    <col min="72" max="72" width="7.33203125" style="255" customWidth="1"/>
    <col min="73" max="82" width="9" style="255"/>
    <col min="83" max="83" width="7.44140625" style="255" customWidth="1"/>
    <col min="84" max="93" width="9" style="255"/>
    <col min="94" max="94" width="7.6640625" style="255" customWidth="1"/>
    <col min="95" max="104" width="9" style="255"/>
    <col min="105" max="105" width="7.44140625" style="255" customWidth="1"/>
    <col min="106" max="115" width="9" style="255"/>
    <col min="116" max="116" width="7.44140625" style="255" customWidth="1"/>
    <col min="117" max="126" width="9" style="255"/>
    <col min="127" max="127" width="7.44140625" style="255" customWidth="1"/>
    <col min="128" max="137" width="9" style="255"/>
    <col min="138" max="138" width="7.33203125" style="255" customWidth="1"/>
    <col min="139" max="148" width="9" style="255"/>
    <col min="149" max="149" width="7.77734375" style="255" customWidth="1"/>
    <col min="150" max="16384" width="9" style="255"/>
  </cols>
  <sheetData>
    <row r="1" spans="2:156" ht="24" customHeight="1" x14ac:dyDescent="0.2">
      <c r="B1" s="290" t="s">
        <v>122</v>
      </c>
      <c r="I1" s="524">
        <f>第１表!F2</f>
        <v>5</v>
      </c>
      <c r="J1" s="524"/>
      <c r="K1" s="248">
        <f>第１表!G2</f>
        <v>2</v>
      </c>
      <c r="L1" s="529">
        <f>IF(K1&lt;3,K1+12-2,K1-2)</f>
        <v>12</v>
      </c>
      <c r="M1" s="529"/>
    </row>
    <row r="2" spans="2:156" ht="24" customHeight="1" thickBot="1" x14ac:dyDescent="0.25">
      <c r="B2" s="290" t="s">
        <v>131</v>
      </c>
      <c r="G2" s="247"/>
      <c r="H2" s="248"/>
      <c r="J2" s="322"/>
      <c r="K2" s="322"/>
    </row>
    <row r="3" spans="2:156" ht="21" customHeight="1" thickBot="1" x14ac:dyDescent="0.25">
      <c r="B3" s="537"/>
      <c r="C3" s="540" t="s">
        <v>70</v>
      </c>
      <c r="D3" s="541"/>
      <c r="E3" s="541"/>
      <c r="F3" s="541"/>
      <c r="G3" s="541"/>
      <c r="H3" s="541"/>
      <c r="I3" s="541"/>
      <c r="J3" s="541"/>
      <c r="K3" s="541"/>
      <c r="L3" s="541"/>
      <c r="M3" s="542"/>
      <c r="N3" s="540" t="s">
        <v>71</v>
      </c>
      <c r="O3" s="541"/>
      <c r="P3" s="541"/>
      <c r="Q3" s="541"/>
      <c r="R3" s="541"/>
      <c r="S3" s="541"/>
      <c r="T3" s="541"/>
      <c r="U3" s="541"/>
      <c r="V3" s="541"/>
      <c r="W3" s="541"/>
      <c r="X3" s="542"/>
      <c r="Y3" s="540" t="s">
        <v>72</v>
      </c>
      <c r="Z3" s="541"/>
      <c r="AA3" s="541"/>
      <c r="AB3" s="541"/>
      <c r="AC3" s="541"/>
      <c r="AD3" s="541"/>
      <c r="AE3" s="541"/>
      <c r="AF3" s="541"/>
      <c r="AG3" s="541"/>
      <c r="AH3" s="541"/>
      <c r="AI3" s="542"/>
      <c r="AJ3" s="540" t="s">
        <v>73</v>
      </c>
      <c r="AK3" s="541"/>
      <c r="AL3" s="541"/>
      <c r="AM3" s="541"/>
      <c r="AN3" s="541"/>
      <c r="AO3" s="541"/>
      <c r="AP3" s="541"/>
      <c r="AQ3" s="541"/>
      <c r="AR3" s="541"/>
      <c r="AS3" s="541"/>
      <c r="AT3" s="542"/>
      <c r="AU3" s="540" t="s">
        <v>74</v>
      </c>
      <c r="AV3" s="541"/>
      <c r="AW3" s="541"/>
      <c r="AX3" s="541"/>
      <c r="AY3" s="541"/>
      <c r="AZ3" s="541"/>
      <c r="BA3" s="541"/>
      <c r="BB3" s="541"/>
      <c r="BC3" s="541"/>
      <c r="BD3" s="541"/>
      <c r="BE3" s="542"/>
      <c r="BF3" s="540" t="s">
        <v>75</v>
      </c>
      <c r="BG3" s="541"/>
      <c r="BH3" s="541"/>
      <c r="BI3" s="541"/>
      <c r="BJ3" s="541"/>
      <c r="BK3" s="541"/>
      <c r="BL3" s="541"/>
      <c r="BM3" s="541"/>
      <c r="BN3" s="541"/>
      <c r="BO3" s="541"/>
      <c r="BP3" s="542"/>
      <c r="BQ3" s="540" t="s">
        <v>76</v>
      </c>
      <c r="BR3" s="541"/>
      <c r="BS3" s="541"/>
      <c r="BT3" s="541"/>
      <c r="BU3" s="541"/>
      <c r="BV3" s="541"/>
      <c r="BW3" s="541"/>
      <c r="BX3" s="541"/>
      <c r="BY3" s="541"/>
      <c r="BZ3" s="541"/>
      <c r="CA3" s="542"/>
      <c r="CB3" s="540" t="s">
        <v>77</v>
      </c>
      <c r="CC3" s="541"/>
      <c r="CD3" s="541"/>
      <c r="CE3" s="541"/>
      <c r="CF3" s="541"/>
      <c r="CG3" s="541"/>
      <c r="CH3" s="541"/>
      <c r="CI3" s="541"/>
      <c r="CJ3" s="541"/>
      <c r="CK3" s="541"/>
      <c r="CL3" s="542"/>
      <c r="CM3" s="540" t="s">
        <v>78</v>
      </c>
      <c r="CN3" s="541"/>
      <c r="CO3" s="541"/>
      <c r="CP3" s="541"/>
      <c r="CQ3" s="541"/>
      <c r="CR3" s="541"/>
      <c r="CS3" s="541"/>
      <c r="CT3" s="541"/>
      <c r="CU3" s="541"/>
      <c r="CV3" s="541"/>
      <c r="CW3" s="542"/>
      <c r="CX3" s="540" t="s">
        <v>79</v>
      </c>
      <c r="CY3" s="541"/>
      <c r="CZ3" s="541"/>
      <c r="DA3" s="541"/>
      <c r="DB3" s="541"/>
      <c r="DC3" s="541"/>
      <c r="DD3" s="541"/>
      <c r="DE3" s="541"/>
      <c r="DF3" s="541"/>
      <c r="DG3" s="541"/>
      <c r="DH3" s="542"/>
      <c r="DI3" s="540" t="s">
        <v>152</v>
      </c>
      <c r="DJ3" s="541"/>
      <c r="DK3" s="541"/>
      <c r="DL3" s="541"/>
      <c r="DM3" s="541"/>
      <c r="DN3" s="541"/>
      <c r="DO3" s="541"/>
      <c r="DP3" s="541"/>
      <c r="DQ3" s="541"/>
      <c r="DR3" s="541"/>
      <c r="DS3" s="542"/>
      <c r="DT3" s="540" t="s">
        <v>80</v>
      </c>
      <c r="DU3" s="541"/>
      <c r="DV3" s="541"/>
      <c r="DW3" s="541"/>
      <c r="DX3" s="541"/>
      <c r="DY3" s="541"/>
      <c r="DZ3" s="541"/>
      <c r="EA3" s="541"/>
      <c r="EB3" s="541"/>
      <c r="EC3" s="541"/>
      <c r="ED3" s="542"/>
      <c r="EE3" s="540" t="s">
        <v>68</v>
      </c>
      <c r="EF3" s="541"/>
      <c r="EG3" s="541"/>
      <c r="EH3" s="541"/>
      <c r="EI3" s="541"/>
      <c r="EJ3" s="541"/>
      <c r="EK3" s="541"/>
      <c r="EL3" s="541"/>
      <c r="EM3" s="541"/>
      <c r="EN3" s="541"/>
      <c r="EO3" s="542"/>
      <c r="EP3" s="543" t="s">
        <v>69</v>
      </c>
      <c r="EQ3" s="544"/>
      <c r="ER3" s="544"/>
      <c r="ES3" s="544"/>
      <c r="ET3" s="544"/>
      <c r="EU3" s="544"/>
      <c r="EV3" s="544"/>
      <c r="EW3" s="544"/>
      <c r="EX3" s="544"/>
      <c r="EY3" s="544"/>
      <c r="EZ3" s="545"/>
    </row>
    <row r="4" spans="2:156" ht="21" customHeight="1" x14ac:dyDescent="0.2">
      <c r="B4" s="538"/>
      <c r="C4" s="532" t="s">
        <v>61</v>
      </c>
      <c r="D4" s="533"/>
      <c r="E4" s="534"/>
      <c r="F4" s="535" t="s">
        <v>62</v>
      </c>
      <c r="G4" s="533"/>
      <c r="H4" s="533"/>
      <c r="I4" s="533"/>
      <c r="J4" s="533"/>
      <c r="K4" s="533"/>
      <c r="L4" s="536"/>
      <c r="M4" s="530" t="s">
        <v>52</v>
      </c>
      <c r="N4" s="532" t="s">
        <v>61</v>
      </c>
      <c r="O4" s="533"/>
      <c r="P4" s="534"/>
      <c r="Q4" s="535" t="s">
        <v>62</v>
      </c>
      <c r="R4" s="533"/>
      <c r="S4" s="533"/>
      <c r="T4" s="533"/>
      <c r="U4" s="533"/>
      <c r="V4" s="533"/>
      <c r="W4" s="534"/>
      <c r="X4" s="530" t="s">
        <v>52</v>
      </c>
      <c r="Y4" s="532" t="s">
        <v>61</v>
      </c>
      <c r="Z4" s="533"/>
      <c r="AA4" s="534"/>
      <c r="AB4" s="535" t="s">
        <v>62</v>
      </c>
      <c r="AC4" s="533"/>
      <c r="AD4" s="533"/>
      <c r="AE4" s="533"/>
      <c r="AF4" s="533"/>
      <c r="AG4" s="533"/>
      <c r="AH4" s="534"/>
      <c r="AI4" s="530" t="s">
        <v>52</v>
      </c>
      <c r="AJ4" s="532" t="s">
        <v>61</v>
      </c>
      <c r="AK4" s="533"/>
      <c r="AL4" s="534"/>
      <c r="AM4" s="535" t="s">
        <v>62</v>
      </c>
      <c r="AN4" s="533"/>
      <c r="AO4" s="533"/>
      <c r="AP4" s="533"/>
      <c r="AQ4" s="533"/>
      <c r="AR4" s="533"/>
      <c r="AS4" s="534"/>
      <c r="AT4" s="530" t="s">
        <v>52</v>
      </c>
      <c r="AU4" s="532" t="s">
        <v>61</v>
      </c>
      <c r="AV4" s="533"/>
      <c r="AW4" s="534"/>
      <c r="AX4" s="535" t="s">
        <v>62</v>
      </c>
      <c r="AY4" s="533"/>
      <c r="AZ4" s="533"/>
      <c r="BA4" s="533"/>
      <c r="BB4" s="533"/>
      <c r="BC4" s="533"/>
      <c r="BD4" s="536"/>
      <c r="BE4" s="530" t="s">
        <v>52</v>
      </c>
      <c r="BF4" s="532" t="s">
        <v>61</v>
      </c>
      <c r="BG4" s="533"/>
      <c r="BH4" s="534"/>
      <c r="BI4" s="535" t="s">
        <v>62</v>
      </c>
      <c r="BJ4" s="533"/>
      <c r="BK4" s="533"/>
      <c r="BL4" s="533"/>
      <c r="BM4" s="533"/>
      <c r="BN4" s="533"/>
      <c r="BO4" s="534"/>
      <c r="BP4" s="530" t="s">
        <v>52</v>
      </c>
      <c r="BQ4" s="532" t="s">
        <v>61</v>
      </c>
      <c r="BR4" s="533"/>
      <c r="BS4" s="534"/>
      <c r="BT4" s="535" t="s">
        <v>62</v>
      </c>
      <c r="BU4" s="533"/>
      <c r="BV4" s="533"/>
      <c r="BW4" s="533"/>
      <c r="BX4" s="533"/>
      <c r="BY4" s="533"/>
      <c r="BZ4" s="534"/>
      <c r="CA4" s="530" t="s">
        <v>52</v>
      </c>
      <c r="CB4" s="532" t="s">
        <v>61</v>
      </c>
      <c r="CC4" s="533"/>
      <c r="CD4" s="534"/>
      <c r="CE4" s="535" t="s">
        <v>62</v>
      </c>
      <c r="CF4" s="533"/>
      <c r="CG4" s="533"/>
      <c r="CH4" s="533"/>
      <c r="CI4" s="533"/>
      <c r="CJ4" s="533"/>
      <c r="CK4" s="534"/>
      <c r="CL4" s="530" t="s">
        <v>52</v>
      </c>
      <c r="CM4" s="532" t="s">
        <v>61</v>
      </c>
      <c r="CN4" s="533"/>
      <c r="CO4" s="534"/>
      <c r="CP4" s="535" t="s">
        <v>62</v>
      </c>
      <c r="CQ4" s="533"/>
      <c r="CR4" s="533"/>
      <c r="CS4" s="533"/>
      <c r="CT4" s="533"/>
      <c r="CU4" s="533"/>
      <c r="CV4" s="534"/>
      <c r="CW4" s="530" t="s">
        <v>52</v>
      </c>
      <c r="CX4" s="532" t="s">
        <v>61</v>
      </c>
      <c r="CY4" s="533"/>
      <c r="CZ4" s="534"/>
      <c r="DA4" s="535" t="s">
        <v>62</v>
      </c>
      <c r="DB4" s="533"/>
      <c r="DC4" s="533"/>
      <c r="DD4" s="533"/>
      <c r="DE4" s="533"/>
      <c r="DF4" s="533"/>
      <c r="DG4" s="534"/>
      <c r="DH4" s="530" t="s">
        <v>52</v>
      </c>
      <c r="DI4" s="532" t="s">
        <v>61</v>
      </c>
      <c r="DJ4" s="533"/>
      <c r="DK4" s="534"/>
      <c r="DL4" s="535" t="s">
        <v>62</v>
      </c>
      <c r="DM4" s="533"/>
      <c r="DN4" s="533"/>
      <c r="DO4" s="533"/>
      <c r="DP4" s="533"/>
      <c r="DQ4" s="533"/>
      <c r="DR4" s="534"/>
      <c r="DS4" s="530" t="s">
        <v>52</v>
      </c>
      <c r="DT4" s="532" t="s">
        <v>61</v>
      </c>
      <c r="DU4" s="533"/>
      <c r="DV4" s="534"/>
      <c r="DW4" s="535" t="s">
        <v>62</v>
      </c>
      <c r="DX4" s="533"/>
      <c r="DY4" s="533"/>
      <c r="DZ4" s="533"/>
      <c r="EA4" s="533"/>
      <c r="EB4" s="533"/>
      <c r="EC4" s="534"/>
      <c r="ED4" s="530" t="s">
        <v>52</v>
      </c>
      <c r="EE4" s="532" t="s">
        <v>61</v>
      </c>
      <c r="EF4" s="533"/>
      <c r="EG4" s="534"/>
      <c r="EH4" s="535" t="s">
        <v>62</v>
      </c>
      <c r="EI4" s="533"/>
      <c r="EJ4" s="533"/>
      <c r="EK4" s="533"/>
      <c r="EL4" s="533"/>
      <c r="EM4" s="533"/>
      <c r="EN4" s="534"/>
      <c r="EO4" s="530" t="s">
        <v>52</v>
      </c>
      <c r="EP4" s="532" t="s">
        <v>61</v>
      </c>
      <c r="EQ4" s="533"/>
      <c r="ER4" s="534"/>
      <c r="ES4" s="535" t="s">
        <v>62</v>
      </c>
      <c r="ET4" s="533"/>
      <c r="EU4" s="533"/>
      <c r="EV4" s="533"/>
      <c r="EW4" s="533"/>
      <c r="EX4" s="533"/>
      <c r="EY4" s="534"/>
      <c r="EZ4" s="530" t="s">
        <v>52</v>
      </c>
    </row>
    <row r="5" spans="2:156" ht="30" customHeight="1" thickBot="1" x14ac:dyDescent="0.25">
      <c r="B5" s="539"/>
      <c r="C5" s="323" t="s">
        <v>43</v>
      </c>
      <c r="D5" s="259" t="s">
        <v>44</v>
      </c>
      <c r="E5" s="382" t="s">
        <v>45</v>
      </c>
      <c r="F5" s="267" t="s">
        <v>83</v>
      </c>
      <c r="G5" s="259" t="s">
        <v>47</v>
      </c>
      <c r="H5" s="259" t="s">
        <v>48</v>
      </c>
      <c r="I5" s="259" t="s">
        <v>49</v>
      </c>
      <c r="J5" s="259" t="s">
        <v>50</v>
      </c>
      <c r="K5" s="259" t="s">
        <v>51</v>
      </c>
      <c r="L5" s="268" t="s">
        <v>45</v>
      </c>
      <c r="M5" s="531"/>
      <c r="N5" s="323" t="s">
        <v>43</v>
      </c>
      <c r="O5" s="259" t="s">
        <v>44</v>
      </c>
      <c r="P5" s="265" t="s">
        <v>45</v>
      </c>
      <c r="Q5" s="267" t="s">
        <v>83</v>
      </c>
      <c r="R5" s="259" t="s">
        <v>47</v>
      </c>
      <c r="S5" s="259" t="s">
        <v>48</v>
      </c>
      <c r="T5" s="259" t="s">
        <v>49</v>
      </c>
      <c r="U5" s="259" t="s">
        <v>50</v>
      </c>
      <c r="V5" s="259" t="s">
        <v>51</v>
      </c>
      <c r="W5" s="265" t="s">
        <v>45</v>
      </c>
      <c r="X5" s="531"/>
      <c r="Y5" s="323" t="s">
        <v>43</v>
      </c>
      <c r="Z5" s="259" t="s">
        <v>44</v>
      </c>
      <c r="AA5" s="265" t="s">
        <v>45</v>
      </c>
      <c r="AB5" s="267" t="s">
        <v>83</v>
      </c>
      <c r="AC5" s="259" t="s">
        <v>47</v>
      </c>
      <c r="AD5" s="259" t="s">
        <v>48</v>
      </c>
      <c r="AE5" s="259" t="s">
        <v>49</v>
      </c>
      <c r="AF5" s="259" t="s">
        <v>50</v>
      </c>
      <c r="AG5" s="259" t="s">
        <v>51</v>
      </c>
      <c r="AH5" s="265" t="s">
        <v>45</v>
      </c>
      <c r="AI5" s="531"/>
      <c r="AJ5" s="323" t="s">
        <v>43</v>
      </c>
      <c r="AK5" s="259" t="s">
        <v>44</v>
      </c>
      <c r="AL5" s="265" t="s">
        <v>45</v>
      </c>
      <c r="AM5" s="267" t="s">
        <v>83</v>
      </c>
      <c r="AN5" s="259" t="s">
        <v>47</v>
      </c>
      <c r="AO5" s="259" t="s">
        <v>48</v>
      </c>
      <c r="AP5" s="259" t="s">
        <v>49</v>
      </c>
      <c r="AQ5" s="259" t="s">
        <v>50</v>
      </c>
      <c r="AR5" s="259" t="s">
        <v>51</v>
      </c>
      <c r="AS5" s="265" t="s">
        <v>45</v>
      </c>
      <c r="AT5" s="531"/>
      <c r="AU5" s="323" t="s">
        <v>43</v>
      </c>
      <c r="AV5" s="259" t="s">
        <v>44</v>
      </c>
      <c r="AW5" s="265" t="s">
        <v>45</v>
      </c>
      <c r="AX5" s="267" t="s">
        <v>83</v>
      </c>
      <c r="AY5" s="259" t="s">
        <v>47</v>
      </c>
      <c r="AZ5" s="259" t="s">
        <v>48</v>
      </c>
      <c r="BA5" s="259" t="s">
        <v>49</v>
      </c>
      <c r="BB5" s="259" t="s">
        <v>50</v>
      </c>
      <c r="BC5" s="259" t="s">
        <v>51</v>
      </c>
      <c r="BD5" s="268" t="s">
        <v>45</v>
      </c>
      <c r="BE5" s="531"/>
      <c r="BF5" s="323" t="s">
        <v>43</v>
      </c>
      <c r="BG5" s="259" t="s">
        <v>44</v>
      </c>
      <c r="BH5" s="265" t="s">
        <v>45</v>
      </c>
      <c r="BI5" s="267" t="s">
        <v>83</v>
      </c>
      <c r="BJ5" s="259" t="s">
        <v>47</v>
      </c>
      <c r="BK5" s="259" t="s">
        <v>48</v>
      </c>
      <c r="BL5" s="259" t="s">
        <v>49</v>
      </c>
      <c r="BM5" s="259" t="s">
        <v>50</v>
      </c>
      <c r="BN5" s="259" t="s">
        <v>51</v>
      </c>
      <c r="BO5" s="265" t="s">
        <v>45</v>
      </c>
      <c r="BP5" s="531"/>
      <c r="BQ5" s="323" t="s">
        <v>43</v>
      </c>
      <c r="BR5" s="259" t="s">
        <v>44</v>
      </c>
      <c r="BS5" s="265" t="s">
        <v>45</v>
      </c>
      <c r="BT5" s="267" t="s">
        <v>83</v>
      </c>
      <c r="BU5" s="259" t="s">
        <v>47</v>
      </c>
      <c r="BV5" s="259" t="s">
        <v>48</v>
      </c>
      <c r="BW5" s="259" t="s">
        <v>49</v>
      </c>
      <c r="BX5" s="259" t="s">
        <v>50</v>
      </c>
      <c r="BY5" s="259" t="s">
        <v>51</v>
      </c>
      <c r="BZ5" s="265" t="s">
        <v>45</v>
      </c>
      <c r="CA5" s="531"/>
      <c r="CB5" s="323" t="s">
        <v>43</v>
      </c>
      <c r="CC5" s="259" t="s">
        <v>44</v>
      </c>
      <c r="CD5" s="265" t="s">
        <v>45</v>
      </c>
      <c r="CE5" s="267" t="s">
        <v>83</v>
      </c>
      <c r="CF5" s="259" t="s">
        <v>47</v>
      </c>
      <c r="CG5" s="259" t="s">
        <v>48</v>
      </c>
      <c r="CH5" s="259" t="s">
        <v>49</v>
      </c>
      <c r="CI5" s="259" t="s">
        <v>50</v>
      </c>
      <c r="CJ5" s="259" t="s">
        <v>51</v>
      </c>
      <c r="CK5" s="265" t="s">
        <v>45</v>
      </c>
      <c r="CL5" s="531"/>
      <c r="CM5" s="323" t="s">
        <v>43</v>
      </c>
      <c r="CN5" s="259" t="s">
        <v>44</v>
      </c>
      <c r="CO5" s="265" t="s">
        <v>45</v>
      </c>
      <c r="CP5" s="267" t="s">
        <v>83</v>
      </c>
      <c r="CQ5" s="259" t="s">
        <v>47</v>
      </c>
      <c r="CR5" s="259" t="s">
        <v>48</v>
      </c>
      <c r="CS5" s="259" t="s">
        <v>49</v>
      </c>
      <c r="CT5" s="259" t="s">
        <v>50</v>
      </c>
      <c r="CU5" s="259" t="s">
        <v>51</v>
      </c>
      <c r="CV5" s="265" t="s">
        <v>45</v>
      </c>
      <c r="CW5" s="531"/>
      <c r="CX5" s="323" t="s">
        <v>43</v>
      </c>
      <c r="CY5" s="259" t="s">
        <v>44</v>
      </c>
      <c r="CZ5" s="265" t="s">
        <v>45</v>
      </c>
      <c r="DA5" s="267" t="s">
        <v>83</v>
      </c>
      <c r="DB5" s="259" t="s">
        <v>47</v>
      </c>
      <c r="DC5" s="259" t="s">
        <v>48</v>
      </c>
      <c r="DD5" s="259" t="s">
        <v>49</v>
      </c>
      <c r="DE5" s="259" t="s">
        <v>50</v>
      </c>
      <c r="DF5" s="259" t="s">
        <v>51</v>
      </c>
      <c r="DG5" s="265" t="s">
        <v>45</v>
      </c>
      <c r="DH5" s="531"/>
      <c r="DI5" s="344" t="s">
        <v>43</v>
      </c>
      <c r="DJ5" s="259" t="s">
        <v>44</v>
      </c>
      <c r="DK5" s="265" t="s">
        <v>45</v>
      </c>
      <c r="DL5" s="267" t="s">
        <v>83</v>
      </c>
      <c r="DM5" s="259" t="s">
        <v>47</v>
      </c>
      <c r="DN5" s="259" t="s">
        <v>48</v>
      </c>
      <c r="DO5" s="259" t="s">
        <v>49</v>
      </c>
      <c r="DP5" s="259" t="s">
        <v>50</v>
      </c>
      <c r="DQ5" s="259" t="s">
        <v>51</v>
      </c>
      <c r="DR5" s="265" t="s">
        <v>45</v>
      </c>
      <c r="DS5" s="531"/>
      <c r="DT5" s="323" t="s">
        <v>43</v>
      </c>
      <c r="DU5" s="259" t="s">
        <v>44</v>
      </c>
      <c r="DV5" s="265" t="s">
        <v>45</v>
      </c>
      <c r="DW5" s="267" t="s">
        <v>83</v>
      </c>
      <c r="DX5" s="259" t="s">
        <v>47</v>
      </c>
      <c r="DY5" s="259" t="s">
        <v>48</v>
      </c>
      <c r="DZ5" s="259" t="s">
        <v>49</v>
      </c>
      <c r="EA5" s="259" t="s">
        <v>50</v>
      </c>
      <c r="EB5" s="259" t="s">
        <v>51</v>
      </c>
      <c r="EC5" s="265" t="s">
        <v>45</v>
      </c>
      <c r="ED5" s="531"/>
      <c r="EE5" s="323" t="s">
        <v>43</v>
      </c>
      <c r="EF5" s="259" t="s">
        <v>44</v>
      </c>
      <c r="EG5" s="265" t="s">
        <v>45</v>
      </c>
      <c r="EH5" s="267" t="s">
        <v>83</v>
      </c>
      <c r="EI5" s="259" t="s">
        <v>47</v>
      </c>
      <c r="EJ5" s="259" t="s">
        <v>48</v>
      </c>
      <c r="EK5" s="259" t="s">
        <v>49</v>
      </c>
      <c r="EL5" s="259" t="s">
        <v>50</v>
      </c>
      <c r="EM5" s="259" t="s">
        <v>51</v>
      </c>
      <c r="EN5" s="265" t="s">
        <v>45</v>
      </c>
      <c r="EO5" s="531"/>
      <c r="EP5" s="323" t="s">
        <v>43</v>
      </c>
      <c r="EQ5" s="259" t="s">
        <v>44</v>
      </c>
      <c r="ER5" s="265" t="s">
        <v>45</v>
      </c>
      <c r="ES5" s="267" t="s">
        <v>83</v>
      </c>
      <c r="ET5" s="259" t="s">
        <v>47</v>
      </c>
      <c r="EU5" s="259" t="s">
        <v>48</v>
      </c>
      <c r="EV5" s="259" t="s">
        <v>49</v>
      </c>
      <c r="EW5" s="259" t="s">
        <v>50</v>
      </c>
      <c r="EX5" s="259" t="s">
        <v>51</v>
      </c>
      <c r="EY5" s="265" t="s">
        <v>45</v>
      </c>
      <c r="EZ5" s="531"/>
    </row>
    <row r="6" spans="2:156" ht="21" customHeight="1" x14ac:dyDescent="0.2">
      <c r="B6" s="260" t="s">
        <v>4</v>
      </c>
      <c r="C6" s="269">
        <v>0</v>
      </c>
      <c r="D6" s="273">
        <v>0</v>
      </c>
      <c r="E6" s="383">
        <v>0</v>
      </c>
      <c r="F6" s="272">
        <v>0</v>
      </c>
      <c r="G6" s="273">
        <v>1269</v>
      </c>
      <c r="H6" s="273">
        <v>1330</v>
      </c>
      <c r="I6" s="273">
        <v>793</v>
      </c>
      <c r="J6" s="273">
        <v>584</v>
      </c>
      <c r="K6" s="273">
        <v>393</v>
      </c>
      <c r="L6" s="274">
        <v>4369</v>
      </c>
      <c r="M6" s="275">
        <v>4369</v>
      </c>
      <c r="N6" s="269">
        <v>1</v>
      </c>
      <c r="O6" s="273">
        <v>1</v>
      </c>
      <c r="P6" s="270">
        <v>2</v>
      </c>
      <c r="Q6" s="272">
        <v>0</v>
      </c>
      <c r="R6" s="273">
        <v>12</v>
      </c>
      <c r="S6" s="273">
        <v>44</v>
      </c>
      <c r="T6" s="273">
        <v>64</v>
      </c>
      <c r="U6" s="273">
        <v>136</v>
      </c>
      <c r="V6" s="273">
        <v>221</v>
      </c>
      <c r="W6" s="270">
        <v>477</v>
      </c>
      <c r="X6" s="275">
        <v>479</v>
      </c>
      <c r="Y6" s="269">
        <v>189</v>
      </c>
      <c r="Z6" s="273">
        <v>395</v>
      </c>
      <c r="AA6" s="270">
        <v>584</v>
      </c>
      <c r="AB6" s="272">
        <v>0</v>
      </c>
      <c r="AC6" s="273">
        <v>950</v>
      </c>
      <c r="AD6" s="273">
        <v>1251</v>
      </c>
      <c r="AE6" s="273">
        <v>761</v>
      </c>
      <c r="AF6" s="273">
        <v>624</v>
      </c>
      <c r="AG6" s="273">
        <v>391</v>
      </c>
      <c r="AH6" s="270">
        <v>3977</v>
      </c>
      <c r="AI6" s="275">
        <v>4561</v>
      </c>
      <c r="AJ6" s="269">
        <v>15</v>
      </c>
      <c r="AK6" s="273">
        <v>51</v>
      </c>
      <c r="AL6" s="270">
        <v>66</v>
      </c>
      <c r="AM6" s="272">
        <v>0</v>
      </c>
      <c r="AN6" s="273">
        <v>63</v>
      </c>
      <c r="AO6" s="273">
        <v>139</v>
      </c>
      <c r="AP6" s="273">
        <v>76</v>
      </c>
      <c r="AQ6" s="273">
        <v>77</v>
      </c>
      <c r="AR6" s="273">
        <v>24</v>
      </c>
      <c r="AS6" s="270">
        <v>379</v>
      </c>
      <c r="AT6" s="275">
        <v>445</v>
      </c>
      <c r="AU6" s="269">
        <v>298</v>
      </c>
      <c r="AV6" s="273">
        <v>335</v>
      </c>
      <c r="AW6" s="270">
        <v>633</v>
      </c>
      <c r="AX6" s="272">
        <v>0</v>
      </c>
      <c r="AY6" s="273">
        <v>1349</v>
      </c>
      <c r="AZ6" s="273">
        <v>1592</v>
      </c>
      <c r="BA6" s="273">
        <v>1436</v>
      </c>
      <c r="BB6" s="273">
        <v>1278</v>
      </c>
      <c r="BC6" s="273">
        <v>870</v>
      </c>
      <c r="BD6" s="274">
        <v>6525</v>
      </c>
      <c r="BE6" s="275">
        <v>7158</v>
      </c>
      <c r="BF6" s="269">
        <v>0</v>
      </c>
      <c r="BG6" s="273">
        <v>0</v>
      </c>
      <c r="BH6" s="270">
        <v>0</v>
      </c>
      <c r="BI6" s="272">
        <v>0</v>
      </c>
      <c r="BJ6" s="273">
        <v>1653</v>
      </c>
      <c r="BK6" s="273">
        <v>1400</v>
      </c>
      <c r="BL6" s="273">
        <v>808</v>
      </c>
      <c r="BM6" s="273">
        <v>381</v>
      </c>
      <c r="BN6" s="273">
        <v>157</v>
      </c>
      <c r="BO6" s="270">
        <v>4399</v>
      </c>
      <c r="BP6" s="275">
        <v>4399</v>
      </c>
      <c r="BQ6" s="269">
        <v>138</v>
      </c>
      <c r="BR6" s="273">
        <v>156</v>
      </c>
      <c r="BS6" s="270">
        <v>294</v>
      </c>
      <c r="BT6" s="272">
        <v>0</v>
      </c>
      <c r="BU6" s="273">
        <v>377</v>
      </c>
      <c r="BV6" s="273">
        <v>499</v>
      </c>
      <c r="BW6" s="273">
        <v>309</v>
      </c>
      <c r="BX6" s="273">
        <v>170</v>
      </c>
      <c r="BY6" s="273">
        <v>56</v>
      </c>
      <c r="BZ6" s="270">
        <v>1411</v>
      </c>
      <c r="CA6" s="275">
        <v>1705</v>
      </c>
      <c r="CB6" s="269">
        <v>8</v>
      </c>
      <c r="CC6" s="273">
        <v>22</v>
      </c>
      <c r="CD6" s="270">
        <v>30</v>
      </c>
      <c r="CE6" s="272">
        <v>0</v>
      </c>
      <c r="CF6" s="273">
        <v>172</v>
      </c>
      <c r="CG6" s="273">
        <v>247</v>
      </c>
      <c r="CH6" s="273">
        <v>292</v>
      </c>
      <c r="CI6" s="273">
        <v>203</v>
      </c>
      <c r="CJ6" s="273">
        <v>81</v>
      </c>
      <c r="CK6" s="270">
        <v>995</v>
      </c>
      <c r="CL6" s="275">
        <v>1025</v>
      </c>
      <c r="CM6" s="269">
        <v>0</v>
      </c>
      <c r="CN6" s="273">
        <v>2</v>
      </c>
      <c r="CO6" s="270">
        <v>2</v>
      </c>
      <c r="CP6" s="272">
        <v>0</v>
      </c>
      <c r="CQ6" s="273">
        <v>11</v>
      </c>
      <c r="CR6" s="273">
        <v>40</v>
      </c>
      <c r="CS6" s="273">
        <v>55</v>
      </c>
      <c r="CT6" s="273">
        <v>45</v>
      </c>
      <c r="CU6" s="273">
        <v>20</v>
      </c>
      <c r="CV6" s="270">
        <v>171</v>
      </c>
      <c r="CW6" s="275">
        <v>173</v>
      </c>
      <c r="CX6" s="269">
        <v>0</v>
      </c>
      <c r="CY6" s="273">
        <v>0</v>
      </c>
      <c r="CZ6" s="270">
        <v>0</v>
      </c>
      <c r="DA6" s="272">
        <v>0</v>
      </c>
      <c r="DB6" s="273">
        <v>0</v>
      </c>
      <c r="DC6" s="273">
        <v>0</v>
      </c>
      <c r="DD6" s="273">
        <v>0</v>
      </c>
      <c r="DE6" s="273">
        <v>0</v>
      </c>
      <c r="DF6" s="273">
        <v>0</v>
      </c>
      <c r="DG6" s="270">
        <v>0</v>
      </c>
      <c r="DH6" s="275">
        <v>0</v>
      </c>
      <c r="DI6" s="269">
        <v>0</v>
      </c>
      <c r="DJ6" s="273">
        <v>0</v>
      </c>
      <c r="DK6" s="270">
        <v>0</v>
      </c>
      <c r="DL6" s="272">
        <v>0</v>
      </c>
      <c r="DM6" s="273">
        <v>0</v>
      </c>
      <c r="DN6" s="273">
        <v>0</v>
      </c>
      <c r="DO6" s="273">
        <v>0</v>
      </c>
      <c r="DP6" s="273">
        <v>0</v>
      </c>
      <c r="DQ6" s="273">
        <v>0</v>
      </c>
      <c r="DR6" s="270">
        <v>0</v>
      </c>
      <c r="DS6" s="275">
        <v>0</v>
      </c>
      <c r="DT6" s="269">
        <v>625</v>
      </c>
      <c r="DU6" s="273">
        <v>1263</v>
      </c>
      <c r="DV6" s="270">
        <v>1888</v>
      </c>
      <c r="DW6" s="272">
        <v>0</v>
      </c>
      <c r="DX6" s="273">
        <v>1817</v>
      </c>
      <c r="DY6" s="273">
        <v>3084</v>
      </c>
      <c r="DZ6" s="273">
        <v>1917</v>
      </c>
      <c r="EA6" s="273">
        <v>1350</v>
      </c>
      <c r="EB6" s="273">
        <v>761</v>
      </c>
      <c r="EC6" s="270">
        <v>8929</v>
      </c>
      <c r="ED6" s="275">
        <v>10817</v>
      </c>
      <c r="EE6" s="269">
        <v>193</v>
      </c>
      <c r="EF6" s="273">
        <v>134</v>
      </c>
      <c r="EG6" s="270">
        <v>327</v>
      </c>
      <c r="EH6" s="272">
        <v>0</v>
      </c>
      <c r="EI6" s="273">
        <v>560</v>
      </c>
      <c r="EJ6" s="273">
        <v>496</v>
      </c>
      <c r="EK6" s="273">
        <v>460</v>
      </c>
      <c r="EL6" s="273">
        <v>427</v>
      </c>
      <c r="EM6" s="273">
        <v>244</v>
      </c>
      <c r="EN6" s="270">
        <v>2187</v>
      </c>
      <c r="EO6" s="275">
        <v>2514</v>
      </c>
      <c r="EP6" s="269">
        <v>908</v>
      </c>
      <c r="EQ6" s="273">
        <v>1616</v>
      </c>
      <c r="ER6" s="270">
        <v>2524</v>
      </c>
      <c r="ES6" s="272">
        <v>0</v>
      </c>
      <c r="ET6" s="273">
        <v>4344</v>
      </c>
      <c r="EU6" s="273">
        <v>4291</v>
      </c>
      <c r="EV6" s="273">
        <v>2296</v>
      </c>
      <c r="EW6" s="273">
        <v>1449</v>
      </c>
      <c r="EX6" s="273">
        <v>769</v>
      </c>
      <c r="EY6" s="270">
        <v>13149</v>
      </c>
      <c r="EZ6" s="275">
        <v>15673</v>
      </c>
    </row>
    <row r="7" spans="2:156" ht="21" customHeight="1" x14ac:dyDescent="0.2">
      <c r="B7" s="261" t="s">
        <v>5</v>
      </c>
      <c r="C7" s="276">
        <v>0</v>
      </c>
      <c r="D7" s="280">
        <v>0</v>
      </c>
      <c r="E7" s="384">
        <v>0</v>
      </c>
      <c r="F7" s="279">
        <v>0</v>
      </c>
      <c r="G7" s="280">
        <v>512</v>
      </c>
      <c r="H7" s="280">
        <v>654</v>
      </c>
      <c r="I7" s="280">
        <v>372</v>
      </c>
      <c r="J7" s="280">
        <v>259</v>
      </c>
      <c r="K7" s="280">
        <v>183</v>
      </c>
      <c r="L7" s="281">
        <v>1980</v>
      </c>
      <c r="M7" s="282">
        <v>1980</v>
      </c>
      <c r="N7" s="276">
        <v>1</v>
      </c>
      <c r="O7" s="280">
        <v>1</v>
      </c>
      <c r="P7" s="277">
        <v>2</v>
      </c>
      <c r="Q7" s="279">
        <v>0</v>
      </c>
      <c r="R7" s="280">
        <v>4</v>
      </c>
      <c r="S7" s="280">
        <v>18</v>
      </c>
      <c r="T7" s="280">
        <v>26</v>
      </c>
      <c r="U7" s="280">
        <v>60</v>
      </c>
      <c r="V7" s="280">
        <v>99</v>
      </c>
      <c r="W7" s="277">
        <v>207</v>
      </c>
      <c r="X7" s="282">
        <v>209</v>
      </c>
      <c r="Y7" s="276">
        <v>87</v>
      </c>
      <c r="Z7" s="280">
        <v>214</v>
      </c>
      <c r="AA7" s="277">
        <v>301</v>
      </c>
      <c r="AB7" s="279">
        <v>0</v>
      </c>
      <c r="AC7" s="280">
        <v>363</v>
      </c>
      <c r="AD7" s="280">
        <v>661</v>
      </c>
      <c r="AE7" s="280">
        <v>363</v>
      </c>
      <c r="AF7" s="280">
        <v>295</v>
      </c>
      <c r="AG7" s="280">
        <v>178</v>
      </c>
      <c r="AH7" s="277">
        <v>1860</v>
      </c>
      <c r="AI7" s="282">
        <v>2161</v>
      </c>
      <c r="AJ7" s="276">
        <v>5</v>
      </c>
      <c r="AK7" s="280">
        <v>29</v>
      </c>
      <c r="AL7" s="277">
        <v>34</v>
      </c>
      <c r="AM7" s="279">
        <v>0</v>
      </c>
      <c r="AN7" s="280">
        <v>13</v>
      </c>
      <c r="AO7" s="280">
        <v>60</v>
      </c>
      <c r="AP7" s="280">
        <v>27</v>
      </c>
      <c r="AQ7" s="280">
        <v>28</v>
      </c>
      <c r="AR7" s="280">
        <v>9</v>
      </c>
      <c r="AS7" s="277">
        <v>137</v>
      </c>
      <c r="AT7" s="282">
        <v>171</v>
      </c>
      <c r="AU7" s="276">
        <v>135</v>
      </c>
      <c r="AV7" s="280">
        <v>183</v>
      </c>
      <c r="AW7" s="277">
        <v>318</v>
      </c>
      <c r="AX7" s="279">
        <v>0</v>
      </c>
      <c r="AY7" s="280">
        <v>487</v>
      </c>
      <c r="AZ7" s="280">
        <v>739</v>
      </c>
      <c r="BA7" s="280">
        <v>634</v>
      </c>
      <c r="BB7" s="280">
        <v>559</v>
      </c>
      <c r="BC7" s="280">
        <v>388</v>
      </c>
      <c r="BD7" s="281">
        <v>2807</v>
      </c>
      <c r="BE7" s="282">
        <v>3125</v>
      </c>
      <c r="BF7" s="276">
        <v>0</v>
      </c>
      <c r="BG7" s="280">
        <v>0</v>
      </c>
      <c r="BH7" s="277">
        <v>0</v>
      </c>
      <c r="BI7" s="279">
        <v>0</v>
      </c>
      <c r="BJ7" s="280">
        <v>624</v>
      </c>
      <c r="BK7" s="280">
        <v>623</v>
      </c>
      <c r="BL7" s="280">
        <v>324</v>
      </c>
      <c r="BM7" s="280">
        <v>148</v>
      </c>
      <c r="BN7" s="280">
        <v>62</v>
      </c>
      <c r="BO7" s="277">
        <v>1781</v>
      </c>
      <c r="BP7" s="282">
        <v>1781</v>
      </c>
      <c r="BQ7" s="276">
        <v>66</v>
      </c>
      <c r="BR7" s="280">
        <v>82</v>
      </c>
      <c r="BS7" s="277">
        <v>148</v>
      </c>
      <c r="BT7" s="279">
        <v>0</v>
      </c>
      <c r="BU7" s="280">
        <v>139</v>
      </c>
      <c r="BV7" s="280">
        <v>222</v>
      </c>
      <c r="BW7" s="280">
        <v>154</v>
      </c>
      <c r="BX7" s="280">
        <v>80</v>
      </c>
      <c r="BY7" s="280">
        <v>26</v>
      </c>
      <c r="BZ7" s="277">
        <v>621</v>
      </c>
      <c r="CA7" s="282">
        <v>769</v>
      </c>
      <c r="CB7" s="276">
        <v>2</v>
      </c>
      <c r="CC7" s="280">
        <v>10</v>
      </c>
      <c r="CD7" s="277">
        <v>12</v>
      </c>
      <c r="CE7" s="279">
        <v>0</v>
      </c>
      <c r="CF7" s="280">
        <v>55</v>
      </c>
      <c r="CG7" s="280">
        <v>99</v>
      </c>
      <c r="CH7" s="280">
        <v>126</v>
      </c>
      <c r="CI7" s="280">
        <v>81</v>
      </c>
      <c r="CJ7" s="280">
        <v>32</v>
      </c>
      <c r="CK7" s="277">
        <v>393</v>
      </c>
      <c r="CL7" s="282">
        <v>405</v>
      </c>
      <c r="CM7" s="276">
        <v>0</v>
      </c>
      <c r="CN7" s="280">
        <v>1</v>
      </c>
      <c r="CO7" s="277">
        <v>1</v>
      </c>
      <c r="CP7" s="279">
        <v>0</v>
      </c>
      <c r="CQ7" s="280">
        <v>7</v>
      </c>
      <c r="CR7" s="280">
        <v>19</v>
      </c>
      <c r="CS7" s="280">
        <v>31</v>
      </c>
      <c r="CT7" s="280">
        <v>29</v>
      </c>
      <c r="CU7" s="280">
        <v>15</v>
      </c>
      <c r="CV7" s="277">
        <v>101</v>
      </c>
      <c r="CW7" s="282">
        <v>102</v>
      </c>
      <c r="CX7" s="276">
        <v>0</v>
      </c>
      <c r="CY7" s="280">
        <v>0</v>
      </c>
      <c r="CZ7" s="277">
        <v>0</v>
      </c>
      <c r="DA7" s="279">
        <v>0</v>
      </c>
      <c r="DB7" s="280">
        <v>0</v>
      </c>
      <c r="DC7" s="280">
        <v>0</v>
      </c>
      <c r="DD7" s="280">
        <v>0</v>
      </c>
      <c r="DE7" s="280">
        <v>0</v>
      </c>
      <c r="DF7" s="280">
        <v>0</v>
      </c>
      <c r="DG7" s="277">
        <v>0</v>
      </c>
      <c r="DH7" s="282">
        <v>0</v>
      </c>
      <c r="DI7" s="276">
        <v>0</v>
      </c>
      <c r="DJ7" s="280">
        <v>0</v>
      </c>
      <c r="DK7" s="277">
        <v>0</v>
      </c>
      <c r="DL7" s="279">
        <v>0</v>
      </c>
      <c r="DM7" s="280">
        <v>0</v>
      </c>
      <c r="DN7" s="280">
        <v>0</v>
      </c>
      <c r="DO7" s="280">
        <v>0</v>
      </c>
      <c r="DP7" s="280">
        <v>0</v>
      </c>
      <c r="DQ7" s="280">
        <v>0</v>
      </c>
      <c r="DR7" s="277">
        <v>0</v>
      </c>
      <c r="DS7" s="282">
        <v>0</v>
      </c>
      <c r="DT7" s="276">
        <v>242</v>
      </c>
      <c r="DU7" s="280">
        <v>581</v>
      </c>
      <c r="DV7" s="277">
        <v>823</v>
      </c>
      <c r="DW7" s="279">
        <v>0</v>
      </c>
      <c r="DX7" s="280">
        <v>583</v>
      </c>
      <c r="DY7" s="280">
        <v>1385</v>
      </c>
      <c r="DZ7" s="280">
        <v>834</v>
      </c>
      <c r="EA7" s="280">
        <v>576</v>
      </c>
      <c r="EB7" s="280">
        <v>339</v>
      </c>
      <c r="EC7" s="277">
        <v>3717</v>
      </c>
      <c r="ED7" s="282">
        <v>4540</v>
      </c>
      <c r="EE7" s="276">
        <v>75</v>
      </c>
      <c r="EF7" s="280">
        <v>65</v>
      </c>
      <c r="EG7" s="277">
        <v>140</v>
      </c>
      <c r="EH7" s="279">
        <v>0</v>
      </c>
      <c r="EI7" s="280">
        <v>209</v>
      </c>
      <c r="EJ7" s="280">
        <v>240</v>
      </c>
      <c r="EK7" s="280">
        <v>221</v>
      </c>
      <c r="EL7" s="280">
        <v>194</v>
      </c>
      <c r="EM7" s="280">
        <v>117</v>
      </c>
      <c r="EN7" s="277">
        <v>981</v>
      </c>
      <c r="EO7" s="282">
        <v>1121</v>
      </c>
      <c r="EP7" s="276">
        <v>367</v>
      </c>
      <c r="EQ7" s="280">
        <v>772</v>
      </c>
      <c r="ER7" s="277">
        <v>1139</v>
      </c>
      <c r="ES7" s="279">
        <v>0</v>
      </c>
      <c r="ET7" s="280">
        <v>1595</v>
      </c>
      <c r="EU7" s="280">
        <v>2028</v>
      </c>
      <c r="EV7" s="280">
        <v>1025</v>
      </c>
      <c r="EW7" s="280">
        <v>624</v>
      </c>
      <c r="EX7" s="280">
        <v>344</v>
      </c>
      <c r="EY7" s="277">
        <v>5616</v>
      </c>
      <c r="EZ7" s="282">
        <v>6755</v>
      </c>
    </row>
    <row r="8" spans="2:156" ht="21" customHeight="1" x14ac:dyDescent="0.2">
      <c r="B8" s="261" t="s">
        <v>6</v>
      </c>
      <c r="C8" s="276">
        <v>0</v>
      </c>
      <c r="D8" s="280">
        <v>0</v>
      </c>
      <c r="E8" s="384">
        <v>0</v>
      </c>
      <c r="F8" s="279">
        <v>0</v>
      </c>
      <c r="G8" s="280">
        <v>186</v>
      </c>
      <c r="H8" s="280">
        <v>141</v>
      </c>
      <c r="I8" s="280">
        <v>90</v>
      </c>
      <c r="J8" s="280">
        <v>80</v>
      </c>
      <c r="K8" s="280">
        <v>55</v>
      </c>
      <c r="L8" s="281">
        <v>552</v>
      </c>
      <c r="M8" s="282">
        <v>552</v>
      </c>
      <c r="N8" s="276">
        <v>0</v>
      </c>
      <c r="O8" s="280">
        <v>0</v>
      </c>
      <c r="P8" s="277">
        <v>0</v>
      </c>
      <c r="Q8" s="279">
        <v>0</v>
      </c>
      <c r="R8" s="280">
        <v>3</v>
      </c>
      <c r="S8" s="280">
        <v>3</v>
      </c>
      <c r="T8" s="280">
        <v>6</v>
      </c>
      <c r="U8" s="280">
        <v>10</v>
      </c>
      <c r="V8" s="280">
        <v>30</v>
      </c>
      <c r="W8" s="277">
        <v>52</v>
      </c>
      <c r="X8" s="282">
        <v>52</v>
      </c>
      <c r="Y8" s="276">
        <v>23</v>
      </c>
      <c r="Z8" s="280">
        <v>40</v>
      </c>
      <c r="AA8" s="277">
        <v>63</v>
      </c>
      <c r="AB8" s="279">
        <v>0</v>
      </c>
      <c r="AC8" s="280">
        <v>134</v>
      </c>
      <c r="AD8" s="280">
        <v>138</v>
      </c>
      <c r="AE8" s="280">
        <v>77</v>
      </c>
      <c r="AF8" s="280">
        <v>95</v>
      </c>
      <c r="AG8" s="280">
        <v>63</v>
      </c>
      <c r="AH8" s="277">
        <v>507</v>
      </c>
      <c r="AI8" s="282">
        <v>570</v>
      </c>
      <c r="AJ8" s="276">
        <v>2</v>
      </c>
      <c r="AK8" s="280">
        <v>0</v>
      </c>
      <c r="AL8" s="277">
        <v>2</v>
      </c>
      <c r="AM8" s="279">
        <v>0</v>
      </c>
      <c r="AN8" s="280">
        <v>8</v>
      </c>
      <c r="AO8" s="280">
        <v>16</v>
      </c>
      <c r="AP8" s="280">
        <v>8</v>
      </c>
      <c r="AQ8" s="280">
        <v>11</v>
      </c>
      <c r="AR8" s="280">
        <v>3</v>
      </c>
      <c r="AS8" s="277">
        <v>46</v>
      </c>
      <c r="AT8" s="282">
        <v>48</v>
      </c>
      <c r="AU8" s="276">
        <v>45</v>
      </c>
      <c r="AV8" s="280">
        <v>41</v>
      </c>
      <c r="AW8" s="277">
        <v>86</v>
      </c>
      <c r="AX8" s="279">
        <v>0</v>
      </c>
      <c r="AY8" s="280">
        <v>227</v>
      </c>
      <c r="AZ8" s="280">
        <v>198</v>
      </c>
      <c r="BA8" s="280">
        <v>191</v>
      </c>
      <c r="BB8" s="280">
        <v>187</v>
      </c>
      <c r="BC8" s="280">
        <v>136</v>
      </c>
      <c r="BD8" s="281">
        <v>939</v>
      </c>
      <c r="BE8" s="282">
        <v>1025</v>
      </c>
      <c r="BF8" s="276">
        <v>0</v>
      </c>
      <c r="BG8" s="280">
        <v>0</v>
      </c>
      <c r="BH8" s="277">
        <v>0</v>
      </c>
      <c r="BI8" s="279">
        <v>0</v>
      </c>
      <c r="BJ8" s="280">
        <v>239</v>
      </c>
      <c r="BK8" s="280">
        <v>154</v>
      </c>
      <c r="BL8" s="280">
        <v>88</v>
      </c>
      <c r="BM8" s="280">
        <v>54</v>
      </c>
      <c r="BN8" s="280">
        <v>24</v>
      </c>
      <c r="BO8" s="277">
        <v>559</v>
      </c>
      <c r="BP8" s="282">
        <v>559</v>
      </c>
      <c r="BQ8" s="276">
        <v>8</v>
      </c>
      <c r="BR8" s="280">
        <v>12</v>
      </c>
      <c r="BS8" s="277">
        <v>20</v>
      </c>
      <c r="BT8" s="279">
        <v>0</v>
      </c>
      <c r="BU8" s="280">
        <v>45</v>
      </c>
      <c r="BV8" s="280">
        <v>56</v>
      </c>
      <c r="BW8" s="280">
        <v>37</v>
      </c>
      <c r="BX8" s="280">
        <v>23</v>
      </c>
      <c r="BY8" s="280">
        <v>9</v>
      </c>
      <c r="BZ8" s="277">
        <v>170</v>
      </c>
      <c r="CA8" s="282">
        <v>190</v>
      </c>
      <c r="CB8" s="276">
        <v>1</v>
      </c>
      <c r="CC8" s="280">
        <v>2</v>
      </c>
      <c r="CD8" s="277">
        <v>3</v>
      </c>
      <c r="CE8" s="279">
        <v>0</v>
      </c>
      <c r="CF8" s="280">
        <v>20</v>
      </c>
      <c r="CG8" s="280">
        <v>25</v>
      </c>
      <c r="CH8" s="280">
        <v>23</v>
      </c>
      <c r="CI8" s="280">
        <v>15</v>
      </c>
      <c r="CJ8" s="280">
        <v>10</v>
      </c>
      <c r="CK8" s="277">
        <v>93</v>
      </c>
      <c r="CL8" s="282">
        <v>96</v>
      </c>
      <c r="CM8" s="276">
        <v>0</v>
      </c>
      <c r="CN8" s="280">
        <v>0</v>
      </c>
      <c r="CO8" s="277">
        <v>0</v>
      </c>
      <c r="CP8" s="279">
        <v>0</v>
      </c>
      <c r="CQ8" s="280">
        <v>3</v>
      </c>
      <c r="CR8" s="280">
        <v>4</v>
      </c>
      <c r="CS8" s="280">
        <v>7</v>
      </c>
      <c r="CT8" s="280">
        <v>9</v>
      </c>
      <c r="CU8" s="280">
        <v>2</v>
      </c>
      <c r="CV8" s="277">
        <v>25</v>
      </c>
      <c r="CW8" s="282">
        <v>25</v>
      </c>
      <c r="CX8" s="276">
        <v>0</v>
      </c>
      <c r="CY8" s="280">
        <v>0</v>
      </c>
      <c r="CZ8" s="277">
        <v>0</v>
      </c>
      <c r="DA8" s="279">
        <v>0</v>
      </c>
      <c r="DB8" s="280">
        <v>0</v>
      </c>
      <c r="DC8" s="280">
        <v>0</v>
      </c>
      <c r="DD8" s="280">
        <v>0</v>
      </c>
      <c r="DE8" s="280">
        <v>0</v>
      </c>
      <c r="DF8" s="280">
        <v>0</v>
      </c>
      <c r="DG8" s="277">
        <v>0</v>
      </c>
      <c r="DH8" s="282">
        <v>0</v>
      </c>
      <c r="DI8" s="276">
        <v>0</v>
      </c>
      <c r="DJ8" s="280">
        <v>0</v>
      </c>
      <c r="DK8" s="277">
        <v>0</v>
      </c>
      <c r="DL8" s="279">
        <v>0</v>
      </c>
      <c r="DM8" s="280">
        <v>0</v>
      </c>
      <c r="DN8" s="280">
        <v>0</v>
      </c>
      <c r="DO8" s="280">
        <v>0</v>
      </c>
      <c r="DP8" s="280">
        <v>0</v>
      </c>
      <c r="DQ8" s="280">
        <v>0</v>
      </c>
      <c r="DR8" s="277">
        <v>0</v>
      </c>
      <c r="DS8" s="282">
        <v>0</v>
      </c>
      <c r="DT8" s="276">
        <v>84</v>
      </c>
      <c r="DU8" s="280">
        <v>123</v>
      </c>
      <c r="DV8" s="277">
        <v>207</v>
      </c>
      <c r="DW8" s="279">
        <v>0</v>
      </c>
      <c r="DX8" s="280">
        <v>272</v>
      </c>
      <c r="DY8" s="280">
        <v>332</v>
      </c>
      <c r="DZ8" s="280">
        <v>215</v>
      </c>
      <c r="EA8" s="280">
        <v>200</v>
      </c>
      <c r="EB8" s="280">
        <v>125</v>
      </c>
      <c r="EC8" s="277">
        <v>1144</v>
      </c>
      <c r="ED8" s="282">
        <v>1351</v>
      </c>
      <c r="EE8" s="276">
        <v>35</v>
      </c>
      <c r="EF8" s="280">
        <v>21</v>
      </c>
      <c r="EG8" s="277">
        <v>56</v>
      </c>
      <c r="EH8" s="279">
        <v>0</v>
      </c>
      <c r="EI8" s="280">
        <v>85</v>
      </c>
      <c r="EJ8" s="280">
        <v>60</v>
      </c>
      <c r="EK8" s="280">
        <v>66</v>
      </c>
      <c r="EL8" s="280">
        <v>51</v>
      </c>
      <c r="EM8" s="280">
        <v>32</v>
      </c>
      <c r="EN8" s="277">
        <v>294</v>
      </c>
      <c r="EO8" s="282">
        <v>350</v>
      </c>
      <c r="EP8" s="276">
        <v>109</v>
      </c>
      <c r="EQ8" s="280">
        <v>153</v>
      </c>
      <c r="ER8" s="277">
        <v>262</v>
      </c>
      <c r="ES8" s="279">
        <v>0</v>
      </c>
      <c r="ET8" s="280">
        <v>600</v>
      </c>
      <c r="EU8" s="280">
        <v>444</v>
      </c>
      <c r="EV8" s="280">
        <v>254</v>
      </c>
      <c r="EW8" s="280">
        <v>205</v>
      </c>
      <c r="EX8" s="280">
        <v>124</v>
      </c>
      <c r="EY8" s="277">
        <v>1627</v>
      </c>
      <c r="EZ8" s="282">
        <v>1889</v>
      </c>
    </row>
    <row r="9" spans="2:156" ht="21" customHeight="1" x14ac:dyDescent="0.2">
      <c r="B9" s="261" t="s">
        <v>14</v>
      </c>
      <c r="C9" s="276">
        <v>0</v>
      </c>
      <c r="D9" s="280">
        <v>0</v>
      </c>
      <c r="E9" s="384">
        <v>0</v>
      </c>
      <c r="F9" s="279">
        <v>0</v>
      </c>
      <c r="G9" s="280">
        <v>72</v>
      </c>
      <c r="H9" s="280">
        <v>101</v>
      </c>
      <c r="I9" s="280">
        <v>53</v>
      </c>
      <c r="J9" s="280">
        <v>24</v>
      </c>
      <c r="K9" s="280">
        <v>19</v>
      </c>
      <c r="L9" s="281">
        <v>269</v>
      </c>
      <c r="M9" s="282">
        <v>269</v>
      </c>
      <c r="N9" s="276">
        <v>0</v>
      </c>
      <c r="O9" s="280">
        <v>0</v>
      </c>
      <c r="P9" s="277">
        <v>0</v>
      </c>
      <c r="Q9" s="279">
        <v>0</v>
      </c>
      <c r="R9" s="280">
        <v>1</v>
      </c>
      <c r="S9" s="280">
        <v>0</v>
      </c>
      <c r="T9" s="280">
        <v>1</v>
      </c>
      <c r="U9" s="280">
        <v>4</v>
      </c>
      <c r="V9" s="280">
        <v>11</v>
      </c>
      <c r="W9" s="277">
        <v>17</v>
      </c>
      <c r="X9" s="282">
        <v>17</v>
      </c>
      <c r="Y9" s="276">
        <v>5</v>
      </c>
      <c r="Z9" s="280">
        <v>27</v>
      </c>
      <c r="AA9" s="277">
        <v>32</v>
      </c>
      <c r="AB9" s="279">
        <v>0</v>
      </c>
      <c r="AC9" s="280">
        <v>54</v>
      </c>
      <c r="AD9" s="280">
        <v>89</v>
      </c>
      <c r="AE9" s="280">
        <v>63</v>
      </c>
      <c r="AF9" s="280">
        <v>29</v>
      </c>
      <c r="AG9" s="280">
        <v>20</v>
      </c>
      <c r="AH9" s="277">
        <v>255</v>
      </c>
      <c r="AI9" s="282">
        <v>287</v>
      </c>
      <c r="AJ9" s="276">
        <v>0</v>
      </c>
      <c r="AK9" s="280">
        <v>3</v>
      </c>
      <c r="AL9" s="277">
        <v>3</v>
      </c>
      <c r="AM9" s="279">
        <v>0</v>
      </c>
      <c r="AN9" s="280">
        <v>1</v>
      </c>
      <c r="AO9" s="280">
        <v>2</v>
      </c>
      <c r="AP9" s="280">
        <v>3</v>
      </c>
      <c r="AQ9" s="280">
        <v>3</v>
      </c>
      <c r="AR9" s="280">
        <v>0</v>
      </c>
      <c r="AS9" s="277">
        <v>9</v>
      </c>
      <c r="AT9" s="282">
        <v>12</v>
      </c>
      <c r="AU9" s="276">
        <v>21</v>
      </c>
      <c r="AV9" s="280">
        <v>23</v>
      </c>
      <c r="AW9" s="277">
        <v>44</v>
      </c>
      <c r="AX9" s="279">
        <v>0</v>
      </c>
      <c r="AY9" s="280">
        <v>93</v>
      </c>
      <c r="AZ9" s="280">
        <v>105</v>
      </c>
      <c r="BA9" s="280">
        <v>112</v>
      </c>
      <c r="BB9" s="280">
        <v>78</v>
      </c>
      <c r="BC9" s="280">
        <v>49</v>
      </c>
      <c r="BD9" s="281">
        <v>437</v>
      </c>
      <c r="BE9" s="282">
        <v>481</v>
      </c>
      <c r="BF9" s="276">
        <v>0</v>
      </c>
      <c r="BG9" s="280">
        <v>0</v>
      </c>
      <c r="BH9" s="277">
        <v>0</v>
      </c>
      <c r="BI9" s="279">
        <v>0</v>
      </c>
      <c r="BJ9" s="280">
        <v>123</v>
      </c>
      <c r="BK9" s="280">
        <v>127</v>
      </c>
      <c r="BL9" s="280">
        <v>78</v>
      </c>
      <c r="BM9" s="280">
        <v>34</v>
      </c>
      <c r="BN9" s="280">
        <v>12</v>
      </c>
      <c r="BO9" s="277">
        <v>374</v>
      </c>
      <c r="BP9" s="282">
        <v>374</v>
      </c>
      <c r="BQ9" s="276">
        <v>9</v>
      </c>
      <c r="BR9" s="280">
        <v>9</v>
      </c>
      <c r="BS9" s="277">
        <v>18</v>
      </c>
      <c r="BT9" s="279">
        <v>0</v>
      </c>
      <c r="BU9" s="280">
        <v>11</v>
      </c>
      <c r="BV9" s="280">
        <v>28</v>
      </c>
      <c r="BW9" s="280">
        <v>17</v>
      </c>
      <c r="BX9" s="280">
        <v>12</v>
      </c>
      <c r="BY9" s="280">
        <v>0</v>
      </c>
      <c r="BZ9" s="277">
        <v>68</v>
      </c>
      <c r="CA9" s="282">
        <v>86</v>
      </c>
      <c r="CB9" s="276">
        <v>0</v>
      </c>
      <c r="CC9" s="280">
        <v>3</v>
      </c>
      <c r="CD9" s="277">
        <v>3</v>
      </c>
      <c r="CE9" s="279">
        <v>0</v>
      </c>
      <c r="CF9" s="280">
        <v>12</v>
      </c>
      <c r="CG9" s="280">
        <v>24</v>
      </c>
      <c r="CH9" s="280">
        <v>23</v>
      </c>
      <c r="CI9" s="280">
        <v>9</v>
      </c>
      <c r="CJ9" s="280">
        <v>5</v>
      </c>
      <c r="CK9" s="277">
        <v>73</v>
      </c>
      <c r="CL9" s="282">
        <v>76</v>
      </c>
      <c r="CM9" s="276">
        <v>0</v>
      </c>
      <c r="CN9" s="280">
        <v>0</v>
      </c>
      <c r="CO9" s="277">
        <v>0</v>
      </c>
      <c r="CP9" s="279">
        <v>0</v>
      </c>
      <c r="CQ9" s="280">
        <v>0</v>
      </c>
      <c r="CR9" s="280">
        <v>1</v>
      </c>
      <c r="CS9" s="280">
        <v>2</v>
      </c>
      <c r="CT9" s="280">
        <v>0</v>
      </c>
      <c r="CU9" s="280">
        <v>1</v>
      </c>
      <c r="CV9" s="277">
        <v>4</v>
      </c>
      <c r="CW9" s="282">
        <v>4</v>
      </c>
      <c r="CX9" s="276">
        <v>0</v>
      </c>
      <c r="CY9" s="280">
        <v>0</v>
      </c>
      <c r="CZ9" s="277">
        <v>0</v>
      </c>
      <c r="DA9" s="279">
        <v>0</v>
      </c>
      <c r="DB9" s="280">
        <v>0</v>
      </c>
      <c r="DC9" s="280">
        <v>0</v>
      </c>
      <c r="DD9" s="280">
        <v>0</v>
      </c>
      <c r="DE9" s="280">
        <v>0</v>
      </c>
      <c r="DF9" s="280">
        <v>0</v>
      </c>
      <c r="DG9" s="277">
        <v>0</v>
      </c>
      <c r="DH9" s="282">
        <v>0</v>
      </c>
      <c r="DI9" s="276">
        <v>0</v>
      </c>
      <c r="DJ9" s="280">
        <v>0</v>
      </c>
      <c r="DK9" s="277">
        <v>0</v>
      </c>
      <c r="DL9" s="279">
        <v>0</v>
      </c>
      <c r="DM9" s="280">
        <v>0</v>
      </c>
      <c r="DN9" s="280">
        <v>0</v>
      </c>
      <c r="DO9" s="280">
        <v>0</v>
      </c>
      <c r="DP9" s="280">
        <v>0</v>
      </c>
      <c r="DQ9" s="280">
        <v>0</v>
      </c>
      <c r="DR9" s="277">
        <v>0</v>
      </c>
      <c r="DS9" s="282">
        <v>0</v>
      </c>
      <c r="DT9" s="276">
        <v>38</v>
      </c>
      <c r="DU9" s="280">
        <v>118</v>
      </c>
      <c r="DV9" s="277">
        <v>156</v>
      </c>
      <c r="DW9" s="279">
        <v>0</v>
      </c>
      <c r="DX9" s="280">
        <v>106</v>
      </c>
      <c r="DY9" s="280">
        <v>269</v>
      </c>
      <c r="DZ9" s="280">
        <v>158</v>
      </c>
      <c r="EA9" s="280">
        <v>85</v>
      </c>
      <c r="EB9" s="280">
        <v>40</v>
      </c>
      <c r="EC9" s="277">
        <v>658</v>
      </c>
      <c r="ED9" s="282">
        <v>814</v>
      </c>
      <c r="EE9" s="276">
        <v>16</v>
      </c>
      <c r="EF9" s="280">
        <v>13</v>
      </c>
      <c r="EG9" s="277">
        <v>29</v>
      </c>
      <c r="EH9" s="279">
        <v>0</v>
      </c>
      <c r="EI9" s="280">
        <v>37</v>
      </c>
      <c r="EJ9" s="280">
        <v>23</v>
      </c>
      <c r="EK9" s="280">
        <v>28</v>
      </c>
      <c r="EL9" s="280">
        <v>21</v>
      </c>
      <c r="EM9" s="280">
        <v>13</v>
      </c>
      <c r="EN9" s="277">
        <v>122</v>
      </c>
      <c r="EO9" s="282">
        <v>151</v>
      </c>
      <c r="EP9" s="276">
        <v>48</v>
      </c>
      <c r="EQ9" s="280">
        <v>138</v>
      </c>
      <c r="ER9" s="277">
        <v>186</v>
      </c>
      <c r="ES9" s="279">
        <v>0</v>
      </c>
      <c r="ET9" s="280">
        <v>286</v>
      </c>
      <c r="EU9" s="280">
        <v>358</v>
      </c>
      <c r="EV9" s="280">
        <v>192</v>
      </c>
      <c r="EW9" s="280">
        <v>93</v>
      </c>
      <c r="EX9" s="280">
        <v>42</v>
      </c>
      <c r="EY9" s="277">
        <v>971</v>
      </c>
      <c r="EZ9" s="282">
        <v>1157</v>
      </c>
    </row>
    <row r="10" spans="2:156" ht="21" customHeight="1" x14ac:dyDescent="0.2">
      <c r="B10" s="261" t="s">
        <v>7</v>
      </c>
      <c r="C10" s="276">
        <v>0</v>
      </c>
      <c r="D10" s="280">
        <v>0</v>
      </c>
      <c r="E10" s="384">
        <v>0</v>
      </c>
      <c r="F10" s="279">
        <v>0</v>
      </c>
      <c r="G10" s="280">
        <v>111</v>
      </c>
      <c r="H10" s="280">
        <v>81</v>
      </c>
      <c r="I10" s="280">
        <v>50</v>
      </c>
      <c r="J10" s="280">
        <v>44</v>
      </c>
      <c r="K10" s="280">
        <v>23</v>
      </c>
      <c r="L10" s="281">
        <v>309</v>
      </c>
      <c r="M10" s="282">
        <v>309</v>
      </c>
      <c r="N10" s="276">
        <v>0</v>
      </c>
      <c r="O10" s="280">
        <v>0</v>
      </c>
      <c r="P10" s="277">
        <v>0</v>
      </c>
      <c r="Q10" s="279">
        <v>0</v>
      </c>
      <c r="R10" s="280">
        <v>1</v>
      </c>
      <c r="S10" s="280">
        <v>6</v>
      </c>
      <c r="T10" s="280">
        <v>10</v>
      </c>
      <c r="U10" s="280">
        <v>17</v>
      </c>
      <c r="V10" s="280">
        <v>12</v>
      </c>
      <c r="W10" s="277">
        <v>46</v>
      </c>
      <c r="X10" s="282">
        <v>46</v>
      </c>
      <c r="Y10" s="276">
        <v>2</v>
      </c>
      <c r="Z10" s="280">
        <v>7</v>
      </c>
      <c r="AA10" s="277">
        <v>9</v>
      </c>
      <c r="AB10" s="279">
        <v>0</v>
      </c>
      <c r="AC10" s="280">
        <v>63</v>
      </c>
      <c r="AD10" s="280">
        <v>49</v>
      </c>
      <c r="AE10" s="280">
        <v>28</v>
      </c>
      <c r="AF10" s="280">
        <v>24</v>
      </c>
      <c r="AG10" s="280">
        <v>17</v>
      </c>
      <c r="AH10" s="277">
        <v>181</v>
      </c>
      <c r="AI10" s="282">
        <v>190</v>
      </c>
      <c r="AJ10" s="276">
        <v>0</v>
      </c>
      <c r="AK10" s="280">
        <v>0</v>
      </c>
      <c r="AL10" s="277">
        <v>0</v>
      </c>
      <c r="AM10" s="279">
        <v>0</v>
      </c>
      <c r="AN10" s="280">
        <v>7</v>
      </c>
      <c r="AO10" s="280">
        <v>5</v>
      </c>
      <c r="AP10" s="280">
        <v>8</v>
      </c>
      <c r="AQ10" s="280">
        <v>8</v>
      </c>
      <c r="AR10" s="280">
        <v>0</v>
      </c>
      <c r="AS10" s="277">
        <v>28</v>
      </c>
      <c r="AT10" s="282">
        <v>28</v>
      </c>
      <c r="AU10" s="276">
        <v>16</v>
      </c>
      <c r="AV10" s="280">
        <v>10</v>
      </c>
      <c r="AW10" s="277">
        <v>26</v>
      </c>
      <c r="AX10" s="279">
        <v>0</v>
      </c>
      <c r="AY10" s="280">
        <v>127</v>
      </c>
      <c r="AZ10" s="280">
        <v>112</v>
      </c>
      <c r="BA10" s="280">
        <v>96</v>
      </c>
      <c r="BB10" s="280">
        <v>88</v>
      </c>
      <c r="BC10" s="280">
        <v>44</v>
      </c>
      <c r="BD10" s="281">
        <v>467</v>
      </c>
      <c r="BE10" s="282">
        <v>493</v>
      </c>
      <c r="BF10" s="276">
        <v>0</v>
      </c>
      <c r="BG10" s="280">
        <v>0</v>
      </c>
      <c r="BH10" s="277">
        <v>0</v>
      </c>
      <c r="BI10" s="279">
        <v>0</v>
      </c>
      <c r="BJ10" s="280">
        <v>154</v>
      </c>
      <c r="BK10" s="280">
        <v>90</v>
      </c>
      <c r="BL10" s="280">
        <v>51</v>
      </c>
      <c r="BM10" s="280">
        <v>20</v>
      </c>
      <c r="BN10" s="280">
        <v>11</v>
      </c>
      <c r="BO10" s="277">
        <v>326</v>
      </c>
      <c r="BP10" s="282">
        <v>326</v>
      </c>
      <c r="BQ10" s="276">
        <v>1</v>
      </c>
      <c r="BR10" s="280">
        <v>1</v>
      </c>
      <c r="BS10" s="277">
        <v>2</v>
      </c>
      <c r="BT10" s="279">
        <v>0</v>
      </c>
      <c r="BU10" s="280">
        <v>24</v>
      </c>
      <c r="BV10" s="280">
        <v>22</v>
      </c>
      <c r="BW10" s="280">
        <v>13</v>
      </c>
      <c r="BX10" s="280">
        <v>3</v>
      </c>
      <c r="BY10" s="280">
        <v>0</v>
      </c>
      <c r="BZ10" s="277">
        <v>62</v>
      </c>
      <c r="CA10" s="282">
        <v>64</v>
      </c>
      <c r="CB10" s="276">
        <v>0</v>
      </c>
      <c r="CC10" s="280">
        <v>1</v>
      </c>
      <c r="CD10" s="277">
        <v>1</v>
      </c>
      <c r="CE10" s="279">
        <v>0</v>
      </c>
      <c r="CF10" s="280">
        <v>22</v>
      </c>
      <c r="CG10" s="280">
        <v>26</v>
      </c>
      <c r="CH10" s="280">
        <v>23</v>
      </c>
      <c r="CI10" s="280">
        <v>13</v>
      </c>
      <c r="CJ10" s="280">
        <v>4</v>
      </c>
      <c r="CK10" s="277">
        <v>88</v>
      </c>
      <c r="CL10" s="282">
        <v>89</v>
      </c>
      <c r="CM10" s="276">
        <v>0</v>
      </c>
      <c r="CN10" s="280">
        <v>0</v>
      </c>
      <c r="CO10" s="277">
        <v>0</v>
      </c>
      <c r="CP10" s="279">
        <v>0</v>
      </c>
      <c r="CQ10" s="280">
        <v>0</v>
      </c>
      <c r="CR10" s="280">
        <v>3</v>
      </c>
      <c r="CS10" s="280">
        <v>3</v>
      </c>
      <c r="CT10" s="280">
        <v>0</v>
      </c>
      <c r="CU10" s="280">
        <v>0</v>
      </c>
      <c r="CV10" s="277">
        <v>6</v>
      </c>
      <c r="CW10" s="282">
        <v>6</v>
      </c>
      <c r="CX10" s="276">
        <v>0</v>
      </c>
      <c r="CY10" s="280">
        <v>0</v>
      </c>
      <c r="CZ10" s="277">
        <v>0</v>
      </c>
      <c r="DA10" s="279">
        <v>0</v>
      </c>
      <c r="DB10" s="280">
        <v>0</v>
      </c>
      <c r="DC10" s="280">
        <v>0</v>
      </c>
      <c r="DD10" s="280">
        <v>0</v>
      </c>
      <c r="DE10" s="280">
        <v>0</v>
      </c>
      <c r="DF10" s="280">
        <v>0</v>
      </c>
      <c r="DG10" s="277">
        <v>0</v>
      </c>
      <c r="DH10" s="282">
        <v>0</v>
      </c>
      <c r="DI10" s="276">
        <v>0</v>
      </c>
      <c r="DJ10" s="280">
        <v>0</v>
      </c>
      <c r="DK10" s="277">
        <v>0</v>
      </c>
      <c r="DL10" s="279">
        <v>0</v>
      </c>
      <c r="DM10" s="280">
        <v>0</v>
      </c>
      <c r="DN10" s="280">
        <v>0</v>
      </c>
      <c r="DO10" s="280">
        <v>0</v>
      </c>
      <c r="DP10" s="280">
        <v>0</v>
      </c>
      <c r="DQ10" s="280">
        <v>0</v>
      </c>
      <c r="DR10" s="277">
        <v>0</v>
      </c>
      <c r="DS10" s="282">
        <v>0</v>
      </c>
      <c r="DT10" s="276">
        <v>28</v>
      </c>
      <c r="DU10" s="280">
        <v>37</v>
      </c>
      <c r="DV10" s="277">
        <v>65</v>
      </c>
      <c r="DW10" s="279">
        <v>0</v>
      </c>
      <c r="DX10" s="280">
        <v>159</v>
      </c>
      <c r="DY10" s="280">
        <v>219</v>
      </c>
      <c r="DZ10" s="280">
        <v>113</v>
      </c>
      <c r="EA10" s="280">
        <v>76</v>
      </c>
      <c r="EB10" s="280">
        <v>36</v>
      </c>
      <c r="EC10" s="277">
        <v>603</v>
      </c>
      <c r="ED10" s="282">
        <v>668</v>
      </c>
      <c r="EE10" s="276">
        <v>9</v>
      </c>
      <c r="EF10" s="280">
        <v>3</v>
      </c>
      <c r="EG10" s="277">
        <v>12</v>
      </c>
      <c r="EH10" s="279">
        <v>0</v>
      </c>
      <c r="EI10" s="280">
        <v>52</v>
      </c>
      <c r="EJ10" s="280">
        <v>37</v>
      </c>
      <c r="EK10" s="280">
        <v>27</v>
      </c>
      <c r="EL10" s="280">
        <v>32</v>
      </c>
      <c r="EM10" s="280">
        <v>10</v>
      </c>
      <c r="EN10" s="277">
        <v>158</v>
      </c>
      <c r="EO10" s="282">
        <v>170</v>
      </c>
      <c r="EP10" s="276">
        <v>30</v>
      </c>
      <c r="EQ10" s="280">
        <v>43</v>
      </c>
      <c r="ER10" s="277">
        <v>73</v>
      </c>
      <c r="ES10" s="279">
        <v>0</v>
      </c>
      <c r="ET10" s="280">
        <v>396</v>
      </c>
      <c r="EU10" s="280">
        <v>282</v>
      </c>
      <c r="EV10" s="280">
        <v>139</v>
      </c>
      <c r="EW10" s="280">
        <v>84</v>
      </c>
      <c r="EX10" s="280">
        <v>41</v>
      </c>
      <c r="EY10" s="277">
        <v>942</v>
      </c>
      <c r="EZ10" s="282">
        <v>1015</v>
      </c>
    </row>
    <row r="11" spans="2:156" ht="21" customHeight="1" x14ac:dyDescent="0.2">
      <c r="B11" s="261" t="s">
        <v>8</v>
      </c>
      <c r="C11" s="276">
        <v>0</v>
      </c>
      <c r="D11" s="280">
        <v>0</v>
      </c>
      <c r="E11" s="384">
        <v>0</v>
      </c>
      <c r="F11" s="279">
        <v>0</v>
      </c>
      <c r="G11" s="280">
        <v>21</v>
      </c>
      <c r="H11" s="280">
        <v>33</v>
      </c>
      <c r="I11" s="280">
        <v>20</v>
      </c>
      <c r="J11" s="280">
        <v>12</v>
      </c>
      <c r="K11" s="280">
        <v>7</v>
      </c>
      <c r="L11" s="281">
        <v>93</v>
      </c>
      <c r="M11" s="282">
        <v>93</v>
      </c>
      <c r="N11" s="276">
        <v>0</v>
      </c>
      <c r="O11" s="280">
        <v>0</v>
      </c>
      <c r="P11" s="277">
        <v>0</v>
      </c>
      <c r="Q11" s="279">
        <v>0</v>
      </c>
      <c r="R11" s="280">
        <v>0</v>
      </c>
      <c r="S11" s="280">
        <v>0</v>
      </c>
      <c r="T11" s="280">
        <v>2</v>
      </c>
      <c r="U11" s="280">
        <v>3</v>
      </c>
      <c r="V11" s="280">
        <v>5</v>
      </c>
      <c r="W11" s="277">
        <v>10</v>
      </c>
      <c r="X11" s="282">
        <v>10</v>
      </c>
      <c r="Y11" s="276">
        <v>5</v>
      </c>
      <c r="Z11" s="280">
        <v>6</v>
      </c>
      <c r="AA11" s="277">
        <v>11</v>
      </c>
      <c r="AB11" s="279">
        <v>0</v>
      </c>
      <c r="AC11" s="280">
        <v>24</v>
      </c>
      <c r="AD11" s="280">
        <v>25</v>
      </c>
      <c r="AE11" s="280">
        <v>24</v>
      </c>
      <c r="AF11" s="280">
        <v>17</v>
      </c>
      <c r="AG11" s="280">
        <v>9</v>
      </c>
      <c r="AH11" s="277">
        <v>99</v>
      </c>
      <c r="AI11" s="282">
        <v>110</v>
      </c>
      <c r="AJ11" s="276">
        <v>0</v>
      </c>
      <c r="AK11" s="280">
        <v>1</v>
      </c>
      <c r="AL11" s="277">
        <v>1</v>
      </c>
      <c r="AM11" s="279">
        <v>0</v>
      </c>
      <c r="AN11" s="280">
        <v>2</v>
      </c>
      <c r="AO11" s="280">
        <v>2</v>
      </c>
      <c r="AP11" s="280">
        <v>3</v>
      </c>
      <c r="AQ11" s="280">
        <v>2</v>
      </c>
      <c r="AR11" s="280">
        <v>0</v>
      </c>
      <c r="AS11" s="277">
        <v>9</v>
      </c>
      <c r="AT11" s="282">
        <v>10</v>
      </c>
      <c r="AU11" s="276">
        <v>8</v>
      </c>
      <c r="AV11" s="280">
        <v>5</v>
      </c>
      <c r="AW11" s="277">
        <v>13</v>
      </c>
      <c r="AX11" s="279">
        <v>0</v>
      </c>
      <c r="AY11" s="280">
        <v>29</v>
      </c>
      <c r="AZ11" s="280">
        <v>31</v>
      </c>
      <c r="BA11" s="280">
        <v>33</v>
      </c>
      <c r="BB11" s="280">
        <v>30</v>
      </c>
      <c r="BC11" s="280">
        <v>15</v>
      </c>
      <c r="BD11" s="281">
        <v>138</v>
      </c>
      <c r="BE11" s="282">
        <v>151</v>
      </c>
      <c r="BF11" s="276">
        <v>0</v>
      </c>
      <c r="BG11" s="280">
        <v>0</v>
      </c>
      <c r="BH11" s="277">
        <v>0</v>
      </c>
      <c r="BI11" s="279">
        <v>0</v>
      </c>
      <c r="BJ11" s="280">
        <v>31</v>
      </c>
      <c r="BK11" s="280">
        <v>33</v>
      </c>
      <c r="BL11" s="280">
        <v>23</v>
      </c>
      <c r="BM11" s="280">
        <v>11</v>
      </c>
      <c r="BN11" s="280">
        <v>4</v>
      </c>
      <c r="BO11" s="277">
        <v>102</v>
      </c>
      <c r="BP11" s="282">
        <v>102</v>
      </c>
      <c r="BQ11" s="276">
        <v>8</v>
      </c>
      <c r="BR11" s="280">
        <v>3</v>
      </c>
      <c r="BS11" s="277">
        <v>11</v>
      </c>
      <c r="BT11" s="279">
        <v>0</v>
      </c>
      <c r="BU11" s="280">
        <v>9</v>
      </c>
      <c r="BV11" s="280">
        <v>9</v>
      </c>
      <c r="BW11" s="280">
        <v>5</v>
      </c>
      <c r="BX11" s="280">
        <v>3</v>
      </c>
      <c r="BY11" s="280">
        <v>1</v>
      </c>
      <c r="BZ11" s="277">
        <v>27</v>
      </c>
      <c r="CA11" s="282">
        <v>38</v>
      </c>
      <c r="CB11" s="276">
        <v>1</v>
      </c>
      <c r="CC11" s="280">
        <v>0</v>
      </c>
      <c r="CD11" s="277">
        <v>1</v>
      </c>
      <c r="CE11" s="279">
        <v>0</v>
      </c>
      <c r="CF11" s="280">
        <v>4</v>
      </c>
      <c r="CG11" s="280">
        <v>3</v>
      </c>
      <c r="CH11" s="280">
        <v>8</v>
      </c>
      <c r="CI11" s="280">
        <v>4</v>
      </c>
      <c r="CJ11" s="280">
        <v>3</v>
      </c>
      <c r="CK11" s="277">
        <v>22</v>
      </c>
      <c r="CL11" s="282">
        <v>23</v>
      </c>
      <c r="CM11" s="276">
        <v>0</v>
      </c>
      <c r="CN11" s="280">
        <v>0</v>
      </c>
      <c r="CO11" s="277">
        <v>0</v>
      </c>
      <c r="CP11" s="279">
        <v>0</v>
      </c>
      <c r="CQ11" s="280">
        <v>0</v>
      </c>
      <c r="CR11" s="280">
        <v>0</v>
      </c>
      <c r="CS11" s="280">
        <v>1</v>
      </c>
      <c r="CT11" s="280">
        <v>0</v>
      </c>
      <c r="CU11" s="280">
        <v>0</v>
      </c>
      <c r="CV11" s="277">
        <v>1</v>
      </c>
      <c r="CW11" s="282">
        <v>1</v>
      </c>
      <c r="CX11" s="276">
        <v>0</v>
      </c>
      <c r="CY11" s="280">
        <v>0</v>
      </c>
      <c r="CZ11" s="277">
        <v>0</v>
      </c>
      <c r="DA11" s="279">
        <v>0</v>
      </c>
      <c r="DB11" s="280">
        <v>0</v>
      </c>
      <c r="DC11" s="280">
        <v>0</v>
      </c>
      <c r="DD11" s="280">
        <v>0</v>
      </c>
      <c r="DE11" s="280">
        <v>0</v>
      </c>
      <c r="DF11" s="280">
        <v>0</v>
      </c>
      <c r="DG11" s="277">
        <v>0</v>
      </c>
      <c r="DH11" s="282">
        <v>0</v>
      </c>
      <c r="DI11" s="276">
        <v>0</v>
      </c>
      <c r="DJ11" s="280">
        <v>0</v>
      </c>
      <c r="DK11" s="277">
        <v>0</v>
      </c>
      <c r="DL11" s="279">
        <v>0</v>
      </c>
      <c r="DM11" s="280">
        <v>0</v>
      </c>
      <c r="DN11" s="280">
        <v>0</v>
      </c>
      <c r="DO11" s="280">
        <v>0</v>
      </c>
      <c r="DP11" s="280">
        <v>0</v>
      </c>
      <c r="DQ11" s="280">
        <v>0</v>
      </c>
      <c r="DR11" s="277">
        <v>0</v>
      </c>
      <c r="DS11" s="282">
        <v>0</v>
      </c>
      <c r="DT11" s="276">
        <v>19</v>
      </c>
      <c r="DU11" s="280">
        <v>21</v>
      </c>
      <c r="DV11" s="277">
        <v>40</v>
      </c>
      <c r="DW11" s="279">
        <v>0</v>
      </c>
      <c r="DX11" s="280">
        <v>62</v>
      </c>
      <c r="DY11" s="280">
        <v>84</v>
      </c>
      <c r="DZ11" s="280">
        <v>57</v>
      </c>
      <c r="EA11" s="280">
        <v>33</v>
      </c>
      <c r="EB11" s="280">
        <v>18</v>
      </c>
      <c r="EC11" s="277">
        <v>254</v>
      </c>
      <c r="ED11" s="282">
        <v>294</v>
      </c>
      <c r="EE11" s="276">
        <v>8</v>
      </c>
      <c r="EF11" s="280">
        <v>3</v>
      </c>
      <c r="EG11" s="277">
        <v>11</v>
      </c>
      <c r="EH11" s="279">
        <v>0</v>
      </c>
      <c r="EI11" s="280">
        <v>11</v>
      </c>
      <c r="EJ11" s="280">
        <v>8</v>
      </c>
      <c r="EK11" s="280">
        <v>9</v>
      </c>
      <c r="EL11" s="280">
        <v>8</v>
      </c>
      <c r="EM11" s="280">
        <v>8</v>
      </c>
      <c r="EN11" s="277">
        <v>44</v>
      </c>
      <c r="EO11" s="282">
        <v>55</v>
      </c>
      <c r="EP11" s="276">
        <v>31</v>
      </c>
      <c r="EQ11" s="280">
        <v>27</v>
      </c>
      <c r="ER11" s="277">
        <v>58</v>
      </c>
      <c r="ES11" s="279">
        <v>0</v>
      </c>
      <c r="ET11" s="280">
        <v>115</v>
      </c>
      <c r="EU11" s="280">
        <v>107</v>
      </c>
      <c r="EV11" s="280">
        <v>66</v>
      </c>
      <c r="EW11" s="280">
        <v>35</v>
      </c>
      <c r="EX11" s="280">
        <v>16</v>
      </c>
      <c r="EY11" s="277">
        <v>339</v>
      </c>
      <c r="EZ11" s="282">
        <v>397</v>
      </c>
    </row>
    <row r="12" spans="2:156" ht="21" customHeight="1" x14ac:dyDescent="0.2">
      <c r="B12" s="261" t="s">
        <v>9</v>
      </c>
      <c r="C12" s="276">
        <v>0</v>
      </c>
      <c r="D12" s="280">
        <v>0</v>
      </c>
      <c r="E12" s="384">
        <v>0</v>
      </c>
      <c r="F12" s="279">
        <v>0</v>
      </c>
      <c r="G12" s="280">
        <v>48</v>
      </c>
      <c r="H12" s="280">
        <v>45</v>
      </c>
      <c r="I12" s="280">
        <v>39</v>
      </c>
      <c r="J12" s="280">
        <v>23</v>
      </c>
      <c r="K12" s="280">
        <v>19</v>
      </c>
      <c r="L12" s="281">
        <v>174</v>
      </c>
      <c r="M12" s="282">
        <v>174</v>
      </c>
      <c r="N12" s="276">
        <v>0</v>
      </c>
      <c r="O12" s="280">
        <v>0</v>
      </c>
      <c r="P12" s="277">
        <v>0</v>
      </c>
      <c r="Q12" s="279">
        <v>0</v>
      </c>
      <c r="R12" s="280">
        <v>1</v>
      </c>
      <c r="S12" s="280">
        <v>0</v>
      </c>
      <c r="T12" s="280">
        <v>3</v>
      </c>
      <c r="U12" s="280">
        <v>5</v>
      </c>
      <c r="V12" s="280">
        <v>9</v>
      </c>
      <c r="W12" s="277">
        <v>18</v>
      </c>
      <c r="X12" s="282">
        <v>18</v>
      </c>
      <c r="Y12" s="276">
        <v>3</v>
      </c>
      <c r="Z12" s="280">
        <v>9</v>
      </c>
      <c r="AA12" s="277">
        <v>12</v>
      </c>
      <c r="AB12" s="279">
        <v>0</v>
      </c>
      <c r="AC12" s="280">
        <v>44</v>
      </c>
      <c r="AD12" s="280">
        <v>29</v>
      </c>
      <c r="AE12" s="280">
        <v>32</v>
      </c>
      <c r="AF12" s="280">
        <v>23</v>
      </c>
      <c r="AG12" s="280">
        <v>17</v>
      </c>
      <c r="AH12" s="277">
        <v>145</v>
      </c>
      <c r="AI12" s="282">
        <v>157</v>
      </c>
      <c r="AJ12" s="276">
        <v>0</v>
      </c>
      <c r="AK12" s="280">
        <v>0</v>
      </c>
      <c r="AL12" s="277">
        <v>0</v>
      </c>
      <c r="AM12" s="279">
        <v>0</v>
      </c>
      <c r="AN12" s="280">
        <v>0</v>
      </c>
      <c r="AO12" s="280">
        <v>5</v>
      </c>
      <c r="AP12" s="280">
        <v>6</v>
      </c>
      <c r="AQ12" s="280">
        <v>6</v>
      </c>
      <c r="AR12" s="280">
        <v>2</v>
      </c>
      <c r="AS12" s="277">
        <v>19</v>
      </c>
      <c r="AT12" s="282">
        <v>19</v>
      </c>
      <c r="AU12" s="276">
        <v>13</v>
      </c>
      <c r="AV12" s="280">
        <v>7</v>
      </c>
      <c r="AW12" s="277">
        <v>20</v>
      </c>
      <c r="AX12" s="279">
        <v>0</v>
      </c>
      <c r="AY12" s="280">
        <v>56</v>
      </c>
      <c r="AZ12" s="280">
        <v>45</v>
      </c>
      <c r="BA12" s="280">
        <v>59</v>
      </c>
      <c r="BB12" s="280">
        <v>38</v>
      </c>
      <c r="BC12" s="280">
        <v>36</v>
      </c>
      <c r="BD12" s="281">
        <v>234</v>
      </c>
      <c r="BE12" s="282">
        <v>254</v>
      </c>
      <c r="BF12" s="276">
        <v>0</v>
      </c>
      <c r="BG12" s="280">
        <v>0</v>
      </c>
      <c r="BH12" s="277">
        <v>0</v>
      </c>
      <c r="BI12" s="279">
        <v>0</v>
      </c>
      <c r="BJ12" s="280">
        <v>40</v>
      </c>
      <c r="BK12" s="280">
        <v>41</v>
      </c>
      <c r="BL12" s="280">
        <v>32</v>
      </c>
      <c r="BM12" s="280">
        <v>13</v>
      </c>
      <c r="BN12" s="280">
        <v>5</v>
      </c>
      <c r="BO12" s="277">
        <v>131</v>
      </c>
      <c r="BP12" s="282">
        <v>131</v>
      </c>
      <c r="BQ12" s="276">
        <v>1</v>
      </c>
      <c r="BR12" s="280">
        <v>4</v>
      </c>
      <c r="BS12" s="277">
        <v>5</v>
      </c>
      <c r="BT12" s="279">
        <v>0</v>
      </c>
      <c r="BU12" s="280">
        <v>17</v>
      </c>
      <c r="BV12" s="280">
        <v>18</v>
      </c>
      <c r="BW12" s="280">
        <v>8</v>
      </c>
      <c r="BX12" s="280">
        <v>10</v>
      </c>
      <c r="BY12" s="280">
        <v>2</v>
      </c>
      <c r="BZ12" s="277">
        <v>55</v>
      </c>
      <c r="CA12" s="282">
        <v>60</v>
      </c>
      <c r="CB12" s="276">
        <v>0</v>
      </c>
      <c r="CC12" s="280">
        <v>0</v>
      </c>
      <c r="CD12" s="277">
        <v>0</v>
      </c>
      <c r="CE12" s="279">
        <v>0</v>
      </c>
      <c r="CF12" s="280">
        <v>12</v>
      </c>
      <c r="CG12" s="280">
        <v>6</v>
      </c>
      <c r="CH12" s="280">
        <v>10</v>
      </c>
      <c r="CI12" s="280">
        <v>8</v>
      </c>
      <c r="CJ12" s="280">
        <v>3</v>
      </c>
      <c r="CK12" s="277">
        <v>39</v>
      </c>
      <c r="CL12" s="282">
        <v>39</v>
      </c>
      <c r="CM12" s="276">
        <v>0</v>
      </c>
      <c r="CN12" s="280">
        <v>0</v>
      </c>
      <c r="CO12" s="277">
        <v>0</v>
      </c>
      <c r="CP12" s="279">
        <v>0</v>
      </c>
      <c r="CQ12" s="280">
        <v>0</v>
      </c>
      <c r="CR12" s="280">
        <v>2</v>
      </c>
      <c r="CS12" s="280">
        <v>1</v>
      </c>
      <c r="CT12" s="280">
        <v>1</v>
      </c>
      <c r="CU12" s="280">
        <v>0</v>
      </c>
      <c r="CV12" s="277">
        <v>4</v>
      </c>
      <c r="CW12" s="282">
        <v>4</v>
      </c>
      <c r="CX12" s="276">
        <v>0</v>
      </c>
      <c r="CY12" s="280">
        <v>0</v>
      </c>
      <c r="CZ12" s="277">
        <v>0</v>
      </c>
      <c r="DA12" s="279">
        <v>0</v>
      </c>
      <c r="DB12" s="280">
        <v>0</v>
      </c>
      <c r="DC12" s="280">
        <v>0</v>
      </c>
      <c r="DD12" s="280">
        <v>0</v>
      </c>
      <c r="DE12" s="280">
        <v>0</v>
      </c>
      <c r="DF12" s="280">
        <v>0</v>
      </c>
      <c r="DG12" s="277">
        <v>0</v>
      </c>
      <c r="DH12" s="282">
        <v>0</v>
      </c>
      <c r="DI12" s="276">
        <v>0</v>
      </c>
      <c r="DJ12" s="280">
        <v>0</v>
      </c>
      <c r="DK12" s="277">
        <v>0</v>
      </c>
      <c r="DL12" s="279">
        <v>0</v>
      </c>
      <c r="DM12" s="280">
        <v>0</v>
      </c>
      <c r="DN12" s="280">
        <v>0</v>
      </c>
      <c r="DO12" s="280">
        <v>0</v>
      </c>
      <c r="DP12" s="280">
        <v>0</v>
      </c>
      <c r="DQ12" s="280">
        <v>0</v>
      </c>
      <c r="DR12" s="277">
        <v>0</v>
      </c>
      <c r="DS12" s="282">
        <v>0</v>
      </c>
      <c r="DT12" s="276">
        <v>31</v>
      </c>
      <c r="DU12" s="280">
        <v>30</v>
      </c>
      <c r="DV12" s="277">
        <v>61</v>
      </c>
      <c r="DW12" s="279">
        <v>0</v>
      </c>
      <c r="DX12" s="280">
        <v>79</v>
      </c>
      <c r="DY12" s="280">
        <v>84</v>
      </c>
      <c r="DZ12" s="280">
        <v>79</v>
      </c>
      <c r="EA12" s="280">
        <v>47</v>
      </c>
      <c r="EB12" s="280">
        <v>34</v>
      </c>
      <c r="EC12" s="277">
        <v>323</v>
      </c>
      <c r="ED12" s="282">
        <v>384</v>
      </c>
      <c r="EE12" s="276">
        <v>9</v>
      </c>
      <c r="EF12" s="280">
        <v>2</v>
      </c>
      <c r="EG12" s="277">
        <v>11</v>
      </c>
      <c r="EH12" s="279">
        <v>0</v>
      </c>
      <c r="EI12" s="280">
        <v>19</v>
      </c>
      <c r="EJ12" s="280">
        <v>15</v>
      </c>
      <c r="EK12" s="280">
        <v>14</v>
      </c>
      <c r="EL12" s="280">
        <v>13</v>
      </c>
      <c r="EM12" s="280">
        <v>9</v>
      </c>
      <c r="EN12" s="277">
        <v>70</v>
      </c>
      <c r="EO12" s="282">
        <v>81</v>
      </c>
      <c r="EP12" s="276">
        <v>34</v>
      </c>
      <c r="EQ12" s="280">
        <v>38</v>
      </c>
      <c r="ER12" s="277">
        <v>72</v>
      </c>
      <c r="ES12" s="279">
        <v>0</v>
      </c>
      <c r="ET12" s="280">
        <v>155</v>
      </c>
      <c r="EU12" s="280">
        <v>119</v>
      </c>
      <c r="EV12" s="280">
        <v>90</v>
      </c>
      <c r="EW12" s="280">
        <v>51</v>
      </c>
      <c r="EX12" s="280">
        <v>33</v>
      </c>
      <c r="EY12" s="277">
        <v>448</v>
      </c>
      <c r="EZ12" s="282">
        <v>520</v>
      </c>
    </row>
    <row r="13" spans="2:156" ht="21" customHeight="1" x14ac:dyDescent="0.2">
      <c r="B13" s="261" t="s">
        <v>10</v>
      </c>
      <c r="C13" s="276">
        <v>0</v>
      </c>
      <c r="D13" s="280">
        <v>0</v>
      </c>
      <c r="E13" s="384">
        <v>0</v>
      </c>
      <c r="F13" s="279">
        <v>0</v>
      </c>
      <c r="G13" s="280">
        <v>98</v>
      </c>
      <c r="H13" s="280">
        <v>53</v>
      </c>
      <c r="I13" s="280">
        <v>32</v>
      </c>
      <c r="J13" s="280">
        <v>35</v>
      </c>
      <c r="K13" s="280">
        <v>12</v>
      </c>
      <c r="L13" s="281">
        <v>230</v>
      </c>
      <c r="M13" s="282">
        <v>230</v>
      </c>
      <c r="N13" s="276">
        <v>0</v>
      </c>
      <c r="O13" s="280">
        <v>0</v>
      </c>
      <c r="P13" s="277">
        <v>0</v>
      </c>
      <c r="Q13" s="279">
        <v>0</v>
      </c>
      <c r="R13" s="280">
        <v>1</v>
      </c>
      <c r="S13" s="280">
        <v>2</v>
      </c>
      <c r="T13" s="280">
        <v>2</v>
      </c>
      <c r="U13" s="280">
        <v>12</v>
      </c>
      <c r="V13" s="280">
        <v>13</v>
      </c>
      <c r="W13" s="277">
        <v>30</v>
      </c>
      <c r="X13" s="282">
        <v>30</v>
      </c>
      <c r="Y13" s="276">
        <v>16</v>
      </c>
      <c r="Z13" s="280">
        <v>20</v>
      </c>
      <c r="AA13" s="277">
        <v>36</v>
      </c>
      <c r="AB13" s="279">
        <v>0</v>
      </c>
      <c r="AC13" s="280">
        <v>62</v>
      </c>
      <c r="AD13" s="280">
        <v>39</v>
      </c>
      <c r="AE13" s="280">
        <v>31</v>
      </c>
      <c r="AF13" s="280">
        <v>24</v>
      </c>
      <c r="AG13" s="280">
        <v>14</v>
      </c>
      <c r="AH13" s="277">
        <v>170</v>
      </c>
      <c r="AI13" s="282">
        <v>206</v>
      </c>
      <c r="AJ13" s="276">
        <v>2</v>
      </c>
      <c r="AK13" s="280">
        <v>3</v>
      </c>
      <c r="AL13" s="277">
        <v>5</v>
      </c>
      <c r="AM13" s="279">
        <v>0</v>
      </c>
      <c r="AN13" s="280">
        <v>8</v>
      </c>
      <c r="AO13" s="280">
        <v>6</v>
      </c>
      <c r="AP13" s="280">
        <v>4</v>
      </c>
      <c r="AQ13" s="280">
        <v>4</v>
      </c>
      <c r="AR13" s="280">
        <v>6</v>
      </c>
      <c r="AS13" s="277">
        <v>28</v>
      </c>
      <c r="AT13" s="282">
        <v>33</v>
      </c>
      <c r="AU13" s="276">
        <v>17</v>
      </c>
      <c r="AV13" s="280">
        <v>19</v>
      </c>
      <c r="AW13" s="277">
        <v>36</v>
      </c>
      <c r="AX13" s="279">
        <v>0</v>
      </c>
      <c r="AY13" s="280">
        <v>88</v>
      </c>
      <c r="AZ13" s="280">
        <v>84</v>
      </c>
      <c r="BA13" s="280">
        <v>67</v>
      </c>
      <c r="BB13" s="280">
        <v>64</v>
      </c>
      <c r="BC13" s="280">
        <v>46</v>
      </c>
      <c r="BD13" s="281">
        <v>349</v>
      </c>
      <c r="BE13" s="282">
        <v>385</v>
      </c>
      <c r="BF13" s="276">
        <v>0</v>
      </c>
      <c r="BG13" s="280">
        <v>0</v>
      </c>
      <c r="BH13" s="277">
        <v>0</v>
      </c>
      <c r="BI13" s="279">
        <v>0</v>
      </c>
      <c r="BJ13" s="280">
        <v>119</v>
      </c>
      <c r="BK13" s="280">
        <v>72</v>
      </c>
      <c r="BL13" s="280">
        <v>40</v>
      </c>
      <c r="BM13" s="280">
        <v>20</v>
      </c>
      <c r="BN13" s="280">
        <v>9</v>
      </c>
      <c r="BO13" s="277">
        <v>260</v>
      </c>
      <c r="BP13" s="282">
        <v>260</v>
      </c>
      <c r="BQ13" s="276">
        <v>3</v>
      </c>
      <c r="BR13" s="280">
        <v>4</v>
      </c>
      <c r="BS13" s="277">
        <v>7</v>
      </c>
      <c r="BT13" s="279">
        <v>0</v>
      </c>
      <c r="BU13" s="280">
        <v>21</v>
      </c>
      <c r="BV13" s="280">
        <v>9</v>
      </c>
      <c r="BW13" s="280">
        <v>9</v>
      </c>
      <c r="BX13" s="280">
        <v>4</v>
      </c>
      <c r="BY13" s="280">
        <v>2</v>
      </c>
      <c r="BZ13" s="277">
        <v>45</v>
      </c>
      <c r="CA13" s="282">
        <v>52</v>
      </c>
      <c r="CB13" s="276">
        <v>0</v>
      </c>
      <c r="CC13" s="280">
        <v>0</v>
      </c>
      <c r="CD13" s="277">
        <v>0</v>
      </c>
      <c r="CE13" s="279">
        <v>0</v>
      </c>
      <c r="CF13" s="280">
        <v>9</v>
      </c>
      <c r="CG13" s="280">
        <v>11</v>
      </c>
      <c r="CH13" s="280">
        <v>19</v>
      </c>
      <c r="CI13" s="280">
        <v>15</v>
      </c>
      <c r="CJ13" s="280">
        <v>2</v>
      </c>
      <c r="CK13" s="277">
        <v>56</v>
      </c>
      <c r="CL13" s="282">
        <v>56</v>
      </c>
      <c r="CM13" s="276">
        <v>0</v>
      </c>
      <c r="CN13" s="280">
        <v>0</v>
      </c>
      <c r="CO13" s="277">
        <v>0</v>
      </c>
      <c r="CP13" s="279">
        <v>0</v>
      </c>
      <c r="CQ13" s="280">
        <v>0</v>
      </c>
      <c r="CR13" s="280">
        <v>3</v>
      </c>
      <c r="CS13" s="280">
        <v>2</v>
      </c>
      <c r="CT13" s="280">
        <v>1</v>
      </c>
      <c r="CU13" s="280">
        <v>0</v>
      </c>
      <c r="CV13" s="277">
        <v>6</v>
      </c>
      <c r="CW13" s="282">
        <v>6</v>
      </c>
      <c r="CX13" s="276">
        <v>0</v>
      </c>
      <c r="CY13" s="280">
        <v>0</v>
      </c>
      <c r="CZ13" s="277">
        <v>0</v>
      </c>
      <c r="DA13" s="279">
        <v>0</v>
      </c>
      <c r="DB13" s="280">
        <v>0</v>
      </c>
      <c r="DC13" s="280">
        <v>0</v>
      </c>
      <c r="DD13" s="280">
        <v>0</v>
      </c>
      <c r="DE13" s="280">
        <v>0</v>
      </c>
      <c r="DF13" s="280">
        <v>0</v>
      </c>
      <c r="DG13" s="277">
        <v>0</v>
      </c>
      <c r="DH13" s="282">
        <v>0</v>
      </c>
      <c r="DI13" s="276">
        <v>0</v>
      </c>
      <c r="DJ13" s="280">
        <v>0</v>
      </c>
      <c r="DK13" s="277">
        <v>0</v>
      </c>
      <c r="DL13" s="279">
        <v>0</v>
      </c>
      <c r="DM13" s="280">
        <v>0</v>
      </c>
      <c r="DN13" s="280">
        <v>0</v>
      </c>
      <c r="DO13" s="280">
        <v>0</v>
      </c>
      <c r="DP13" s="280">
        <v>0</v>
      </c>
      <c r="DQ13" s="280">
        <v>0</v>
      </c>
      <c r="DR13" s="277">
        <v>0</v>
      </c>
      <c r="DS13" s="282">
        <v>0</v>
      </c>
      <c r="DT13" s="276">
        <v>62</v>
      </c>
      <c r="DU13" s="280">
        <v>78</v>
      </c>
      <c r="DV13" s="277">
        <v>140</v>
      </c>
      <c r="DW13" s="279">
        <v>0</v>
      </c>
      <c r="DX13" s="280">
        <v>137</v>
      </c>
      <c r="DY13" s="280">
        <v>118</v>
      </c>
      <c r="DZ13" s="280">
        <v>77</v>
      </c>
      <c r="EA13" s="280">
        <v>77</v>
      </c>
      <c r="EB13" s="280">
        <v>27</v>
      </c>
      <c r="EC13" s="277">
        <v>436</v>
      </c>
      <c r="ED13" s="282">
        <v>576</v>
      </c>
      <c r="EE13" s="276">
        <v>10</v>
      </c>
      <c r="EF13" s="280">
        <v>4</v>
      </c>
      <c r="EG13" s="277">
        <v>14</v>
      </c>
      <c r="EH13" s="279">
        <v>0</v>
      </c>
      <c r="EI13" s="280">
        <v>30</v>
      </c>
      <c r="EJ13" s="280">
        <v>18</v>
      </c>
      <c r="EK13" s="280">
        <v>17</v>
      </c>
      <c r="EL13" s="280">
        <v>15</v>
      </c>
      <c r="EM13" s="280">
        <v>10</v>
      </c>
      <c r="EN13" s="277">
        <v>90</v>
      </c>
      <c r="EO13" s="282">
        <v>104</v>
      </c>
      <c r="EP13" s="276">
        <v>79</v>
      </c>
      <c r="EQ13" s="280">
        <v>93</v>
      </c>
      <c r="ER13" s="277">
        <v>172</v>
      </c>
      <c r="ES13" s="279">
        <v>0</v>
      </c>
      <c r="ET13" s="280">
        <v>280</v>
      </c>
      <c r="EU13" s="280">
        <v>159</v>
      </c>
      <c r="EV13" s="280">
        <v>83</v>
      </c>
      <c r="EW13" s="280">
        <v>74</v>
      </c>
      <c r="EX13" s="280">
        <v>28</v>
      </c>
      <c r="EY13" s="277">
        <v>624</v>
      </c>
      <c r="EZ13" s="282">
        <v>796</v>
      </c>
    </row>
    <row r="14" spans="2:156" ht="21" customHeight="1" x14ac:dyDescent="0.2">
      <c r="B14" s="261" t="s">
        <v>11</v>
      </c>
      <c r="C14" s="276">
        <v>0</v>
      </c>
      <c r="D14" s="280">
        <v>0</v>
      </c>
      <c r="E14" s="384">
        <v>0</v>
      </c>
      <c r="F14" s="279">
        <v>0</v>
      </c>
      <c r="G14" s="280">
        <v>13</v>
      </c>
      <c r="H14" s="280">
        <v>18</v>
      </c>
      <c r="I14" s="280">
        <v>14</v>
      </c>
      <c r="J14" s="280">
        <v>16</v>
      </c>
      <c r="K14" s="280">
        <v>8</v>
      </c>
      <c r="L14" s="281">
        <v>69</v>
      </c>
      <c r="M14" s="282">
        <v>69</v>
      </c>
      <c r="N14" s="276">
        <v>0</v>
      </c>
      <c r="O14" s="280">
        <v>0</v>
      </c>
      <c r="P14" s="277">
        <v>0</v>
      </c>
      <c r="Q14" s="279">
        <v>0</v>
      </c>
      <c r="R14" s="280">
        <v>0</v>
      </c>
      <c r="S14" s="280">
        <v>3</v>
      </c>
      <c r="T14" s="280">
        <v>1</v>
      </c>
      <c r="U14" s="280">
        <v>3</v>
      </c>
      <c r="V14" s="280">
        <v>4</v>
      </c>
      <c r="W14" s="277">
        <v>11</v>
      </c>
      <c r="X14" s="282">
        <v>11</v>
      </c>
      <c r="Y14" s="276">
        <v>6</v>
      </c>
      <c r="Z14" s="280">
        <v>8</v>
      </c>
      <c r="AA14" s="277">
        <v>14</v>
      </c>
      <c r="AB14" s="279">
        <v>0</v>
      </c>
      <c r="AC14" s="280">
        <v>26</v>
      </c>
      <c r="AD14" s="280">
        <v>20</v>
      </c>
      <c r="AE14" s="280">
        <v>11</v>
      </c>
      <c r="AF14" s="280">
        <v>16</v>
      </c>
      <c r="AG14" s="280">
        <v>8</v>
      </c>
      <c r="AH14" s="277">
        <v>81</v>
      </c>
      <c r="AI14" s="282">
        <v>95</v>
      </c>
      <c r="AJ14" s="276">
        <v>0</v>
      </c>
      <c r="AK14" s="280">
        <v>2</v>
      </c>
      <c r="AL14" s="277">
        <v>2</v>
      </c>
      <c r="AM14" s="279">
        <v>0</v>
      </c>
      <c r="AN14" s="280">
        <v>2</v>
      </c>
      <c r="AO14" s="280">
        <v>1</v>
      </c>
      <c r="AP14" s="280">
        <v>0</v>
      </c>
      <c r="AQ14" s="280">
        <v>4</v>
      </c>
      <c r="AR14" s="280">
        <v>0</v>
      </c>
      <c r="AS14" s="277">
        <v>7</v>
      </c>
      <c r="AT14" s="282">
        <v>9</v>
      </c>
      <c r="AU14" s="276">
        <v>4</v>
      </c>
      <c r="AV14" s="280">
        <v>6</v>
      </c>
      <c r="AW14" s="277">
        <v>10</v>
      </c>
      <c r="AX14" s="279">
        <v>0</v>
      </c>
      <c r="AY14" s="280">
        <v>30</v>
      </c>
      <c r="AZ14" s="280">
        <v>26</v>
      </c>
      <c r="BA14" s="280">
        <v>24</v>
      </c>
      <c r="BB14" s="280">
        <v>27</v>
      </c>
      <c r="BC14" s="280">
        <v>15</v>
      </c>
      <c r="BD14" s="281">
        <v>122</v>
      </c>
      <c r="BE14" s="282">
        <v>132</v>
      </c>
      <c r="BF14" s="276">
        <v>0</v>
      </c>
      <c r="BG14" s="280">
        <v>0</v>
      </c>
      <c r="BH14" s="277">
        <v>0</v>
      </c>
      <c r="BI14" s="279">
        <v>0</v>
      </c>
      <c r="BJ14" s="280">
        <v>36</v>
      </c>
      <c r="BK14" s="280">
        <v>20</v>
      </c>
      <c r="BL14" s="280">
        <v>21</v>
      </c>
      <c r="BM14" s="280">
        <v>9</v>
      </c>
      <c r="BN14" s="280">
        <v>1</v>
      </c>
      <c r="BO14" s="277">
        <v>87</v>
      </c>
      <c r="BP14" s="282">
        <v>87</v>
      </c>
      <c r="BQ14" s="276">
        <v>5</v>
      </c>
      <c r="BR14" s="280">
        <v>3</v>
      </c>
      <c r="BS14" s="277">
        <v>8</v>
      </c>
      <c r="BT14" s="279">
        <v>0</v>
      </c>
      <c r="BU14" s="280">
        <v>23</v>
      </c>
      <c r="BV14" s="280">
        <v>8</v>
      </c>
      <c r="BW14" s="280">
        <v>3</v>
      </c>
      <c r="BX14" s="280">
        <v>7</v>
      </c>
      <c r="BY14" s="280">
        <v>1</v>
      </c>
      <c r="BZ14" s="277">
        <v>42</v>
      </c>
      <c r="CA14" s="282">
        <v>50</v>
      </c>
      <c r="CB14" s="276">
        <v>0</v>
      </c>
      <c r="CC14" s="280">
        <v>0</v>
      </c>
      <c r="CD14" s="277">
        <v>0</v>
      </c>
      <c r="CE14" s="279">
        <v>0</v>
      </c>
      <c r="CF14" s="280">
        <v>7</v>
      </c>
      <c r="CG14" s="280">
        <v>5</v>
      </c>
      <c r="CH14" s="280">
        <v>3</v>
      </c>
      <c r="CI14" s="280">
        <v>3</v>
      </c>
      <c r="CJ14" s="280">
        <v>0</v>
      </c>
      <c r="CK14" s="277">
        <v>18</v>
      </c>
      <c r="CL14" s="282">
        <v>18</v>
      </c>
      <c r="CM14" s="276">
        <v>0</v>
      </c>
      <c r="CN14" s="280">
        <v>0</v>
      </c>
      <c r="CO14" s="277">
        <v>0</v>
      </c>
      <c r="CP14" s="279">
        <v>0</v>
      </c>
      <c r="CQ14" s="280">
        <v>0</v>
      </c>
      <c r="CR14" s="280">
        <v>1</v>
      </c>
      <c r="CS14" s="280">
        <v>0</v>
      </c>
      <c r="CT14" s="280">
        <v>0</v>
      </c>
      <c r="CU14" s="280">
        <v>0</v>
      </c>
      <c r="CV14" s="277">
        <v>1</v>
      </c>
      <c r="CW14" s="282">
        <v>1</v>
      </c>
      <c r="CX14" s="276">
        <v>0</v>
      </c>
      <c r="CY14" s="280">
        <v>0</v>
      </c>
      <c r="CZ14" s="277">
        <v>0</v>
      </c>
      <c r="DA14" s="279">
        <v>0</v>
      </c>
      <c r="DB14" s="280">
        <v>0</v>
      </c>
      <c r="DC14" s="280">
        <v>0</v>
      </c>
      <c r="DD14" s="280">
        <v>0</v>
      </c>
      <c r="DE14" s="280">
        <v>0</v>
      </c>
      <c r="DF14" s="280">
        <v>0</v>
      </c>
      <c r="DG14" s="277">
        <v>0</v>
      </c>
      <c r="DH14" s="282">
        <v>0</v>
      </c>
      <c r="DI14" s="276">
        <v>0</v>
      </c>
      <c r="DJ14" s="280">
        <v>0</v>
      </c>
      <c r="DK14" s="277">
        <v>0</v>
      </c>
      <c r="DL14" s="279">
        <v>0</v>
      </c>
      <c r="DM14" s="280">
        <v>0</v>
      </c>
      <c r="DN14" s="280">
        <v>0</v>
      </c>
      <c r="DO14" s="280">
        <v>0</v>
      </c>
      <c r="DP14" s="280">
        <v>0</v>
      </c>
      <c r="DQ14" s="280">
        <v>0</v>
      </c>
      <c r="DR14" s="277">
        <v>0</v>
      </c>
      <c r="DS14" s="282">
        <v>0</v>
      </c>
      <c r="DT14" s="276">
        <v>17</v>
      </c>
      <c r="DU14" s="280">
        <v>34</v>
      </c>
      <c r="DV14" s="277">
        <v>51</v>
      </c>
      <c r="DW14" s="279">
        <v>0</v>
      </c>
      <c r="DX14" s="280">
        <v>52</v>
      </c>
      <c r="DY14" s="280">
        <v>50</v>
      </c>
      <c r="DZ14" s="280">
        <v>30</v>
      </c>
      <c r="EA14" s="280">
        <v>32</v>
      </c>
      <c r="EB14" s="280">
        <v>12</v>
      </c>
      <c r="EC14" s="277">
        <v>176</v>
      </c>
      <c r="ED14" s="282">
        <v>227</v>
      </c>
      <c r="EE14" s="276">
        <v>2</v>
      </c>
      <c r="EF14" s="280">
        <v>2</v>
      </c>
      <c r="EG14" s="277">
        <v>4</v>
      </c>
      <c r="EH14" s="279">
        <v>0</v>
      </c>
      <c r="EI14" s="280">
        <v>20</v>
      </c>
      <c r="EJ14" s="280">
        <v>12</v>
      </c>
      <c r="EK14" s="280">
        <v>8</v>
      </c>
      <c r="EL14" s="280">
        <v>12</v>
      </c>
      <c r="EM14" s="280">
        <v>3</v>
      </c>
      <c r="EN14" s="277">
        <v>55</v>
      </c>
      <c r="EO14" s="282">
        <v>59</v>
      </c>
      <c r="EP14" s="276">
        <v>26</v>
      </c>
      <c r="EQ14" s="280">
        <v>39</v>
      </c>
      <c r="ER14" s="277">
        <v>65</v>
      </c>
      <c r="ES14" s="279">
        <v>0</v>
      </c>
      <c r="ET14" s="280">
        <v>98</v>
      </c>
      <c r="EU14" s="280">
        <v>66</v>
      </c>
      <c r="EV14" s="280">
        <v>42</v>
      </c>
      <c r="EW14" s="280">
        <v>30</v>
      </c>
      <c r="EX14" s="280">
        <v>11</v>
      </c>
      <c r="EY14" s="277">
        <v>247</v>
      </c>
      <c r="EZ14" s="282">
        <v>312</v>
      </c>
    </row>
    <row r="15" spans="2:156" ht="21" customHeight="1" x14ac:dyDescent="0.2">
      <c r="B15" s="261" t="s">
        <v>12</v>
      </c>
      <c r="C15" s="276">
        <v>0</v>
      </c>
      <c r="D15" s="280">
        <v>0</v>
      </c>
      <c r="E15" s="384">
        <v>0</v>
      </c>
      <c r="F15" s="279">
        <v>0</v>
      </c>
      <c r="G15" s="280">
        <v>40</v>
      </c>
      <c r="H15" s="280">
        <v>30</v>
      </c>
      <c r="I15" s="280">
        <v>15</v>
      </c>
      <c r="J15" s="280">
        <v>25</v>
      </c>
      <c r="K15" s="280">
        <v>13</v>
      </c>
      <c r="L15" s="281">
        <v>123</v>
      </c>
      <c r="M15" s="282">
        <v>123</v>
      </c>
      <c r="N15" s="276">
        <v>0</v>
      </c>
      <c r="O15" s="280">
        <v>0</v>
      </c>
      <c r="P15" s="277">
        <v>0</v>
      </c>
      <c r="Q15" s="279">
        <v>0</v>
      </c>
      <c r="R15" s="280">
        <v>0</v>
      </c>
      <c r="S15" s="280">
        <v>1</v>
      </c>
      <c r="T15" s="280">
        <v>2</v>
      </c>
      <c r="U15" s="280">
        <v>5</v>
      </c>
      <c r="V15" s="280">
        <v>3</v>
      </c>
      <c r="W15" s="277">
        <v>11</v>
      </c>
      <c r="X15" s="282">
        <v>11</v>
      </c>
      <c r="Y15" s="276">
        <v>18</v>
      </c>
      <c r="Z15" s="280">
        <v>18</v>
      </c>
      <c r="AA15" s="277">
        <v>36</v>
      </c>
      <c r="AB15" s="279">
        <v>0</v>
      </c>
      <c r="AC15" s="280">
        <v>23</v>
      </c>
      <c r="AD15" s="280">
        <v>36</v>
      </c>
      <c r="AE15" s="280">
        <v>22</v>
      </c>
      <c r="AF15" s="280">
        <v>20</v>
      </c>
      <c r="AG15" s="280">
        <v>9</v>
      </c>
      <c r="AH15" s="277">
        <v>110</v>
      </c>
      <c r="AI15" s="282">
        <v>146</v>
      </c>
      <c r="AJ15" s="276">
        <v>1</v>
      </c>
      <c r="AK15" s="280">
        <v>0</v>
      </c>
      <c r="AL15" s="277">
        <v>1</v>
      </c>
      <c r="AM15" s="279">
        <v>0</v>
      </c>
      <c r="AN15" s="280">
        <v>1</v>
      </c>
      <c r="AO15" s="280">
        <v>6</v>
      </c>
      <c r="AP15" s="280">
        <v>2</v>
      </c>
      <c r="AQ15" s="280">
        <v>1</v>
      </c>
      <c r="AR15" s="280">
        <v>1</v>
      </c>
      <c r="AS15" s="277">
        <v>11</v>
      </c>
      <c r="AT15" s="282">
        <v>12</v>
      </c>
      <c r="AU15" s="276">
        <v>5</v>
      </c>
      <c r="AV15" s="280">
        <v>8</v>
      </c>
      <c r="AW15" s="277">
        <v>13</v>
      </c>
      <c r="AX15" s="279">
        <v>0</v>
      </c>
      <c r="AY15" s="280">
        <v>25</v>
      </c>
      <c r="AZ15" s="280">
        <v>31</v>
      </c>
      <c r="BA15" s="280">
        <v>34</v>
      </c>
      <c r="BB15" s="280">
        <v>32</v>
      </c>
      <c r="BC15" s="280">
        <v>18</v>
      </c>
      <c r="BD15" s="281">
        <v>140</v>
      </c>
      <c r="BE15" s="282">
        <v>153</v>
      </c>
      <c r="BF15" s="276">
        <v>0</v>
      </c>
      <c r="BG15" s="280">
        <v>0</v>
      </c>
      <c r="BH15" s="277">
        <v>0</v>
      </c>
      <c r="BI15" s="279">
        <v>0</v>
      </c>
      <c r="BJ15" s="280">
        <v>47</v>
      </c>
      <c r="BK15" s="280">
        <v>24</v>
      </c>
      <c r="BL15" s="280">
        <v>22</v>
      </c>
      <c r="BM15" s="280">
        <v>16</v>
      </c>
      <c r="BN15" s="280">
        <v>5</v>
      </c>
      <c r="BO15" s="277">
        <v>114</v>
      </c>
      <c r="BP15" s="282">
        <v>114</v>
      </c>
      <c r="BQ15" s="276">
        <v>13</v>
      </c>
      <c r="BR15" s="280">
        <v>6</v>
      </c>
      <c r="BS15" s="277">
        <v>19</v>
      </c>
      <c r="BT15" s="279">
        <v>0</v>
      </c>
      <c r="BU15" s="280">
        <v>5</v>
      </c>
      <c r="BV15" s="280">
        <v>15</v>
      </c>
      <c r="BW15" s="280">
        <v>10</v>
      </c>
      <c r="BX15" s="280">
        <v>7</v>
      </c>
      <c r="BY15" s="280">
        <v>3</v>
      </c>
      <c r="BZ15" s="277">
        <v>40</v>
      </c>
      <c r="CA15" s="282">
        <v>59</v>
      </c>
      <c r="CB15" s="276">
        <v>3</v>
      </c>
      <c r="CC15" s="280">
        <v>2</v>
      </c>
      <c r="CD15" s="277">
        <v>5</v>
      </c>
      <c r="CE15" s="279">
        <v>0</v>
      </c>
      <c r="CF15" s="280">
        <v>11</v>
      </c>
      <c r="CG15" s="280">
        <v>7</v>
      </c>
      <c r="CH15" s="280">
        <v>8</v>
      </c>
      <c r="CI15" s="280">
        <v>12</v>
      </c>
      <c r="CJ15" s="280">
        <v>4</v>
      </c>
      <c r="CK15" s="277">
        <v>42</v>
      </c>
      <c r="CL15" s="282">
        <v>47</v>
      </c>
      <c r="CM15" s="276">
        <v>0</v>
      </c>
      <c r="CN15" s="280">
        <v>0</v>
      </c>
      <c r="CO15" s="277">
        <v>0</v>
      </c>
      <c r="CP15" s="279">
        <v>0</v>
      </c>
      <c r="CQ15" s="280">
        <v>0</v>
      </c>
      <c r="CR15" s="280">
        <v>1</v>
      </c>
      <c r="CS15" s="280">
        <v>1</v>
      </c>
      <c r="CT15" s="280">
        <v>0</v>
      </c>
      <c r="CU15" s="280">
        <v>0</v>
      </c>
      <c r="CV15" s="277">
        <v>2</v>
      </c>
      <c r="CW15" s="282">
        <v>2</v>
      </c>
      <c r="CX15" s="276">
        <v>0</v>
      </c>
      <c r="CY15" s="280">
        <v>0</v>
      </c>
      <c r="CZ15" s="277">
        <v>0</v>
      </c>
      <c r="DA15" s="279">
        <v>0</v>
      </c>
      <c r="DB15" s="280">
        <v>0</v>
      </c>
      <c r="DC15" s="280">
        <v>0</v>
      </c>
      <c r="DD15" s="280">
        <v>0</v>
      </c>
      <c r="DE15" s="280">
        <v>0</v>
      </c>
      <c r="DF15" s="280">
        <v>0</v>
      </c>
      <c r="DG15" s="277">
        <v>0</v>
      </c>
      <c r="DH15" s="282">
        <v>0</v>
      </c>
      <c r="DI15" s="276">
        <v>0</v>
      </c>
      <c r="DJ15" s="280">
        <v>0</v>
      </c>
      <c r="DK15" s="277">
        <v>0</v>
      </c>
      <c r="DL15" s="279">
        <v>0</v>
      </c>
      <c r="DM15" s="280">
        <v>0</v>
      </c>
      <c r="DN15" s="280">
        <v>0</v>
      </c>
      <c r="DO15" s="280">
        <v>0</v>
      </c>
      <c r="DP15" s="280">
        <v>0</v>
      </c>
      <c r="DQ15" s="280">
        <v>0</v>
      </c>
      <c r="DR15" s="277">
        <v>0</v>
      </c>
      <c r="DS15" s="282">
        <v>0</v>
      </c>
      <c r="DT15" s="276">
        <v>20</v>
      </c>
      <c r="DU15" s="280">
        <v>49</v>
      </c>
      <c r="DV15" s="277">
        <v>69</v>
      </c>
      <c r="DW15" s="279">
        <v>0</v>
      </c>
      <c r="DX15" s="280">
        <v>34</v>
      </c>
      <c r="DY15" s="280">
        <v>76</v>
      </c>
      <c r="DZ15" s="280">
        <v>62</v>
      </c>
      <c r="EA15" s="280">
        <v>45</v>
      </c>
      <c r="EB15" s="280">
        <v>23</v>
      </c>
      <c r="EC15" s="277">
        <v>240</v>
      </c>
      <c r="ED15" s="282">
        <v>309</v>
      </c>
      <c r="EE15" s="276">
        <v>1</v>
      </c>
      <c r="EF15" s="280">
        <v>5</v>
      </c>
      <c r="EG15" s="277">
        <v>6</v>
      </c>
      <c r="EH15" s="279">
        <v>0</v>
      </c>
      <c r="EI15" s="280">
        <v>8</v>
      </c>
      <c r="EJ15" s="280">
        <v>8</v>
      </c>
      <c r="EK15" s="280">
        <v>11</v>
      </c>
      <c r="EL15" s="280">
        <v>11</v>
      </c>
      <c r="EM15" s="280">
        <v>5</v>
      </c>
      <c r="EN15" s="277">
        <v>43</v>
      </c>
      <c r="EO15" s="282">
        <v>49</v>
      </c>
      <c r="EP15" s="276">
        <v>51</v>
      </c>
      <c r="EQ15" s="280">
        <v>66</v>
      </c>
      <c r="ER15" s="277">
        <v>117</v>
      </c>
      <c r="ES15" s="279">
        <v>0</v>
      </c>
      <c r="ET15" s="280">
        <v>117</v>
      </c>
      <c r="EU15" s="280">
        <v>96</v>
      </c>
      <c r="EV15" s="280">
        <v>64</v>
      </c>
      <c r="EW15" s="280">
        <v>48</v>
      </c>
      <c r="EX15" s="280">
        <v>22</v>
      </c>
      <c r="EY15" s="277">
        <v>347</v>
      </c>
      <c r="EZ15" s="282">
        <v>464</v>
      </c>
    </row>
    <row r="16" spans="2:156" ht="21" customHeight="1" x14ac:dyDescent="0.2">
      <c r="B16" s="261" t="s">
        <v>13</v>
      </c>
      <c r="C16" s="276">
        <v>0</v>
      </c>
      <c r="D16" s="280">
        <v>0</v>
      </c>
      <c r="E16" s="384">
        <v>0</v>
      </c>
      <c r="F16" s="279">
        <v>0</v>
      </c>
      <c r="G16" s="280">
        <v>19</v>
      </c>
      <c r="H16" s="280">
        <v>21</v>
      </c>
      <c r="I16" s="280">
        <v>13</v>
      </c>
      <c r="J16" s="280">
        <v>8</v>
      </c>
      <c r="K16" s="280">
        <v>8</v>
      </c>
      <c r="L16" s="281">
        <v>69</v>
      </c>
      <c r="M16" s="282">
        <v>69</v>
      </c>
      <c r="N16" s="276">
        <v>0</v>
      </c>
      <c r="O16" s="280">
        <v>0</v>
      </c>
      <c r="P16" s="277">
        <v>0</v>
      </c>
      <c r="Q16" s="279">
        <v>0</v>
      </c>
      <c r="R16" s="280">
        <v>0</v>
      </c>
      <c r="S16" s="280">
        <v>0</v>
      </c>
      <c r="T16" s="280">
        <v>1</v>
      </c>
      <c r="U16" s="280">
        <v>1</v>
      </c>
      <c r="V16" s="280">
        <v>6</v>
      </c>
      <c r="W16" s="277">
        <v>8</v>
      </c>
      <c r="X16" s="282">
        <v>8</v>
      </c>
      <c r="Y16" s="276">
        <v>0</v>
      </c>
      <c r="Z16" s="280">
        <v>2</v>
      </c>
      <c r="AA16" s="277">
        <v>2</v>
      </c>
      <c r="AB16" s="279">
        <v>0</v>
      </c>
      <c r="AC16" s="280">
        <v>12</v>
      </c>
      <c r="AD16" s="280">
        <v>16</v>
      </c>
      <c r="AE16" s="280">
        <v>12</v>
      </c>
      <c r="AF16" s="280">
        <v>10</v>
      </c>
      <c r="AG16" s="280">
        <v>10</v>
      </c>
      <c r="AH16" s="277">
        <v>60</v>
      </c>
      <c r="AI16" s="282">
        <v>62</v>
      </c>
      <c r="AJ16" s="276">
        <v>1</v>
      </c>
      <c r="AK16" s="280">
        <v>1</v>
      </c>
      <c r="AL16" s="277">
        <v>2</v>
      </c>
      <c r="AM16" s="279">
        <v>0</v>
      </c>
      <c r="AN16" s="280">
        <v>3</v>
      </c>
      <c r="AO16" s="280">
        <v>0</v>
      </c>
      <c r="AP16" s="280">
        <v>0</v>
      </c>
      <c r="AQ16" s="280">
        <v>1</v>
      </c>
      <c r="AR16" s="280">
        <v>1</v>
      </c>
      <c r="AS16" s="277">
        <v>5</v>
      </c>
      <c r="AT16" s="282">
        <v>7</v>
      </c>
      <c r="AU16" s="276">
        <v>4</v>
      </c>
      <c r="AV16" s="280">
        <v>3</v>
      </c>
      <c r="AW16" s="277">
        <v>7</v>
      </c>
      <c r="AX16" s="279">
        <v>0</v>
      </c>
      <c r="AY16" s="280">
        <v>16</v>
      </c>
      <c r="AZ16" s="280">
        <v>21</v>
      </c>
      <c r="BA16" s="280">
        <v>11</v>
      </c>
      <c r="BB16" s="280">
        <v>14</v>
      </c>
      <c r="BC16" s="280">
        <v>16</v>
      </c>
      <c r="BD16" s="281">
        <v>78</v>
      </c>
      <c r="BE16" s="282">
        <v>85</v>
      </c>
      <c r="BF16" s="276">
        <v>0</v>
      </c>
      <c r="BG16" s="280">
        <v>0</v>
      </c>
      <c r="BH16" s="277">
        <v>0</v>
      </c>
      <c r="BI16" s="279">
        <v>0</v>
      </c>
      <c r="BJ16" s="280">
        <v>18</v>
      </c>
      <c r="BK16" s="280">
        <v>19</v>
      </c>
      <c r="BL16" s="280">
        <v>10</v>
      </c>
      <c r="BM16" s="280">
        <v>5</v>
      </c>
      <c r="BN16" s="280">
        <v>4</v>
      </c>
      <c r="BO16" s="277">
        <v>56</v>
      </c>
      <c r="BP16" s="282">
        <v>56</v>
      </c>
      <c r="BQ16" s="276">
        <v>0</v>
      </c>
      <c r="BR16" s="280">
        <v>1</v>
      </c>
      <c r="BS16" s="277">
        <v>1</v>
      </c>
      <c r="BT16" s="279">
        <v>0</v>
      </c>
      <c r="BU16" s="280">
        <v>3</v>
      </c>
      <c r="BV16" s="280">
        <v>6</v>
      </c>
      <c r="BW16" s="280">
        <v>2</v>
      </c>
      <c r="BX16" s="280">
        <v>3</v>
      </c>
      <c r="BY16" s="280">
        <v>2</v>
      </c>
      <c r="BZ16" s="277">
        <v>16</v>
      </c>
      <c r="CA16" s="282">
        <v>17</v>
      </c>
      <c r="CB16" s="276">
        <v>0</v>
      </c>
      <c r="CC16" s="280">
        <v>0</v>
      </c>
      <c r="CD16" s="277">
        <v>0</v>
      </c>
      <c r="CE16" s="279">
        <v>0</v>
      </c>
      <c r="CF16" s="280">
        <v>0</v>
      </c>
      <c r="CG16" s="280">
        <v>2</v>
      </c>
      <c r="CH16" s="280">
        <v>3</v>
      </c>
      <c r="CI16" s="280">
        <v>6</v>
      </c>
      <c r="CJ16" s="280">
        <v>1</v>
      </c>
      <c r="CK16" s="277">
        <v>12</v>
      </c>
      <c r="CL16" s="282">
        <v>12</v>
      </c>
      <c r="CM16" s="276">
        <v>0</v>
      </c>
      <c r="CN16" s="280">
        <v>0</v>
      </c>
      <c r="CO16" s="277">
        <v>0</v>
      </c>
      <c r="CP16" s="279">
        <v>0</v>
      </c>
      <c r="CQ16" s="280">
        <v>0</v>
      </c>
      <c r="CR16" s="280">
        <v>0</v>
      </c>
      <c r="CS16" s="280">
        <v>1</v>
      </c>
      <c r="CT16" s="280">
        <v>0</v>
      </c>
      <c r="CU16" s="280">
        <v>0</v>
      </c>
      <c r="CV16" s="277">
        <v>1</v>
      </c>
      <c r="CW16" s="282">
        <v>1</v>
      </c>
      <c r="CX16" s="276">
        <v>0</v>
      </c>
      <c r="CY16" s="280">
        <v>0</v>
      </c>
      <c r="CZ16" s="277">
        <v>0</v>
      </c>
      <c r="DA16" s="279">
        <v>0</v>
      </c>
      <c r="DB16" s="280">
        <v>0</v>
      </c>
      <c r="DC16" s="280">
        <v>0</v>
      </c>
      <c r="DD16" s="280">
        <v>0</v>
      </c>
      <c r="DE16" s="280">
        <v>0</v>
      </c>
      <c r="DF16" s="280">
        <v>0</v>
      </c>
      <c r="DG16" s="277">
        <v>0</v>
      </c>
      <c r="DH16" s="282">
        <v>0</v>
      </c>
      <c r="DI16" s="276">
        <v>0</v>
      </c>
      <c r="DJ16" s="280">
        <v>0</v>
      </c>
      <c r="DK16" s="277">
        <v>0</v>
      </c>
      <c r="DL16" s="279">
        <v>0</v>
      </c>
      <c r="DM16" s="280">
        <v>0</v>
      </c>
      <c r="DN16" s="280">
        <v>0</v>
      </c>
      <c r="DO16" s="280">
        <v>0</v>
      </c>
      <c r="DP16" s="280">
        <v>0</v>
      </c>
      <c r="DQ16" s="280">
        <v>0</v>
      </c>
      <c r="DR16" s="277">
        <v>0</v>
      </c>
      <c r="DS16" s="282">
        <v>0</v>
      </c>
      <c r="DT16" s="276">
        <v>2</v>
      </c>
      <c r="DU16" s="280">
        <v>13</v>
      </c>
      <c r="DV16" s="277">
        <v>15</v>
      </c>
      <c r="DW16" s="279">
        <v>0</v>
      </c>
      <c r="DX16" s="280">
        <v>25</v>
      </c>
      <c r="DY16" s="280">
        <v>32</v>
      </c>
      <c r="DZ16" s="280">
        <v>21</v>
      </c>
      <c r="EA16" s="280">
        <v>20</v>
      </c>
      <c r="EB16" s="280">
        <v>11</v>
      </c>
      <c r="EC16" s="277">
        <v>109</v>
      </c>
      <c r="ED16" s="282">
        <v>124</v>
      </c>
      <c r="EE16" s="276">
        <v>2</v>
      </c>
      <c r="EF16" s="280">
        <v>0</v>
      </c>
      <c r="EG16" s="277">
        <v>2</v>
      </c>
      <c r="EH16" s="279">
        <v>0</v>
      </c>
      <c r="EI16" s="280">
        <v>6</v>
      </c>
      <c r="EJ16" s="280">
        <v>7</v>
      </c>
      <c r="EK16" s="280">
        <v>4</v>
      </c>
      <c r="EL16" s="280">
        <v>5</v>
      </c>
      <c r="EM16" s="280">
        <v>5</v>
      </c>
      <c r="EN16" s="277">
        <v>27</v>
      </c>
      <c r="EO16" s="282">
        <v>29</v>
      </c>
      <c r="EP16" s="276">
        <v>3</v>
      </c>
      <c r="EQ16" s="280">
        <v>15</v>
      </c>
      <c r="ER16" s="277">
        <v>18</v>
      </c>
      <c r="ES16" s="279">
        <v>0</v>
      </c>
      <c r="ET16" s="280">
        <v>57</v>
      </c>
      <c r="EU16" s="280">
        <v>51</v>
      </c>
      <c r="EV16" s="280">
        <v>26</v>
      </c>
      <c r="EW16" s="280">
        <v>23</v>
      </c>
      <c r="EX16" s="280">
        <v>13</v>
      </c>
      <c r="EY16" s="277">
        <v>170</v>
      </c>
      <c r="EZ16" s="282">
        <v>188</v>
      </c>
    </row>
    <row r="17" spans="2:156" ht="21" customHeight="1" x14ac:dyDescent="0.2">
      <c r="B17" s="261" t="s">
        <v>15</v>
      </c>
      <c r="C17" s="276">
        <v>0</v>
      </c>
      <c r="D17" s="280">
        <v>0</v>
      </c>
      <c r="E17" s="384">
        <v>0</v>
      </c>
      <c r="F17" s="279">
        <v>0</v>
      </c>
      <c r="G17" s="280">
        <v>4</v>
      </c>
      <c r="H17" s="280">
        <v>8</v>
      </c>
      <c r="I17" s="280">
        <v>8</v>
      </c>
      <c r="J17" s="280">
        <v>3</v>
      </c>
      <c r="K17" s="280">
        <v>1</v>
      </c>
      <c r="L17" s="281">
        <v>24</v>
      </c>
      <c r="M17" s="282">
        <v>24</v>
      </c>
      <c r="N17" s="276">
        <v>0</v>
      </c>
      <c r="O17" s="280">
        <v>0</v>
      </c>
      <c r="P17" s="277">
        <v>0</v>
      </c>
      <c r="Q17" s="279">
        <v>0</v>
      </c>
      <c r="R17" s="280">
        <v>0</v>
      </c>
      <c r="S17" s="280">
        <v>0</v>
      </c>
      <c r="T17" s="280">
        <v>0</v>
      </c>
      <c r="U17" s="280">
        <v>1</v>
      </c>
      <c r="V17" s="280">
        <v>0</v>
      </c>
      <c r="W17" s="277">
        <v>1</v>
      </c>
      <c r="X17" s="282">
        <v>1</v>
      </c>
      <c r="Y17" s="276">
        <v>0</v>
      </c>
      <c r="Z17" s="280">
        <v>1</v>
      </c>
      <c r="AA17" s="277">
        <v>1</v>
      </c>
      <c r="AB17" s="279">
        <v>0</v>
      </c>
      <c r="AC17" s="280">
        <v>2</v>
      </c>
      <c r="AD17" s="280">
        <v>4</v>
      </c>
      <c r="AE17" s="280">
        <v>3</v>
      </c>
      <c r="AF17" s="280">
        <v>2</v>
      </c>
      <c r="AG17" s="280">
        <v>0</v>
      </c>
      <c r="AH17" s="277">
        <v>11</v>
      </c>
      <c r="AI17" s="282">
        <v>12</v>
      </c>
      <c r="AJ17" s="276">
        <v>0</v>
      </c>
      <c r="AK17" s="280">
        <v>0</v>
      </c>
      <c r="AL17" s="277">
        <v>0</v>
      </c>
      <c r="AM17" s="279">
        <v>0</v>
      </c>
      <c r="AN17" s="280">
        <v>1</v>
      </c>
      <c r="AO17" s="280">
        <v>2</v>
      </c>
      <c r="AP17" s="280">
        <v>0</v>
      </c>
      <c r="AQ17" s="280">
        <v>0</v>
      </c>
      <c r="AR17" s="280">
        <v>0</v>
      </c>
      <c r="AS17" s="277">
        <v>3</v>
      </c>
      <c r="AT17" s="282">
        <v>3</v>
      </c>
      <c r="AU17" s="276">
        <v>1</v>
      </c>
      <c r="AV17" s="280">
        <v>0</v>
      </c>
      <c r="AW17" s="277">
        <v>1</v>
      </c>
      <c r="AX17" s="279">
        <v>0</v>
      </c>
      <c r="AY17" s="280">
        <v>7</v>
      </c>
      <c r="AZ17" s="280">
        <v>5</v>
      </c>
      <c r="BA17" s="280">
        <v>7</v>
      </c>
      <c r="BB17" s="280">
        <v>5</v>
      </c>
      <c r="BC17" s="280">
        <v>2</v>
      </c>
      <c r="BD17" s="281">
        <v>26</v>
      </c>
      <c r="BE17" s="282">
        <v>27</v>
      </c>
      <c r="BF17" s="276">
        <v>0</v>
      </c>
      <c r="BG17" s="280">
        <v>0</v>
      </c>
      <c r="BH17" s="277">
        <v>0</v>
      </c>
      <c r="BI17" s="279">
        <v>0</v>
      </c>
      <c r="BJ17" s="280">
        <v>4</v>
      </c>
      <c r="BK17" s="280">
        <v>4</v>
      </c>
      <c r="BL17" s="280">
        <v>4</v>
      </c>
      <c r="BM17" s="280">
        <v>0</v>
      </c>
      <c r="BN17" s="280">
        <v>0</v>
      </c>
      <c r="BO17" s="277">
        <v>12</v>
      </c>
      <c r="BP17" s="282">
        <v>12</v>
      </c>
      <c r="BQ17" s="276">
        <v>0</v>
      </c>
      <c r="BR17" s="280">
        <v>0</v>
      </c>
      <c r="BS17" s="277">
        <v>0</v>
      </c>
      <c r="BT17" s="279">
        <v>0</v>
      </c>
      <c r="BU17" s="280">
        <v>0</v>
      </c>
      <c r="BV17" s="280">
        <v>3</v>
      </c>
      <c r="BW17" s="280">
        <v>3</v>
      </c>
      <c r="BX17" s="280">
        <v>0</v>
      </c>
      <c r="BY17" s="280">
        <v>0</v>
      </c>
      <c r="BZ17" s="277">
        <v>6</v>
      </c>
      <c r="CA17" s="282">
        <v>6</v>
      </c>
      <c r="CB17" s="276">
        <v>0</v>
      </c>
      <c r="CC17" s="280">
        <v>0</v>
      </c>
      <c r="CD17" s="277">
        <v>0</v>
      </c>
      <c r="CE17" s="279">
        <v>0</v>
      </c>
      <c r="CF17" s="280">
        <v>1</v>
      </c>
      <c r="CG17" s="280">
        <v>2</v>
      </c>
      <c r="CH17" s="280">
        <v>1</v>
      </c>
      <c r="CI17" s="280">
        <v>4</v>
      </c>
      <c r="CJ17" s="280">
        <v>0</v>
      </c>
      <c r="CK17" s="277">
        <v>8</v>
      </c>
      <c r="CL17" s="282">
        <v>8</v>
      </c>
      <c r="CM17" s="276">
        <v>0</v>
      </c>
      <c r="CN17" s="280">
        <v>0</v>
      </c>
      <c r="CO17" s="277">
        <v>0</v>
      </c>
      <c r="CP17" s="279">
        <v>0</v>
      </c>
      <c r="CQ17" s="280">
        <v>0</v>
      </c>
      <c r="CR17" s="280">
        <v>0</v>
      </c>
      <c r="CS17" s="280">
        <v>0</v>
      </c>
      <c r="CT17" s="280">
        <v>0</v>
      </c>
      <c r="CU17" s="280">
        <v>0</v>
      </c>
      <c r="CV17" s="277">
        <v>0</v>
      </c>
      <c r="CW17" s="282">
        <v>0</v>
      </c>
      <c r="CX17" s="276">
        <v>0</v>
      </c>
      <c r="CY17" s="280">
        <v>0</v>
      </c>
      <c r="CZ17" s="277">
        <v>0</v>
      </c>
      <c r="DA17" s="279">
        <v>0</v>
      </c>
      <c r="DB17" s="280">
        <v>0</v>
      </c>
      <c r="DC17" s="280">
        <v>0</v>
      </c>
      <c r="DD17" s="280">
        <v>0</v>
      </c>
      <c r="DE17" s="280">
        <v>0</v>
      </c>
      <c r="DF17" s="280">
        <v>0</v>
      </c>
      <c r="DG17" s="277">
        <v>0</v>
      </c>
      <c r="DH17" s="282">
        <v>0</v>
      </c>
      <c r="DI17" s="276">
        <v>0</v>
      </c>
      <c r="DJ17" s="280">
        <v>0</v>
      </c>
      <c r="DK17" s="277">
        <v>0</v>
      </c>
      <c r="DL17" s="279">
        <v>0</v>
      </c>
      <c r="DM17" s="280">
        <v>0</v>
      </c>
      <c r="DN17" s="280">
        <v>0</v>
      </c>
      <c r="DO17" s="280">
        <v>0</v>
      </c>
      <c r="DP17" s="280">
        <v>0</v>
      </c>
      <c r="DQ17" s="280">
        <v>0</v>
      </c>
      <c r="DR17" s="277">
        <v>0</v>
      </c>
      <c r="DS17" s="282">
        <v>0</v>
      </c>
      <c r="DT17" s="276">
        <v>2</v>
      </c>
      <c r="DU17" s="280">
        <v>6</v>
      </c>
      <c r="DV17" s="277">
        <v>8</v>
      </c>
      <c r="DW17" s="279">
        <v>0</v>
      </c>
      <c r="DX17" s="280">
        <v>5</v>
      </c>
      <c r="DY17" s="280">
        <v>16</v>
      </c>
      <c r="DZ17" s="280">
        <v>14</v>
      </c>
      <c r="EA17" s="280">
        <v>6</v>
      </c>
      <c r="EB17" s="280">
        <v>2</v>
      </c>
      <c r="EC17" s="277">
        <v>43</v>
      </c>
      <c r="ED17" s="282">
        <v>51</v>
      </c>
      <c r="EE17" s="276">
        <v>3</v>
      </c>
      <c r="EF17" s="280">
        <v>2</v>
      </c>
      <c r="EG17" s="277">
        <v>5</v>
      </c>
      <c r="EH17" s="279">
        <v>0</v>
      </c>
      <c r="EI17" s="280">
        <v>7</v>
      </c>
      <c r="EJ17" s="280">
        <v>4</v>
      </c>
      <c r="EK17" s="280">
        <v>6</v>
      </c>
      <c r="EL17" s="280">
        <v>1</v>
      </c>
      <c r="EM17" s="280">
        <v>1</v>
      </c>
      <c r="EN17" s="277">
        <v>19</v>
      </c>
      <c r="EO17" s="282">
        <v>24</v>
      </c>
      <c r="EP17" s="276">
        <v>2</v>
      </c>
      <c r="EQ17" s="280">
        <v>7</v>
      </c>
      <c r="ER17" s="277">
        <v>9</v>
      </c>
      <c r="ES17" s="279">
        <v>0</v>
      </c>
      <c r="ET17" s="280">
        <v>17</v>
      </c>
      <c r="EU17" s="280">
        <v>21</v>
      </c>
      <c r="EV17" s="280">
        <v>16</v>
      </c>
      <c r="EW17" s="280">
        <v>9</v>
      </c>
      <c r="EX17" s="280">
        <v>1</v>
      </c>
      <c r="EY17" s="277">
        <v>64</v>
      </c>
      <c r="EZ17" s="282">
        <v>73</v>
      </c>
    </row>
    <row r="18" spans="2:156" ht="21" customHeight="1" x14ac:dyDescent="0.2">
      <c r="B18" s="261" t="s">
        <v>16</v>
      </c>
      <c r="C18" s="276">
        <v>0</v>
      </c>
      <c r="D18" s="280">
        <v>0</v>
      </c>
      <c r="E18" s="384">
        <v>0</v>
      </c>
      <c r="F18" s="279">
        <v>0</v>
      </c>
      <c r="G18" s="280">
        <v>12</v>
      </c>
      <c r="H18" s="280">
        <v>8</v>
      </c>
      <c r="I18" s="280">
        <v>6</v>
      </c>
      <c r="J18" s="280">
        <v>3</v>
      </c>
      <c r="K18" s="280">
        <v>2</v>
      </c>
      <c r="L18" s="281">
        <v>31</v>
      </c>
      <c r="M18" s="282">
        <v>31</v>
      </c>
      <c r="N18" s="276">
        <v>0</v>
      </c>
      <c r="O18" s="280">
        <v>0</v>
      </c>
      <c r="P18" s="277">
        <v>0</v>
      </c>
      <c r="Q18" s="279">
        <v>0</v>
      </c>
      <c r="R18" s="280">
        <v>0</v>
      </c>
      <c r="S18" s="280">
        <v>4</v>
      </c>
      <c r="T18" s="280">
        <v>0</v>
      </c>
      <c r="U18" s="280">
        <v>2</v>
      </c>
      <c r="V18" s="280">
        <v>2</v>
      </c>
      <c r="W18" s="277">
        <v>8</v>
      </c>
      <c r="X18" s="282">
        <v>8</v>
      </c>
      <c r="Y18" s="276">
        <v>3</v>
      </c>
      <c r="Z18" s="280">
        <v>7</v>
      </c>
      <c r="AA18" s="277">
        <v>10</v>
      </c>
      <c r="AB18" s="279">
        <v>0</v>
      </c>
      <c r="AC18" s="280">
        <v>19</v>
      </c>
      <c r="AD18" s="280">
        <v>17</v>
      </c>
      <c r="AE18" s="280">
        <v>11</v>
      </c>
      <c r="AF18" s="280">
        <v>12</v>
      </c>
      <c r="AG18" s="280">
        <v>5</v>
      </c>
      <c r="AH18" s="277">
        <v>64</v>
      </c>
      <c r="AI18" s="282">
        <v>74</v>
      </c>
      <c r="AJ18" s="276">
        <v>0</v>
      </c>
      <c r="AK18" s="280">
        <v>0</v>
      </c>
      <c r="AL18" s="277">
        <v>0</v>
      </c>
      <c r="AM18" s="279">
        <v>0</v>
      </c>
      <c r="AN18" s="280">
        <v>0</v>
      </c>
      <c r="AO18" s="280">
        <v>3</v>
      </c>
      <c r="AP18" s="280">
        <v>1</v>
      </c>
      <c r="AQ18" s="280">
        <v>0</v>
      </c>
      <c r="AR18" s="280">
        <v>0</v>
      </c>
      <c r="AS18" s="277">
        <v>4</v>
      </c>
      <c r="AT18" s="282">
        <v>4</v>
      </c>
      <c r="AU18" s="276">
        <v>3</v>
      </c>
      <c r="AV18" s="280">
        <v>4</v>
      </c>
      <c r="AW18" s="277">
        <v>7</v>
      </c>
      <c r="AX18" s="279">
        <v>0</v>
      </c>
      <c r="AY18" s="280">
        <v>20</v>
      </c>
      <c r="AZ18" s="280">
        <v>20</v>
      </c>
      <c r="BA18" s="280">
        <v>23</v>
      </c>
      <c r="BB18" s="280">
        <v>21</v>
      </c>
      <c r="BC18" s="280">
        <v>9</v>
      </c>
      <c r="BD18" s="281">
        <v>93</v>
      </c>
      <c r="BE18" s="282">
        <v>100</v>
      </c>
      <c r="BF18" s="276">
        <v>0</v>
      </c>
      <c r="BG18" s="280">
        <v>0</v>
      </c>
      <c r="BH18" s="277">
        <v>0</v>
      </c>
      <c r="BI18" s="279">
        <v>0</v>
      </c>
      <c r="BJ18" s="280">
        <v>20</v>
      </c>
      <c r="BK18" s="280">
        <v>21</v>
      </c>
      <c r="BL18" s="280">
        <v>6</v>
      </c>
      <c r="BM18" s="280">
        <v>9</v>
      </c>
      <c r="BN18" s="280">
        <v>0</v>
      </c>
      <c r="BO18" s="277">
        <v>56</v>
      </c>
      <c r="BP18" s="282">
        <v>56</v>
      </c>
      <c r="BQ18" s="276">
        <v>1</v>
      </c>
      <c r="BR18" s="280">
        <v>4</v>
      </c>
      <c r="BS18" s="277">
        <v>5</v>
      </c>
      <c r="BT18" s="279">
        <v>0</v>
      </c>
      <c r="BU18" s="280">
        <v>15</v>
      </c>
      <c r="BV18" s="280">
        <v>27</v>
      </c>
      <c r="BW18" s="280">
        <v>2</v>
      </c>
      <c r="BX18" s="280">
        <v>4</v>
      </c>
      <c r="BY18" s="280">
        <v>0</v>
      </c>
      <c r="BZ18" s="277">
        <v>48</v>
      </c>
      <c r="CA18" s="282">
        <v>53</v>
      </c>
      <c r="CB18" s="276">
        <v>0</v>
      </c>
      <c r="CC18" s="280">
        <v>0</v>
      </c>
      <c r="CD18" s="277">
        <v>0</v>
      </c>
      <c r="CE18" s="279">
        <v>0</v>
      </c>
      <c r="CF18" s="280">
        <v>1</v>
      </c>
      <c r="CG18" s="280">
        <v>6</v>
      </c>
      <c r="CH18" s="280">
        <v>4</v>
      </c>
      <c r="CI18" s="280">
        <v>1</v>
      </c>
      <c r="CJ18" s="280">
        <v>1</v>
      </c>
      <c r="CK18" s="277">
        <v>13</v>
      </c>
      <c r="CL18" s="282">
        <v>13</v>
      </c>
      <c r="CM18" s="276">
        <v>0</v>
      </c>
      <c r="CN18" s="280">
        <v>0</v>
      </c>
      <c r="CO18" s="277">
        <v>0</v>
      </c>
      <c r="CP18" s="279">
        <v>0</v>
      </c>
      <c r="CQ18" s="280">
        <v>0</v>
      </c>
      <c r="CR18" s="280">
        <v>2</v>
      </c>
      <c r="CS18" s="280">
        <v>0</v>
      </c>
      <c r="CT18" s="280">
        <v>1</v>
      </c>
      <c r="CU18" s="280">
        <v>0</v>
      </c>
      <c r="CV18" s="277">
        <v>3</v>
      </c>
      <c r="CW18" s="282">
        <v>3</v>
      </c>
      <c r="CX18" s="276">
        <v>0</v>
      </c>
      <c r="CY18" s="280">
        <v>0</v>
      </c>
      <c r="CZ18" s="277">
        <v>0</v>
      </c>
      <c r="DA18" s="279">
        <v>0</v>
      </c>
      <c r="DB18" s="280">
        <v>0</v>
      </c>
      <c r="DC18" s="280">
        <v>0</v>
      </c>
      <c r="DD18" s="280">
        <v>0</v>
      </c>
      <c r="DE18" s="280">
        <v>0</v>
      </c>
      <c r="DF18" s="280">
        <v>0</v>
      </c>
      <c r="DG18" s="277">
        <v>0</v>
      </c>
      <c r="DH18" s="282">
        <v>0</v>
      </c>
      <c r="DI18" s="276">
        <v>0</v>
      </c>
      <c r="DJ18" s="280">
        <v>0</v>
      </c>
      <c r="DK18" s="277">
        <v>0</v>
      </c>
      <c r="DL18" s="279">
        <v>0</v>
      </c>
      <c r="DM18" s="280">
        <v>0</v>
      </c>
      <c r="DN18" s="280">
        <v>0</v>
      </c>
      <c r="DO18" s="280">
        <v>0</v>
      </c>
      <c r="DP18" s="280">
        <v>0</v>
      </c>
      <c r="DQ18" s="280">
        <v>0</v>
      </c>
      <c r="DR18" s="277">
        <v>0</v>
      </c>
      <c r="DS18" s="282">
        <v>0</v>
      </c>
      <c r="DT18" s="276">
        <v>10</v>
      </c>
      <c r="DU18" s="280">
        <v>14</v>
      </c>
      <c r="DV18" s="277">
        <v>24</v>
      </c>
      <c r="DW18" s="279">
        <v>0</v>
      </c>
      <c r="DX18" s="280">
        <v>31</v>
      </c>
      <c r="DY18" s="280">
        <v>53</v>
      </c>
      <c r="DZ18" s="280">
        <v>22</v>
      </c>
      <c r="EA18" s="280">
        <v>19</v>
      </c>
      <c r="EB18" s="280">
        <v>3</v>
      </c>
      <c r="EC18" s="277">
        <v>128</v>
      </c>
      <c r="ED18" s="282">
        <v>152</v>
      </c>
      <c r="EE18" s="276">
        <v>2</v>
      </c>
      <c r="EF18" s="280">
        <v>2</v>
      </c>
      <c r="EG18" s="277">
        <v>4</v>
      </c>
      <c r="EH18" s="279">
        <v>0</v>
      </c>
      <c r="EI18" s="280">
        <v>10</v>
      </c>
      <c r="EJ18" s="280">
        <v>10</v>
      </c>
      <c r="EK18" s="280">
        <v>10</v>
      </c>
      <c r="EL18" s="280">
        <v>14</v>
      </c>
      <c r="EM18" s="280">
        <v>3</v>
      </c>
      <c r="EN18" s="277">
        <v>47</v>
      </c>
      <c r="EO18" s="282">
        <v>51</v>
      </c>
      <c r="EP18" s="276">
        <v>13</v>
      </c>
      <c r="EQ18" s="280">
        <v>21</v>
      </c>
      <c r="ER18" s="277">
        <v>34</v>
      </c>
      <c r="ES18" s="279">
        <v>0</v>
      </c>
      <c r="ET18" s="280">
        <v>60</v>
      </c>
      <c r="EU18" s="280">
        <v>74</v>
      </c>
      <c r="EV18" s="280">
        <v>24</v>
      </c>
      <c r="EW18" s="280">
        <v>21</v>
      </c>
      <c r="EX18" s="280">
        <v>3</v>
      </c>
      <c r="EY18" s="277">
        <v>182</v>
      </c>
      <c r="EZ18" s="282">
        <v>216</v>
      </c>
    </row>
    <row r="19" spans="2:156" ht="21" customHeight="1" x14ac:dyDescent="0.2">
      <c r="B19" s="261" t="s">
        <v>17</v>
      </c>
      <c r="C19" s="276">
        <v>0</v>
      </c>
      <c r="D19" s="280">
        <v>0</v>
      </c>
      <c r="E19" s="384">
        <v>0</v>
      </c>
      <c r="F19" s="279">
        <v>0</v>
      </c>
      <c r="G19" s="280">
        <v>9</v>
      </c>
      <c r="H19" s="280">
        <v>21</v>
      </c>
      <c r="I19" s="280">
        <v>9</v>
      </c>
      <c r="J19" s="280">
        <v>4</v>
      </c>
      <c r="K19" s="280">
        <v>10</v>
      </c>
      <c r="L19" s="281">
        <v>53</v>
      </c>
      <c r="M19" s="282">
        <v>53</v>
      </c>
      <c r="N19" s="276">
        <v>0</v>
      </c>
      <c r="O19" s="280">
        <v>0</v>
      </c>
      <c r="P19" s="277">
        <v>0</v>
      </c>
      <c r="Q19" s="279">
        <v>0</v>
      </c>
      <c r="R19" s="280">
        <v>0</v>
      </c>
      <c r="S19" s="280">
        <v>1</v>
      </c>
      <c r="T19" s="280">
        <v>0</v>
      </c>
      <c r="U19" s="280">
        <v>0</v>
      </c>
      <c r="V19" s="280">
        <v>5</v>
      </c>
      <c r="W19" s="277">
        <v>6</v>
      </c>
      <c r="X19" s="282">
        <v>6</v>
      </c>
      <c r="Y19" s="276">
        <v>2</v>
      </c>
      <c r="Z19" s="280">
        <v>6</v>
      </c>
      <c r="AA19" s="277">
        <v>8</v>
      </c>
      <c r="AB19" s="279">
        <v>0</v>
      </c>
      <c r="AC19" s="280">
        <v>12</v>
      </c>
      <c r="AD19" s="280">
        <v>15</v>
      </c>
      <c r="AE19" s="280">
        <v>7</v>
      </c>
      <c r="AF19" s="280">
        <v>6</v>
      </c>
      <c r="AG19" s="280">
        <v>9</v>
      </c>
      <c r="AH19" s="277">
        <v>49</v>
      </c>
      <c r="AI19" s="282">
        <v>57</v>
      </c>
      <c r="AJ19" s="276">
        <v>0</v>
      </c>
      <c r="AK19" s="280">
        <v>3</v>
      </c>
      <c r="AL19" s="277">
        <v>3</v>
      </c>
      <c r="AM19" s="279">
        <v>0</v>
      </c>
      <c r="AN19" s="280">
        <v>0</v>
      </c>
      <c r="AO19" s="280">
        <v>4</v>
      </c>
      <c r="AP19" s="280">
        <v>0</v>
      </c>
      <c r="AQ19" s="280">
        <v>1</v>
      </c>
      <c r="AR19" s="280">
        <v>0</v>
      </c>
      <c r="AS19" s="277">
        <v>5</v>
      </c>
      <c r="AT19" s="282">
        <v>8</v>
      </c>
      <c r="AU19" s="276">
        <v>3</v>
      </c>
      <c r="AV19" s="280">
        <v>6</v>
      </c>
      <c r="AW19" s="277">
        <v>9</v>
      </c>
      <c r="AX19" s="279">
        <v>0</v>
      </c>
      <c r="AY19" s="280">
        <v>10</v>
      </c>
      <c r="AZ19" s="280">
        <v>22</v>
      </c>
      <c r="BA19" s="280">
        <v>17</v>
      </c>
      <c r="BB19" s="280">
        <v>18</v>
      </c>
      <c r="BC19" s="280">
        <v>19</v>
      </c>
      <c r="BD19" s="281">
        <v>86</v>
      </c>
      <c r="BE19" s="282">
        <v>95</v>
      </c>
      <c r="BF19" s="276">
        <v>0</v>
      </c>
      <c r="BG19" s="280">
        <v>0</v>
      </c>
      <c r="BH19" s="277">
        <v>0</v>
      </c>
      <c r="BI19" s="279">
        <v>0</v>
      </c>
      <c r="BJ19" s="280">
        <v>23</v>
      </c>
      <c r="BK19" s="280">
        <v>21</v>
      </c>
      <c r="BL19" s="280">
        <v>9</v>
      </c>
      <c r="BM19" s="280">
        <v>8</v>
      </c>
      <c r="BN19" s="280">
        <v>5</v>
      </c>
      <c r="BO19" s="277">
        <v>66</v>
      </c>
      <c r="BP19" s="282">
        <v>66</v>
      </c>
      <c r="BQ19" s="276">
        <v>3</v>
      </c>
      <c r="BR19" s="280">
        <v>6</v>
      </c>
      <c r="BS19" s="277">
        <v>9</v>
      </c>
      <c r="BT19" s="279">
        <v>0</v>
      </c>
      <c r="BU19" s="280">
        <v>3</v>
      </c>
      <c r="BV19" s="280">
        <v>15</v>
      </c>
      <c r="BW19" s="280">
        <v>2</v>
      </c>
      <c r="BX19" s="280">
        <v>2</v>
      </c>
      <c r="BY19" s="280">
        <v>2</v>
      </c>
      <c r="BZ19" s="277">
        <v>24</v>
      </c>
      <c r="CA19" s="282">
        <v>33</v>
      </c>
      <c r="CB19" s="276">
        <v>0</v>
      </c>
      <c r="CC19" s="280">
        <v>0</v>
      </c>
      <c r="CD19" s="277">
        <v>0</v>
      </c>
      <c r="CE19" s="279">
        <v>0</v>
      </c>
      <c r="CF19" s="280">
        <v>5</v>
      </c>
      <c r="CG19" s="280">
        <v>4</v>
      </c>
      <c r="CH19" s="280">
        <v>3</v>
      </c>
      <c r="CI19" s="280">
        <v>8</v>
      </c>
      <c r="CJ19" s="280">
        <v>2</v>
      </c>
      <c r="CK19" s="277">
        <v>22</v>
      </c>
      <c r="CL19" s="282">
        <v>22</v>
      </c>
      <c r="CM19" s="276">
        <v>0</v>
      </c>
      <c r="CN19" s="280">
        <v>0</v>
      </c>
      <c r="CO19" s="277">
        <v>0</v>
      </c>
      <c r="CP19" s="279">
        <v>0</v>
      </c>
      <c r="CQ19" s="280">
        <v>1</v>
      </c>
      <c r="CR19" s="280">
        <v>2</v>
      </c>
      <c r="CS19" s="280">
        <v>1</v>
      </c>
      <c r="CT19" s="280">
        <v>0</v>
      </c>
      <c r="CU19" s="280">
        <v>0</v>
      </c>
      <c r="CV19" s="277">
        <v>4</v>
      </c>
      <c r="CW19" s="282">
        <v>4</v>
      </c>
      <c r="CX19" s="276">
        <v>0</v>
      </c>
      <c r="CY19" s="280">
        <v>0</v>
      </c>
      <c r="CZ19" s="277">
        <v>0</v>
      </c>
      <c r="DA19" s="279">
        <v>0</v>
      </c>
      <c r="DB19" s="280">
        <v>0</v>
      </c>
      <c r="DC19" s="280">
        <v>0</v>
      </c>
      <c r="DD19" s="280">
        <v>0</v>
      </c>
      <c r="DE19" s="280">
        <v>0</v>
      </c>
      <c r="DF19" s="280">
        <v>0</v>
      </c>
      <c r="DG19" s="277">
        <v>0</v>
      </c>
      <c r="DH19" s="282">
        <v>0</v>
      </c>
      <c r="DI19" s="276">
        <v>0</v>
      </c>
      <c r="DJ19" s="280">
        <v>0</v>
      </c>
      <c r="DK19" s="277">
        <v>0</v>
      </c>
      <c r="DL19" s="279">
        <v>0</v>
      </c>
      <c r="DM19" s="280">
        <v>0</v>
      </c>
      <c r="DN19" s="280">
        <v>0</v>
      </c>
      <c r="DO19" s="280">
        <v>0</v>
      </c>
      <c r="DP19" s="280">
        <v>0</v>
      </c>
      <c r="DQ19" s="280">
        <v>0</v>
      </c>
      <c r="DR19" s="277">
        <v>0</v>
      </c>
      <c r="DS19" s="282">
        <v>0</v>
      </c>
      <c r="DT19" s="276">
        <v>12</v>
      </c>
      <c r="DU19" s="280">
        <v>22</v>
      </c>
      <c r="DV19" s="277">
        <v>34</v>
      </c>
      <c r="DW19" s="279">
        <v>0</v>
      </c>
      <c r="DX19" s="280">
        <v>30</v>
      </c>
      <c r="DY19" s="280">
        <v>67</v>
      </c>
      <c r="DZ19" s="280">
        <v>33</v>
      </c>
      <c r="EA19" s="280">
        <v>18</v>
      </c>
      <c r="EB19" s="280">
        <v>21</v>
      </c>
      <c r="EC19" s="277">
        <v>169</v>
      </c>
      <c r="ED19" s="282">
        <v>203</v>
      </c>
      <c r="EE19" s="276">
        <v>5</v>
      </c>
      <c r="EF19" s="280">
        <v>2</v>
      </c>
      <c r="EG19" s="277">
        <v>7</v>
      </c>
      <c r="EH19" s="279">
        <v>0</v>
      </c>
      <c r="EI19" s="280">
        <v>9</v>
      </c>
      <c r="EJ19" s="280">
        <v>4</v>
      </c>
      <c r="EK19" s="280">
        <v>7</v>
      </c>
      <c r="EL19" s="280">
        <v>6</v>
      </c>
      <c r="EM19" s="280">
        <v>5</v>
      </c>
      <c r="EN19" s="277">
        <v>31</v>
      </c>
      <c r="EO19" s="282">
        <v>38</v>
      </c>
      <c r="EP19" s="276">
        <v>17</v>
      </c>
      <c r="EQ19" s="280">
        <v>30</v>
      </c>
      <c r="ER19" s="277">
        <v>47</v>
      </c>
      <c r="ES19" s="279">
        <v>0</v>
      </c>
      <c r="ET19" s="280">
        <v>68</v>
      </c>
      <c r="EU19" s="280">
        <v>79</v>
      </c>
      <c r="EV19" s="280">
        <v>34</v>
      </c>
      <c r="EW19" s="280">
        <v>22</v>
      </c>
      <c r="EX19" s="280">
        <v>18</v>
      </c>
      <c r="EY19" s="277">
        <v>221</v>
      </c>
      <c r="EZ19" s="282">
        <v>268</v>
      </c>
    </row>
    <row r="20" spans="2:156" ht="21" customHeight="1" x14ac:dyDescent="0.2">
      <c r="B20" s="261" t="s">
        <v>18</v>
      </c>
      <c r="C20" s="276">
        <v>0</v>
      </c>
      <c r="D20" s="280">
        <v>0</v>
      </c>
      <c r="E20" s="384">
        <v>0</v>
      </c>
      <c r="F20" s="279">
        <v>0</v>
      </c>
      <c r="G20" s="280">
        <v>18</v>
      </c>
      <c r="H20" s="280">
        <v>34</v>
      </c>
      <c r="I20" s="280">
        <v>16</v>
      </c>
      <c r="J20" s="280">
        <v>9</v>
      </c>
      <c r="K20" s="280">
        <v>4</v>
      </c>
      <c r="L20" s="281">
        <v>81</v>
      </c>
      <c r="M20" s="282">
        <v>81</v>
      </c>
      <c r="N20" s="276">
        <v>0</v>
      </c>
      <c r="O20" s="280">
        <v>0</v>
      </c>
      <c r="P20" s="277">
        <v>0</v>
      </c>
      <c r="Q20" s="279">
        <v>0</v>
      </c>
      <c r="R20" s="280">
        <v>0</v>
      </c>
      <c r="S20" s="280">
        <v>1</v>
      </c>
      <c r="T20" s="280">
        <v>4</v>
      </c>
      <c r="U20" s="280">
        <v>2</v>
      </c>
      <c r="V20" s="280">
        <v>3</v>
      </c>
      <c r="W20" s="277">
        <v>10</v>
      </c>
      <c r="X20" s="282">
        <v>10</v>
      </c>
      <c r="Y20" s="276">
        <v>3</v>
      </c>
      <c r="Z20" s="280">
        <v>4</v>
      </c>
      <c r="AA20" s="277">
        <v>7</v>
      </c>
      <c r="AB20" s="279">
        <v>0</v>
      </c>
      <c r="AC20" s="280">
        <v>24</v>
      </c>
      <c r="AD20" s="280">
        <v>25</v>
      </c>
      <c r="AE20" s="280">
        <v>20</v>
      </c>
      <c r="AF20" s="280">
        <v>11</v>
      </c>
      <c r="AG20" s="280">
        <v>2</v>
      </c>
      <c r="AH20" s="277">
        <v>82</v>
      </c>
      <c r="AI20" s="282">
        <v>89</v>
      </c>
      <c r="AJ20" s="276">
        <v>0</v>
      </c>
      <c r="AK20" s="280">
        <v>1</v>
      </c>
      <c r="AL20" s="277">
        <v>1</v>
      </c>
      <c r="AM20" s="279">
        <v>0</v>
      </c>
      <c r="AN20" s="280">
        <v>4</v>
      </c>
      <c r="AO20" s="280">
        <v>3</v>
      </c>
      <c r="AP20" s="280">
        <v>1</v>
      </c>
      <c r="AQ20" s="280">
        <v>0</v>
      </c>
      <c r="AR20" s="280">
        <v>0</v>
      </c>
      <c r="AS20" s="277">
        <v>8</v>
      </c>
      <c r="AT20" s="282">
        <v>9</v>
      </c>
      <c r="AU20" s="276">
        <v>2</v>
      </c>
      <c r="AV20" s="280">
        <v>4</v>
      </c>
      <c r="AW20" s="277">
        <v>6</v>
      </c>
      <c r="AX20" s="279">
        <v>0</v>
      </c>
      <c r="AY20" s="280">
        <v>26</v>
      </c>
      <c r="AZ20" s="280">
        <v>43</v>
      </c>
      <c r="BA20" s="280">
        <v>34</v>
      </c>
      <c r="BB20" s="280">
        <v>26</v>
      </c>
      <c r="BC20" s="280">
        <v>17</v>
      </c>
      <c r="BD20" s="281">
        <v>146</v>
      </c>
      <c r="BE20" s="282">
        <v>152</v>
      </c>
      <c r="BF20" s="276">
        <v>0</v>
      </c>
      <c r="BG20" s="280">
        <v>0</v>
      </c>
      <c r="BH20" s="277">
        <v>0</v>
      </c>
      <c r="BI20" s="279">
        <v>0</v>
      </c>
      <c r="BJ20" s="280">
        <v>39</v>
      </c>
      <c r="BK20" s="280">
        <v>30</v>
      </c>
      <c r="BL20" s="280">
        <v>25</v>
      </c>
      <c r="BM20" s="280">
        <v>7</v>
      </c>
      <c r="BN20" s="280">
        <v>3</v>
      </c>
      <c r="BO20" s="277">
        <v>104</v>
      </c>
      <c r="BP20" s="282">
        <v>104</v>
      </c>
      <c r="BQ20" s="276">
        <v>1</v>
      </c>
      <c r="BR20" s="280">
        <v>7</v>
      </c>
      <c r="BS20" s="277">
        <v>8</v>
      </c>
      <c r="BT20" s="279">
        <v>0</v>
      </c>
      <c r="BU20" s="280">
        <v>15</v>
      </c>
      <c r="BV20" s="280">
        <v>11</v>
      </c>
      <c r="BW20" s="280">
        <v>9</v>
      </c>
      <c r="BX20" s="280">
        <v>2</v>
      </c>
      <c r="BY20" s="280">
        <v>2</v>
      </c>
      <c r="BZ20" s="277">
        <v>39</v>
      </c>
      <c r="CA20" s="282">
        <v>47</v>
      </c>
      <c r="CB20" s="276">
        <v>0</v>
      </c>
      <c r="CC20" s="280">
        <v>1</v>
      </c>
      <c r="CD20" s="277">
        <v>1</v>
      </c>
      <c r="CE20" s="279">
        <v>0</v>
      </c>
      <c r="CF20" s="280">
        <v>1</v>
      </c>
      <c r="CG20" s="280">
        <v>6</v>
      </c>
      <c r="CH20" s="280">
        <v>11</v>
      </c>
      <c r="CI20" s="280">
        <v>4</v>
      </c>
      <c r="CJ20" s="280">
        <v>3</v>
      </c>
      <c r="CK20" s="277">
        <v>25</v>
      </c>
      <c r="CL20" s="282">
        <v>26</v>
      </c>
      <c r="CM20" s="276">
        <v>0</v>
      </c>
      <c r="CN20" s="280">
        <v>0</v>
      </c>
      <c r="CO20" s="277">
        <v>0</v>
      </c>
      <c r="CP20" s="279">
        <v>0</v>
      </c>
      <c r="CQ20" s="280">
        <v>0</v>
      </c>
      <c r="CR20" s="280">
        <v>0</v>
      </c>
      <c r="CS20" s="280">
        <v>1</v>
      </c>
      <c r="CT20" s="280">
        <v>0</v>
      </c>
      <c r="CU20" s="280">
        <v>0</v>
      </c>
      <c r="CV20" s="277">
        <v>1</v>
      </c>
      <c r="CW20" s="282">
        <v>1</v>
      </c>
      <c r="CX20" s="276">
        <v>0</v>
      </c>
      <c r="CY20" s="280">
        <v>0</v>
      </c>
      <c r="CZ20" s="277">
        <v>0</v>
      </c>
      <c r="DA20" s="279">
        <v>0</v>
      </c>
      <c r="DB20" s="280">
        <v>0</v>
      </c>
      <c r="DC20" s="280">
        <v>0</v>
      </c>
      <c r="DD20" s="280">
        <v>0</v>
      </c>
      <c r="DE20" s="280">
        <v>0</v>
      </c>
      <c r="DF20" s="280">
        <v>0</v>
      </c>
      <c r="DG20" s="277">
        <v>0</v>
      </c>
      <c r="DH20" s="282">
        <v>0</v>
      </c>
      <c r="DI20" s="276">
        <v>0</v>
      </c>
      <c r="DJ20" s="280">
        <v>0</v>
      </c>
      <c r="DK20" s="277">
        <v>0</v>
      </c>
      <c r="DL20" s="279">
        <v>0</v>
      </c>
      <c r="DM20" s="280">
        <v>0</v>
      </c>
      <c r="DN20" s="280">
        <v>0</v>
      </c>
      <c r="DO20" s="280">
        <v>0</v>
      </c>
      <c r="DP20" s="280">
        <v>0</v>
      </c>
      <c r="DQ20" s="280">
        <v>0</v>
      </c>
      <c r="DR20" s="277">
        <v>0</v>
      </c>
      <c r="DS20" s="282">
        <v>0</v>
      </c>
      <c r="DT20" s="276">
        <v>11</v>
      </c>
      <c r="DU20" s="280">
        <v>26</v>
      </c>
      <c r="DV20" s="277">
        <v>37</v>
      </c>
      <c r="DW20" s="279">
        <v>0</v>
      </c>
      <c r="DX20" s="280">
        <v>48</v>
      </c>
      <c r="DY20" s="280">
        <v>59</v>
      </c>
      <c r="DZ20" s="280">
        <v>50</v>
      </c>
      <c r="EA20" s="280">
        <v>25</v>
      </c>
      <c r="EB20" s="280">
        <v>13</v>
      </c>
      <c r="EC20" s="277">
        <v>195</v>
      </c>
      <c r="ED20" s="282">
        <v>232</v>
      </c>
      <c r="EE20" s="276">
        <v>2</v>
      </c>
      <c r="EF20" s="280">
        <v>1</v>
      </c>
      <c r="EG20" s="277">
        <v>3</v>
      </c>
      <c r="EH20" s="279">
        <v>0</v>
      </c>
      <c r="EI20" s="280">
        <v>9</v>
      </c>
      <c r="EJ20" s="280">
        <v>13</v>
      </c>
      <c r="EK20" s="280">
        <v>8</v>
      </c>
      <c r="EL20" s="280">
        <v>9</v>
      </c>
      <c r="EM20" s="280">
        <v>6</v>
      </c>
      <c r="EN20" s="277">
        <v>45</v>
      </c>
      <c r="EO20" s="282">
        <v>48</v>
      </c>
      <c r="EP20" s="276">
        <v>15</v>
      </c>
      <c r="EQ20" s="280">
        <v>35</v>
      </c>
      <c r="ER20" s="277">
        <v>50</v>
      </c>
      <c r="ES20" s="279">
        <v>0</v>
      </c>
      <c r="ET20" s="280">
        <v>106</v>
      </c>
      <c r="EU20" s="280">
        <v>83</v>
      </c>
      <c r="EV20" s="280">
        <v>63</v>
      </c>
      <c r="EW20" s="280">
        <v>26</v>
      </c>
      <c r="EX20" s="280">
        <v>12</v>
      </c>
      <c r="EY20" s="277">
        <v>290</v>
      </c>
      <c r="EZ20" s="282">
        <v>340</v>
      </c>
    </row>
    <row r="21" spans="2:156" ht="21" customHeight="1" x14ac:dyDescent="0.2">
      <c r="B21" s="261" t="s">
        <v>19</v>
      </c>
      <c r="C21" s="276">
        <v>0</v>
      </c>
      <c r="D21" s="280">
        <v>0</v>
      </c>
      <c r="E21" s="384">
        <v>0</v>
      </c>
      <c r="F21" s="279">
        <v>0</v>
      </c>
      <c r="G21" s="280">
        <v>12</v>
      </c>
      <c r="H21" s="280">
        <v>10</v>
      </c>
      <c r="I21" s="280">
        <v>5</v>
      </c>
      <c r="J21" s="280">
        <v>4</v>
      </c>
      <c r="K21" s="280">
        <v>1</v>
      </c>
      <c r="L21" s="281">
        <v>32</v>
      </c>
      <c r="M21" s="282">
        <v>32</v>
      </c>
      <c r="N21" s="276">
        <v>0</v>
      </c>
      <c r="O21" s="280">
        <v>0</v>
      </c>
      <c r="P21" s="277">
        <v>0</v>
      </c>
      <c r="Q21" s="279">
        <v>0</v>
      </c>
      <c r="R21" s="280">
        <v>0</v>
      </c>
      <c r="S21" s="280">
        <v>1</v>
      </c>
      <c r="T21" s="280">
        <v>2</v>
      </c>
      <c r="U21" s="280">
        <v>1</v>
      </c>
      <c r="V21" s="280">
        <v>1</v>
      </c>
      <c r="W21" s="277">
        <v>5</v>
      </c>
      <c r="X21" s="282">
        <v>5</v>
      </c>
      <c r="Y21" s="276">
        <v>3</v>
      </c>
      <c r="Z21" s="280">
        <v>2</v>
      </c>
      <c r="AA21" s="277">
        <v>5</v>
      </c>
      <c r="AB21" s="279">
        <v>0</v>
      </c>
      <c r="AC21" s="280">
        <v>12</v>
      </c>
      <c r="AD21" s="280">
        <v>13</v>
      </c>
      <c r="AE21" s="280">
        <v>9</v>
      </c>
      <c r="AF21" s="280">
        <v>6</v>
      </c>
      <c r="AG21" s="280">
        <v>3</v>
      </c>
      <c r="AH21" s="277">
        <v>43</v>
      </c>
      <c r="AI21" s="282">
        <v>48</v>
      </c>
      <c r="AJ21" s="276">
        <v>0</v>
      </c>
      <c r="AK21" s="280">
        <v>0</v>
      </c>
      <c r="AL21" s="277">
        <v>0</v>
      </c>
      <c r="AM21" s="279">
        <v>0</v>
      </c>
      <c r="AN21" s="280">
        <v>1</v>
      </c>
      <c r="AO21" s="280">
        <v>3</v>
      </c>
      <c r="AP21" s="280">
        <v>1</v>
      </c>
      <c r="AQ21" s="280">
        <v>1</v>
      </c>
      <c r="AR21" s="280">
        <v>0</v>
      </c>
      <c r="AS21" s="277">
        <v>6</v>
      </c>
      <c r="AT21" s="282">
        <v>6</v>
      </c>
      <c r="AU21" s="276">
        <v>5</v>
      </c>
      <c r="AV21" s="280">
        <v>2</v>
      </c>
      <c r="AW21" s="277">
        <v>7</v>
      </c>
      <c r="AX21" s="279">
        <v>0</v>
      </c>
      <c r="AY21" s="280">
        <v>18</v>
      </c>
      <c r="AZ21" s="280">
        <v>16</v>
      </c>
      <c r="BA21" s="280">
        <v>12</v>
      </c>
      <c r="BB21" s="280">
        <v>12</v>
      </c>
      <c r="BC21" s="280">
        <v>5</v>
      </c>
      <c r="BD21" s="281">
        <v>63</v>
      </c>
      <c r="BE21" s="282">
        <v>70</v>
      </c>
      <c r="BF21" s="276">
        <v>0</v>
      </c>
      <c r="BG21" s="280">
        <v>0</v>
      </c>
      <c r="BH21" s="277">
        <v>0</v>
      </c>
      <c r="BI21" s="279">
        <v>0</v>
      </c>
      <c r="BJ21" s="280">
        <v>21</v>
      </c>
      <c r="BK21" s="280">
        <v>16</v>
      </c>
      <c r="BL21" s="280">
        <v>8</v>
      </c>
      <c r="BM21" s="280">
        <v>1</v>
      </c>
      <c r="BN21" s="280">
        <v>2</v>
      </c>
      <c r="BO21" s="277">
        <v>48</v>
      </c>
      <c r="BP21" s="282">
        <v>48</v>
      </c>
      <c r="BQ21" s="276">
        <v>2</v>
      </c>
      <c r="BR21" s="280">
        <v>3</v>
      </c>
      <c r="BS21" s="277">
        <v>5</v>
      </c>
      <c r="BT21" s="279">
        <v>0</v>
      </c>
      <c r="BU21" s="280">
        <v>10</v>
      </c>
      <c r="BV21" s="280">
        <v>6</v>
      </c>
      <c r="BW21" s="280">
        <v>4</v>
      </c>
      <c r="BX21" s="280">
        <v>2</v>
      </c>
      <c r="BY21" s="280">
        <v>0</v>
      </c>
      <c r="BZ21" s="277">
        <v>22</v>
      </c>
      <c r="CA21" s="282">
        <v>27</v>
      </c>
      <c r="CB21" s="276">
        <v>0</v>
      </c>
      <c r="CC21" s="280">
        <v>0</v>
      </c>
      <c r="CD21" s="277">
        <v>0</v>
      </c>
      <c r="CE21" s="279">
        <v>0</v>
      </c>
      <c r="CF21" s="280">
        <v>0</v>
      </c>
      <c r="CG21" s="280">
        <v>0</v>
      </c>
      <c r="CH21" s="280">
        <v>2</v>
      </c>
      <c r="CI21" s="280">
        <v>0</v>
      </c>
      <c r="CJ21" s="280">
        <v>1</v>
      </c>
      <c r="CK21" s="277">
        <v>3</v>
      </c>
      <c r="CL21" s="282">
        <v>3</v>
      </c>
      <c r="CM21" s="276">
        <v>0</v>
      </c>
      <c r="CN21" s="280">
        <v>0</v>
      </c>
      <c r="CO21" s="277">
        <v>0</v>
      </c>
      <c r="CP21" s="279">
        <v>0</v>
      </c>
      <c r="CQ21" s="280">
        <v>0</v>
      </c>
      <c r="CR21" s="280">
        <v>0</v>
      </c>
      <c r="CS21" s="280">
        <v>1</v>
      </c>
      <c r="CT21" s="280">
        <v>0</v>
      </c>
      <c r="CU21" s="280">
        <v>0</v>
      </c>
      <c r="CV21" s="277">
        <v>1</v>
      </c>
      <c r="CW21" s="282">
        <v>1</v>
      </c>
      <c r="CX21" s="276">
        <v>0</v>
      </c>
      <c r="CY21" s="280">
        <v>0</v>
      </c>
      <c r="CZ21" s="277">
        <v>0</v>
      </c>
      <c r="DA21" s="279">
        <v>0</v>
      </c>
      <c r="DB21" s="280">
        <v>0</v>
      </c>
      <c r="DC21" s="280">
        <v>0</v>
      </c>
      <c r="DD21" s="280">
        <v>0</v>
      </c>
      <c r="DE21" s="280">
        <v>0</v>
      </c>
      <c r="DF21" s="280">
        <v>0</v>
      </c>
      <c r="DG21" s="277">
        <v>0</v>
      </c>
      <c r="DH21" s="282">
        <v>0</v>
      </c>
      <c r="DI21" s="276">
        <v>0</v>
      </c>
      <c r="DJ21" s="280">
        <v>0</v>
      </c>
      <c r="DK21" s="277">
        <v>0</v>
      </c>
      <c r="DL21" s="279">
        <v>0</v>
      </c>
      <c r="DM21" s="280">
        <v>0</v>
      </c>
      <c r="DN21" s="280">
        <v>0</v>
      </c>
      <c r="DO21" s="280">
        <v>0</v>
      </c>
      <c r="DP21" s="280">
        <v>0</v>
      </c>
      <c r="DQ21" s="280">
        <v>0</v>
      </c>
      <c r="DR21" s="277">
        <v>0</v>
      </c>
      <c r="DS21" s="282">
        <v>0</v>
      </c>
      <c r="DT21" s="276">
        <v>4</v>
      </c>
      <c r="DU21" s="280">
        <v>11</v>
      </c>
      <c r="DV21" s="277">
        <v>15</v>
      </c>
      <c r="DW21" s="279">
        <v>0</v>
      </c>
      <c r="DX21" s="280">
        <v>31</v>
      </c>
      <c r="DY21" s="280">
        <v>27</v>
      </c>
      <c r="DZ21" s="280">
        <v>15</v>
      </c>
      <c r="EA21" s="280">
        <v>12</v>
      </c>
      <c r="EB21" s="280">
        <v>8</v>
      </c>
      <c r="EC21" s="277">
        <v>93</v>
      </c>
      <c r="ED21" s="282">
        <v>108</v>
      </c>
      <c r="EE21" s="276">
        <v>1</v>
      </c>
      <c r="EF21" s="280">
        <v>2</v>
      </c>
      <c r="EG21" s="277">
        <v>3</v>
      </c>
      <c r="EH21" s="279">
        <v>0</v>
      </c>
      <c r="EI21" s="280">
        <v>8</v>
      </c>
      <c r="EJ21" s="280">
        <v>6</v>
      </c>
      <c r="EK21" s="280">
        <v>4</v>
      </c>
      <c r="EL21" s="280">
        <v>5</v>
      </c>
      <c r="EM21" s="280">
        <v>0</v>
      </c>
      <c r="EN21" s="277">
        <v>23</v>
      </c>
      <c r="EO21" s="282">
        <v>26</v>
      </c>
      <c r="EP21" s="276">
        <v>9</v>
      </c>
      <c r="EQ21" s="280">
        <v>13</v>
      </c>
      <c r="ER21" s="277">
        <v>22</v>
      </c>
      <c r="ES21" s="279">
        <v>0</v>
      </c>
      <c r="ET21" s="280">
        <v>49</v>
      </c>
      <c r="EU21" s="280">
        <v>38</v>
      </c>
      <c r="EV21" s="280">
        <v>18</v>
      </c>
      <c r="EW21" s="280">
        <v>11</v>
      </c>
      <c r="EX21" s="280">
        <v>8</v>
      </c>
      <c r="EY21" s="277">
        <v>124</v>
      </c>
      <c r="EZ21" s="282">
        <v>146</v>
      </c>
    </row>
    <row r="22" spans="2:156" ht="21" customHeight="1" x14ac:dyDescent="0.2">
      <c r="B22" s="261" t="s">
        <v>20</v>
      </c>
      <c r="C22" s="276">
        <v>0</v>
      </c>
      <c r="D22" s="280">
        <v>0</v>
      </c>
      <c r="E22" s="384">
        <v>0</v>
      </c>
      <c r="F22" s="279">
        <v>0</v>
      </c>
      <c r="G22" s="280">
        <v>28</v>
      </c>
      <c r="H22" s="280">
        <v>18</v>
      </c>
      <c r="I22" s="280">
        <v>12</v>
      </c>
      <c r="J22" s="280">
        <v>8</v>
      </c>
      <c r="K22" s="280">
        <v>6</v>
      </c>
      <c r="L22" s="281">
        <v>72</v>
      </c>
      <c r="M22" s="282">
        <v>72</v>
      </c>
      <c r="N22" s="276">
        <v>0</v>
      </c>
      <c r="O22" s="280">
        <v>0</v>
      </c>
      <c r="P22" s="277">
        <v>0</v>
      </c>
      <c r="Q22" s="279">
        <v>0</v>
      </c>
      <c r="R22" s="280">
        <v>1</v>
      </c>
      <c r="S22" s="280">
        <v>0</v>
      </c>
      <c r="T22" s="280">
        <v>0</v>
      </c>
      <c r="U22" s="280">
        <v>2</v>
      </c>
      <c r="V22" s="280">
        <v>2</v>
      </c>
      <c r="W22" s="277">
        <v>5</v>
      </c>
      <c r="X22" s="282">
        <v>5</v>
      </c>
      <c r="Y22" s="276">
        <v>3</v>
      </c>
      <c r="Z22" s="280">
        <v>2</v>
      </c>
      <c r="AA22" s="277">
        <v>5</v>
      </c>
      <c r="AB22" s="279">
        <v>0</v>
      </c>
      <c r="AC22" s="280">
        <v>25</v>
      </c>
      <c r="AD22" s="280">
        <v>18</v>
      </c>
      <c r="AE22" s="280">
        <v>8</v>
      </c>
      <c r="AF22" s="280">
        <v>4</v>
      </c>
      <c r="AG22" s="280">
        <v>4</v>
      </c>
      <c r="AH22" s="277">
        <v>59</v>
      </c>
      <c r="AI22" s="282">
        <v>64</v>
      </c>
      <c r="AJ22" s="276">
        <v>2</v>
      </c>
      <c r="AK22" s="280">
        <v>3</v>
      </c>
      <c r="AL22" s="277">
        <v>5</v>
      </c>
      <c r="AM22" s="279">
        <v>0</v>
      </c>
      <c r="AN22" s="280">
        <v>5</v>
      </c>
      <c r="AO22" s="280">
        <v>6</v>
      </c>
      <c r="AP22" s="280">
        <v>4</v>
      </c>
      <c r="AQ22" s="280">
        <v>2</v>
      </c>
      <c r="AR22" s="280">
        <v>0</v>
      </c>
      <c r="AS22" s="277">
        <v>17</v>
      </c>
      <c r="AT22" s="282">
        <v>22</v>
      </c>
      <c r="AU22" s="276">
        <v>3</v>
      </c>
      <c r="AV22" s="280">
        <v>5</v>
      </c>
      <c r="AW22" s="277">
        <v>8</v>
      </c>
      <c r="AX22" s="279">
        <v>0</v>
      </c>
      <c r="AY22" s="280">
        <v>17</v>
      </c>
      <c r="AZ22" s="280">
        <v>23</v>
      </c>
      <c r="BA22" s="280">
        <v>22</v>
      </c>
      <c r="BB22" s="280">
        <v>17</v>
      </c>
      <c r="BC22" s="280">
        <v>11</v>
      </c>
      <c r="BD22" s="281">
        <v>90</v>
      </c>
      <c r="BE22" s="282">
        <v>98</v>
      </c>
      <c r="BF22" s="276">
        <v>0</v>
      </c>
      <c r="BG22" s="280">
        <v>0</v>
      </c>
      <c r="BH22" s="277">
        <v>0</v>
      </c>
      <c r="BI22" s="279">
        <v>0</v>
      </c>
      <c r="BJ22" s="280">
        <v>22</v>
      </c>
      <c r="BK22" s="280">
        <v>21</v>
      </c>
      <c r="BL22" s="280">
        <v>12</v>
      </c>
      <c r="BM22" s="280">
        <v>6</v>
      </c>
      <c r="BN22" s="280">
        <v>0</v>
      </c>
      <c r="BO22" s="277">
        <v>61</v>
      </c>
      <c r="BP22" s="282">
        <v>61</v>
      </c>
      <c r="BQ22" s="276">
        <v>3</v>
      </c>
      <c r="BR22" s="280">
        <v>2</v>
      </c>
      <c r="BS22" s="277">
        <v>5</v>
      </c>
      <c r="BT22" s="279">
        <v>0</v>
      </c>
      <c r="BU22" s="280">
        <v>12</v>
      </c>
      <c r="BV22" s="280">
        <v>8</v>
      </c>
      <c r="BW22" s="280">
        <v>8</v>
      </c>
      <c r="BX22" s="280">
        <v>3</v>
      </c>
      <c r="BY22" s="280">
        <v>1</v>
      </c>
      <c r="BZ22" s="277">
        <v>32</v>
      </c>
      <c r="CA22" s="282">
        <v>37</v>
      </c>
      <c r="CB22" s="276">
        <v>1</v>
      </c>
      <c r="CC22" s="280">
        <v>3</v>
      </c>
      <c r="CD22" s="277">
        <v>4</v>
      </c>
      <c r="CE22" s="279">
        <v>0</v>
      </c>
      <c r="CF22" s="280">
        <v>1</v>
      </c>
      <c r="CG22" s="280">
        <v>5</v>
      </c>
      <c r="CH22" s="280">
        <v>7</v>
      </c>
      <c r="CI22" s="280">
        <v>6</v>
      </c>
      <c r="CJ22" s="280">
        <v>1</v>
      </c>
      <c r="CK22" s="277">
        <v>20</v>
      </c>
      <c r="CL22" s="282">
        <v>24</v>
      </c>
      <c r="CM22" s="276">
        <v>0</v>
      </c>
      <c r="CN22" s="280">
        <v>0</v>
      </c>
      <c r="CO22" s="277">
        <v>0</v>
      </c>
      <c r="CP22" s="279">
        <v>0</v>
      </c>
      <c r="CQ22" s="280">
        <v>0</v>
      </c>
      <c r="CR22" s="280">
        <v>0</v>
      </c>
      <c r="CS22" s="280">
        <v>1</v>
      </c>
      <c r="CT22" s="280">
        <v>2</v>
      </c>
      <c r="CU22" s="280">
        <v>0</v>
      </c>
      <c r="CV22" s="277">
        <v>3</v>
      </c>
      <c r="CW22" s="282">
        <v>3</v>
      </c>
      <c r="CX22" s="276">
        <v>0</v>
      </c>
      <c r="CY22" s="280">
        <v>0</v>
      </c>
      <c r="CZ22" s="277">
        <v>0</v>
      </c>
      <c r="DA22" s="279">
        <v>0</v>
      </c>
      <c r="DB22" s="280">
        <v>0</v>
      </c>
      <c r="DC22" s="280">
        <v>0</v>
      </c>
      <c r="DD22" s="280">
        <v>0</v>
      </c>
      <c r="DE22" s="280">
        <v>0</v>
      </c>
      <c r="DF22" s="280">
        <v>0</v>
      </c>
      <c r="DG22" s="277">
        <v>0</v>
      </c>
      <c r="DH22" s="282">
        <v>0</v>
      </c>
      <c r="DI22" s="276">
        <v>0</v>
      </c>
      <c r="DJ22" s="280">
        <v>0</v>
      </c>
      <c r="DK22" s="277">
        <v>0</v>
      </c>
      <c r="DL22" s="279">
        <v>0</v>
      </c>
      <c r="DM22" s="280">
        <v>0</v>
      </c>
      <c r="DN22" s="280">
        <v>0</v>
      </c>
      <c r="DO22" s="280">
        <v>0</v>
      </c>
      <c r="DP22" s="280">
        <v>0</v>
      </c>
      <c r="DQ22" s="280">
        <v>0</v>
      </c>
      <c r="DR22" s="277">
        <v>0</v>
      </c>
      <c r="DS22" s="282">
        <v>0</v>
      </c>
      <c r="DT22" s="276">
        <v>9</v>
      </c>
      <c r="DU22" s="280">
        <v>20</v>
      </c>
      <c r="DV22" s="277">
        <v>29</v>
      </c>
      <c r="DW22" s="279">
        <v>0</v>
      </c>
      <c r="DX22" s="280">
        <v>45</v>
      </c>
      <c r="DY22" s="280">
        <v>39</v>
      </c>
      <c r="DZ22" s="280">
        <v>27</v>
      </c>
      <c r="EA22" s="280">
        <v>14</v>
      </c>
      <c r="EB22" s="280">
        <v>8</v>
      </c>
      <c r="EC22" s="277">
        <v>133</v>
      </c>
      <c r="ED22" s="282">
        <v>162</v>
      </c>
      <c r="EE22" s="276">
        <v>2</v>
      </c>
      <c r="EF22" s="280">
        <v>2</v>
      </c>
      <c r="EG22" s="277">
        <v>4</v>
      </c>
      <c r="EH22" s="279">
        <v>0</v>
      </c>
      <c r="EI22" s="280">
        <v>4</v>
      </c>
      <c r="EJ22" s="280">
        <v>6</v>
      </c>
      <c r="EK22" s="280">
        <v>5</v>
      </c>
      <c r="EL22" s="280">
        <v>5</v>
      </c>
      <c r="EM22" s="280">
        <v>6</v>
      </c>
      <c r="EN22" s="277">
        <v>26</v>
      </c>
      <c r="EO22" s="282">
        <v>30</v>
      </c>
      <c r="EP22" s="276">
        <v>16</v>
      </c>
      <c r="EQ22" s="280">
        <v>27</v>
      </c>
      <c r="ER22" s="277">
        <v>43</v>
      </c>
      <c r="ES22" s="279">
        <v>0</v>
      </c>
      <c r="ET22" s="280">
        <v>91</v>
      </c>
      <c r="EU22" s="280">
        <v>57</v>
      </c>
      <c r="EV22" s="280">
        <v>35</v>
      </c>
      <c r="EW22" s="280">
        <v>21</v>
      </c>
      <c r="EX22" s="280">
        <v>8</v>
      </c>
      <c r="EY22" s="277">
        <v>212</v>
      </c>
      <c r="EZ22" s="282">
        <v>255</v>
      </c>
    </row>
    <row r="23" spans="2:156" ht="21" customHeight="1" x14ac:dyDescent="0.2">
      <c r="B23" s="261" t="s">
        <v>21</v>
      </c>
      <c r="C23" s="276">
        <v>0</v>
      </c>
      <c r="D23" s="280">
        <v>0</v>
      </c>
      <c r="E23" s="384">
        <v>0</v>
      </c>
      <c r="F23" s="279">
        <v>0</v>
      </c>
      <c r="G23" s="280">
        <v>19</v>
      </c>
      <c r="H23" s="280">
        <v>10</v>
      </c>
      <c r="I23" s="280">
        <v>6</v>
      </c>
      <c r="J23" s="280">
        <v>8</v>
      </c>
      <c r="K23" s="280">
        <v>6</v>
      </c>
      <c r="L23" s="281">
        <v>49</v>
      </c>
      <c r="M23" s="282">
        <v>49</v>
      </c>
      <c r="N23" s="276">
        <v>0</v>
      </c>
      <c r="O23" s="280">
        <v>0</v>
      </c>
      <c r="P23" s="277">
        <v>0</v>
      </c>
      <c r="Q23" s="279">
        <v>0</v>
      </c>
      <c r="R23" s="280">
        <v>0</v>
      </c>
      <c r="S23" s="280">
        <v>0</v>
      </c>
      <c r="T23" s="280">
        <v>0</v>
      </c>
      <c r="U23" s="280">
        <v>2</v>
      </c>
      <c r="V23" s="280">
        <v>5</v>
      </c>
      <c r="W23" s="277">
        <v>7</v>
      </c>
      <c r="X23" s="282">
        <v>7</v>
      </c>
      <c r="Y23" s="276">
        <v>3</v>
      </c>
      <c r="Z23" s="280">
        <v>3</v>
      </c>
      <c r="AA23" s="277">
        <v>6</v>
      </c>
      <c r="AB23" s="279">
        <v>0</v>
      </c>
      <c r="AC23" s="280">
        <v>16</v>
      </c>
      <c r="AD23" s="280">
        <v>17</v>
      </c>
      <c r="AE23" s="280">
        <v>8</v>
      </c>
      <c r="AF23" s="280">
        <v>11</v>
      </c>
      <c r="AG23" s="280">
        <v>8</v>
      </c>
      <c r="AH23" s="277">
        <v>60</v>
      </c>
      <c r="AI23" s="282">
        <v>66</v>
      </c>
      <c r="AJ23" s="276">
        <v>0</v>
      </c>
      <c r="AK23" s="280">
        <v>1</v>
      </c>
      <c r="AL23" s="277">
        <v>1</v>
      </c>
      <c r="AM23" s="279">
        <v>0</v>
      </c>
      <c r="AN23" s="280">
        <v>1</v>
      </c>
      <c r="AO23" s="280">
        <v>3</v>
      </c>
      <c r="AP23" s="280">
        <v>1</v>
      </c>
      <c r="AQ23" s="280">
        <v>1</v>
      </c>
      <c r="AR23" s="280">
        <v>0</v>
      </c>
      <c r="AS23" s="277">
        <v>6</v>
      </c>
      <c r="AT23" s="282">
        <v>7</v>
      </c>
      <c r="AU23" s="276">
        <v>3</v>
      </c>
      <c r="AV23" s="280">
        <v>4</v>
      </c>
      <c r="AW23" s="277">
        <v>7</v>
      </c>
      <c r="AX23" s="279">
        <v>0</v>
      </c>
      <c r="AY23" s="280">
        <v>11</v>
      </c>
      <c r="AZ23" s="280">
        <v>16</v>
      </c>
      <c r="BA23" s="280">
        <v>10</v>
      </c>
      <c r="BB23" s="280">
        <v>18</v>
      </c>
      <c r="BC23" s="280">
        <v>11</v>
      </c>
      <c r="BD23" s="281">
        <v>66</v>
      </c>
      <c r="BE23" s="282">
        <v>73</v>
      </c>
      <c r="BF23" s="276">
        <v>0</v>
      </c>
      <c r="BG23" s="280">
        <v>0</v>
      </c>
      <c r="BH23" s="277">
        <v>0</v>
      </c>
      <c r="BI23" s="279">
        <v>0</v>
      </c>
      <c r="BJ23" s="280">
        <v>17</v>
      </c>
      <c r="BK23" s="280">
        <v>18</v>
      </c>
      <c r="BL23" s="280">
        <v>13</v>
      </c>
      <c r="BM23" s="280">
        <v>3</v>
      </c>
      <c r="BN23" s="280">
        <v>3</v>
      </c>
      <c r="BO23" s="277">
        <v>54</v>
      </c>
      <c r="BP23" s="282">
        <v>54</v>
      </c>
      <c r="BQ23" s="276">
        <v>2</v>
      </c>
      <c r="BR23" s="280">
        <v>0</v>
      </c>
      <c r="BS23" s="277">
        <v>2</v>
      </c>
      <c r="BT23" s="279">
        <v>0</v>
      </c>
      <c r="BU23" s="280">
        <v>9</v>
      </c>
      <c r="BV23" s="280">
        <v>9</v>
      </c>
      <c r="BW23" s="280">
        <v>1</v>
      </c>
      <c r="BX23" s="280">
        <v>1</v>
      </c>
      <c r="BY23" s="280">
        <v>0</v>
      </c>
      <c r="BZ23" s="277">
        <v>20</v>
      </c>
      <c r="CA23" s="282">
        <v>22</v>
      </c>
      <c r="CB23" s="276">
        <v>0</v>
      </c>
      <c r="CC23" s="280">
        <v>0</v>
      </c>
      <c r="CD23" s="277">
        <v>0</v>
      </c>
      <c r="CE23" s="279">
        <v>0</v>
      </c>
      <c r="CF23" s="280">
        <v>1</v>
      </c>
      <c r="CG23" s="280">
        <v>1</v>
      </c>
      <c r="CH23" s="280">
        <v>6</v>
      </c>
      <c r="CI23" s="280">
        <v>6</v>
      </c>
      <c r="CJ23" s="280">
        <v>2</v>
      </c>
      <c r="CK23" s="277">
        <v>16</v>
      </c>
      <c r="CL23" s="282">
        <v>16</v>
      </c>
      <c r="CM23" s="276">
        <v>0</v>
      </c>
      <c r="CN23" s="280">
        <v>0</v>
      </c>
      <c r="CO23" s="277">
        <v>0</v>
      </c>
      <c r="CP23" s="279">
        <v>0</v>
      </c>
      <c r="CQ23" s="280">
        <v>0</v>
      </c>
      <c r="CR23" s="280">
        <v>1</v>
      </c>
      <c r="CS23" s="280">
        <v>0</v>
      </c>
      <c r="CT23" s="280">
        <v>0</v>
      </c>
      <c r="CU23" s="280">
        <v>0</v>
      </c>
      <c r="CV23" s="277">
        <v>1</v>
      </c>
      <c r="CW23" s="282">
        <v>1</v>
      </c>
      <c r="CX23" s="276">
        <v>0</v>
      </c>
      <c r="CY23" s="280">
        <v>0</v>
      </c>
      <c r="CZ23" s="277">
        <v>0</v>
      </c>
      <c r="DA23" s="279">
        <v>0</v>
      </c>
      <c r="DB23" s="280">
        <v>0</v>
      </c>
      <c r="DC23" s="280">
        <v>0</v>
      </c>
      <c r="DD23" s="280">
        <v>0</v>
      </c>
      <c r="DE23" s="280">
        <v>0</v>
      </c>
      <c r="DF23" s="280">
        <v>0</v>
      </c>
      <c r="DG23" s="277">
        <v>0</v>
      </c>
      <c r="DH23" s="282">
        <v>0</v>
      </c>
      <c r="DI23" s="276">
        <v>0</v>
      </c>
      <c r="DJ23" s="280">
        <v>0</v>
      </c>
      <c r="DK23" s="277">
        <v>0</v>
      </c>
      <c r="DL23" s="279">
        <v>0</v>
      </c>
      <c r="DM23" s="280">
        <v>0</v>
      </c>
      <c r="DN23" s="280">
        <v>0</v>
      </c>
      <c r="DO23" s="280">
        <v>0</v>
      </c>
      <c r="DP23" s="280">
        <v>0</v>
      </c>
      <c r="DQ23" s="280">
        <v>0</v>
      </c>
      <c r="DR23" s="277">
        <v>0</v>
      </c>
      <c r="DS23" s="282">
        <v>0</v>
      </c>
      <c r="DT23" s="276">
        <v>3</v>
      </c>
      <c r="DU23" s="280">
        <v>14</v>
      </c>
      <c r="DV23" s="277">
        <v>17</v>
      </c>
      <c r="DW23" s="279">
        <v>0</v>
      </c>
      <c r="DX23" s="280">
        <v>21</v>
      </c>
      <c r="DY23" s="280">
        <v>38</v>
      </c>
      <c r="DZ23" s="280">
        <v>24</v>
      </c>
      <c r="EA23" s="280">
        <v>20</v>
      </c>
      <c r="EB23" s="280">
        <v>9</v>
      </c>
      <c r="EC23" s="277">
        <v>112</v>
      </c>
      <c r="ED23" s="282">
        <v>129</v>
      </c>
      <c r="EE23" s="276">
        <v>1</v>
      </c>
      <c r="EF23" s="280">
        <v>1</v>
      </c>
      <c r="EG23" s="277">
        <v>2</v>
      </c>
      <c r="EH23" s="279">
        <v>0</v>
      </c>
      <c r="EI23" s="280">
        <v>6</v>
      </c>
      <c r="EJ23" s="280">
        <v>6</v>
      </c>
      <c r="EK23" s="280">
        <v>6</v>
      </c>
      <c r="EL23" s="280">
        <v>5</v>
      </c>
      <c r="EM23" s="280">
        <v>2</v>
      </c>
      <c r="EN23" s="277">
        <v>25</v>
      </c>
      <c r="EO23" s="282">
        <v>27</v>
      </c>
      <c r="EP23" s="276">
        <v>8</v>
      </c>
      <c r="EQ23" s="280">
        <v>16</v>
      </c>
      <c r="ER23" s="277">
        <v>24</v>
      </c>
      <c r="ES23" s="279">
        <v>0</v>
      </c>
      <c r="ET23" s="280">
        <v>52</v>
      </c>
      <c r="EU23" s="280">
        <v>53</v>
      </c>
      <c r="EV23" s="280">
        <v>28</v>
      </c>
      <c r="EW23" s="280">
        <v>22</v>
      </c>
      <c r="EX23" s="280">
        <v>9</v>
      </c>
      <c r="EY23" s="277">
        <v>164</v>
      </c>
      <c r="EZ23" s="282">
        <v>188</v>
      </c>
    </row>
    <row r="24" spans="2:156" ht="21" customHeight="1" x14ac:dyDescent="0.2">
      <c r="B24" s="261" t="s">
        <v>22</v>
      </c>
      <c r="C24" s="276">
        <v>0</v>
      </c>
      <c r="D24" s="280">
        <v>0</v>
      </c>
      <c r="E24" s="384">
        <v>0</v>
      </c>
      <c r="F24" s="279">
        <v>0</v>
      </c>
      <c r="G24" s="280">
        <v>5</v>
      </c>
      <c r="H24" s="280">
        <v>8</v>
      </c>
      <c r="I24" s="280">
        <v>4</v>
      </c>
      <c r="J24" s="280">
        <v>6</v>
      </c>
      <c r="K24" s="280">
        <v>2</v>
      </c>
      <c r="L24" s="281">
        <v>25</v>
      </c>
      <c r="M24" s="282">
        <v>25</v>
      </c>
      <c r="N24" s="276">
        <v>0</v>
      </c>
      <c r="O24" s="280">
        <v>0</v>
      </c>
      <c r="P24" s="277">
        <v>0</v>
      </c>
      <c r="Q24" s="279">
        <v>0</v>
      </c>
      <c r="R24" s="280">
        <v>0</v>
      </c>
      <c r="S24" s="280">
        <v>0</v>
      </c>
      <c r="T24" s="280">
        <v>0</v>
      </c>
      <c r="U24" s="280">
        <v>2</v>
      </c>
      <c r="V24" s="280">
        <v>0</v>
      </c>
      <c r="W24" s="277">
        <v>2</v>
      </c>
      <c r="X24" s="282">
        <v>2</v>
      </c>
      <c r="Y24" s="276">
        <v>0</v>
      </c>
      <c r="Z24" s="280">
        <v>1</v>
      </c>
      <c r="AA24" s="277">
        <v>1</v>
      </c>
      <c r="AB24" s="279">
        <v>0</v>
      </c>
      <c r="AC24" s="280">
        <v>2</v>
      </c>
      <c r="AD24" s="280">
        <v>2</v>
      </c>
      <c r="AE24" s="280">
        <v>4</v>
      </c>
      <c r="AF24" s="280">
        <v>4</v>
      </c>
      <c r="AG24" s="280">
        <v>1</v>
      </c>
      <c r="AH24" s="277">
        <v>13</v>
      </c>
      <c r="AI24" s="282">
        <v>14</v>
      </c>
      <c r="AJ24" s="276">
        <v>0</v>
      </c>
      <c r="AK24" s="280">
        <v>0</v>
      </c>
      <c r="AL24" s="277">
        <v>0</v>
      </c>
      <c r="AM24" s="279">
        <v>0</v>
      </c>
      <c r="AN24" s="280">
        <v>0</v>
      </c>
      <c r="AO24" s="280">
        <v>1</v>
      </c>
      <c r="AP24" s="280">
        <v>1</v>
      </c>
      <c r="AQ24" s="280">
        <v>0</v>
      </c>
      <c r="AR24" s="280">
        <v>0</v>
      </c>
      <c r="AS24" s="277">
        <v>2</v>
      </c>
      <c r="AT24" s="282">
        <v>2</v>
      </c>
      <c r="AU24" s="276">
        <v>0</v>
      </c>
      <c r="AV24" s="280">
        <v>1</v>
      </c>
      <c r="AW24" s="277">
        <v>1</v>
      </c>
      <c r="AX24" s="279">
        <v>0</v>
      </c>
      <c r="AY24" s="280">
        <v>5</v>
      </c>
      <c r="AZ24" s="280">
        <v>7</v>
      </c>
      <c r="BA24" s="280">
        <v>3</v>
      </c>
      <c r="BB24" s="280">
        <v>5</v>
      </c>
      <c r="BC24" s="280">
        <v>2</v>
      </c>
      <c r="BD24" s="281">
        <v>22</v>
      </c>
      <c r="BE24" s="282">
        <v>23</v>
      </c>
      <c r="BF24" s="276">
        <v>0</v>
      </c>
      <c r="BG24" s="280">
        <v>0</v>
      </c>
      <c r="BH24" s="277">
        <v>0</v>
      </c>
      <c r="BI24" s="279">
        <v>0</v>
      </c>
      <c r="BJ24" s="280">
        <v>9</v>
      </c>
      <c r="BK24" s="280">
        <v>8</v>
      </c>
      <c r="BL24" s="280">
        <v>7</v>
      </c>
      <c r="BM24" s="280">
        <v>3</v>
      </c>
      <c r="BN24" s="280">
        <v>2</v>
      </c>
      <c r="BO24" s="277">
        <v>29</v>
      </c>
      <c r="BP24" s="282">
        <v>29</v>
      </c>
      <c r="BQ24" s="276">
        <v>0</v>
      </c>
      <c r="BR24" s="280">
        <v>0</v>
      </c>
      <c r="BS24" s="277">
        <v>0</v>
      </c>
      <c r="BT24" s="279">
        <v>0</v>
      </c>
      <c r="BU24" s="280">
        <v>2</v>
      </c>
      <c r="BV24" s="280">
        <v>3</v>
      </c>
      <c r="BW24" s="280">
        <v>3</v>
      </c>
      <c r="BX24" s="280">
        <v>1</v>
      </c>
      <c r="BY24" s="280">
        <v>1</v>
      </c>
      <c r="BZ24" s="277">
        <v>10</v>
      </c>
      <c r="CA24" s="282">
        <v>10</v>
      </c>
      <c r="CB24" s="276">
        <v>0</v>
      </c>
      <c r="CC24" s="280">
        <v>0</v>
      </c>
      <c r="CD24" s="277">
        <v>0</v>
      </c>
      <c r="CE24" s="279">
        <v>0</v>
      </c>
      <c r="CF24" s="280">
        <v>2</v>
      </c>
      <c r="CG24" s="280">
        <v>1</v>
      </c>
      <c r="CH24" s="280">
        <v>2</v>
      </c>
      <c r="CI24" s="280">
        <v>4</v>
      </c>
      <c r="CJ24" s="280">
        <v>0</v>
      </c>
      <c r="CK24" s="277">
        <v>9</v>
      </c>
      <c r="CL24" s="282">
        <v>9</v>
      </c>
      <c r="CM24" s="276">
        <v>0</v>
      </c>
      <c r="CN24" s="280">
        <v>0</v>
      </c>
      <c r="CO24" s="277">
        <v>0</v>
      </c>
      <c r="CP24" s="279">
        <v>0</v>
      </c>
      <c r="CQ24" s="280">
        <v>0</v>
      </c>
      <c r="CR24" s="280">
        <v>0</v>
      </c>
      <c r="CS24" s="280">
        <v>1</v>
      </c>
      <c r="CT24" s="280">
        <v>1</v>
      </c>
      <c r="CU24" s="280">
        <v>0</v>
      </c>
      <c r="CV24" s="277">
        <v>2</v>
      </c>
      <c r="CW24" s="282">
        <v>2</v>
      </c>
      <c r="CX24" s="276">
        <v>0</v>
      </c>
      <c r="CY24" s="280">
        <v>0</v>
      </c>
      <c r="CZ24" s="277">
        <v>0</v>
      </c>
      <c r="DA24" s="279">
        <v>0</v>
      </c>
      <c r="DB24" s="280">
        <v>0</v>
      </c>
      <c r="DC24" s="280">
        <v>0</v>
      </c>
      <c r="DD24" s="280">
        <v>0</v>
      </c>
      <c r="DE24" s="280">
        <v>0</v>
      </c>
      <c r="DF24" s="280">
        <v>0</v>
      </c>
      <c r="DG24" s="277">
        <v>0</v>
      </c>
      <c r="DH24" s="282">
        <v>0</v>
      </c>
      <c r="DI24" s="276">
        <v>0</v>
      </c>
      <c r="DJ24" s="280">
        <v>0</v>
      </c>
      <c r="DK24" s="277">
        <v>0</v>
      </c>
      <c r="DL24" s="279">
        <v>0</v>
      </c>
      <c r="DM24" s="280">
        <v>0</v>
      </c>
      <c r="DN24" s="280">
        <v>0</v>
      </c>
      <c r="DO24" s="280">
        <v>0</v>
      </c>
      <c r="DP24" s="280">
        <v>0</v>
      </c>
      <c r="DQ24" s="280">
        <v>0</v>
      </c>
      <c r="DR24" s="277">
        <v>0</v>
      </c>
      <c r="DS24" s="282">
        <v>0</v>
      </c>
      <c r="DT24" s="276">
        <v>2</v>
      </c>
      <c r="DU24" s="280">
        <v>8</v>
      </c>
      <c r="DV24" s="277">
        <v>10</v>
      </c>
      <c r="DW24" s="279">
        <v>0</v>
      </c>
      <c r="DX24" s="280">
        <v>15</v>
      </c>
      <c r="DY24" s="280">
        <v>15</v>
      </c>
      <c r="DZ24" s="280">
        <v>10</v>
      </c>
      <c r="EA24" s="280">
        <v>11</v>
      </c>
      <c r="EB24" s="280">
        <v>6</v>
      </c>
      <c r="EC24" s="277">
        <v>57</v>
      </c>
      <c r="ED24" s="282">
        <v>67</v>
      </c>
      <c r="EE24" s="276">
        <v>0</v>
      </c>
      <c r="EF24" s="280">
        <v>1</v>
      </c>
      <c r="EG24" s="277">
        <v>1</v>
      </c>
      <c r="EH24" s="279">
        <v>0</v>
      </c>
      <c r="EI24" s="280">
        <v>4</v>
      </c>
      <c r="EJ24" s="280">
        <v>2</v>
      </c>
      <c r="EK24" s="280">
        <v>1</v>
      </c>
      <c r="EL24" s="280">
        <v>2</v>
      </c>
      <c r="EM24" s="280">
        <v>0</v>
      </c>
      <c r="EN24" s="277">
        <v>9</v>
      </c>
      <c r="EO24" s="282">
        <v>10</v>
      </c>
      <c r="EP24" s="276">
        <v>2</v>
      </c>
      <c r="EQ24" s="280">
        <v>9</v>
      </c>
      <c r="ER24" s="277">
        <v>11</v>
      </c>
      <c r="ES24" s="279">
        <v>0</v>
      </c>
      <c r="ET24" s="280">
        <v>25</v>
      </c>
      <c r="EU24" s="280">
        <v>20</v>
      </c>
      <c r="EV24" s="280">
        <v>11</v>
      </c>
      <c r="EW24" s="280">
        <v>11</v>
      </c>
      <c r="EX24" s="280">
        <v>6</v>
      </c>
      <c r="EY24" s="277">
        <v>73</v>
      </c>
      <c r="EZ24" s="282">
        <v>84</v>
      </c>
    </row>
    <row r="25" spans="2:156" ht="21" customHeight="1" x14ac:dyDescent="0.2">
      <c r="B25" s="261" t="s">
        <v>23</v>
      </c>
      <c r="C25" s="276">
        <v>0</v>
      </c>
      <c r="D25" s="280">
        <v>0</v>
      </c>
      <c r="E25" s="384">
        <v>0</v>
      </c>
      <c r="F25" s="279">
        <v>0</v>
      </c>
      <c r="G25" s="280">
        <v>4</v>
      </c>
      <c r="H25" s="280">
        <v>10</v>
      </c>
      <c r="I25" s="280">
        <v>5</v>
      </c>
      <c r="J25" s="280">
        <v>2</v>
      </c>
      <c r="K25" s="280">
        <v>2</v>
      </c>
      <c r="L25" s="281">
        <v>23</v>
      </c>
      <c r="M25" s="282">
        <v>23</v>
      </c>
      <c r="N25" s="276">
        <v>0</v>
      </c>
      <c r="O25" s="280">
        <v>0</v>
      </c>
      <c r="P25" s="277">
        <v>0</v>
      </c>
      <c r="Q25" s="279">
        <v>0</v>
      </c>
      <c r="R25" s="280">
        <v>0</v>
      </c>
      <c r="S25" s="280">
        <v>1</v>
      </c>
      <c r="T25" s="280">
        <v>0</v>
      </c>
      <c r="U25" s="280">
        <v>0</v>
      </c>
      <c r="V25" s="280">
        <v>1</v>
      </c>
      <c r="W25" s="277">
        <v>2</v>
      </c>
      <c r="X25" s="282">
        <v>2</v>
      </c>
      <c r="Y25" s="276">
        <v>2</v>
      </c>
      <c r="Z25" s="280">
        <v>5</v>
      </c>
      <c r="AA25" s="277">
        <v>7</v>
      </c>
      <c r="AB25" s="279">
        <v>0</v>
      </c>
      <c r="AC25" s="280">
        <v>5</v>
      </c>
      <c r="AD25" s="280">
        <v>13</v>
      </c>
      <c r="AE25" s="280">
        <v>6</v>
      </c>
      <c r="AF25" s="280">
        <v>2</v>
      </c>
      <c r="AG25" s="280">
        <v>2</v>
      </c>
      <c r="AH25" s="277">
        <v>28</v>
      </c>
      <c r="AI25" s="282">
        <v>35</v>
      </c>
      <c r="AJ25" s="276">
        <v>0</v>
      </c>
      <c r="AK25" s="280">
        <v>0</v>
      </c>
      <c r="AL25" s="277">
        <v>0</v>
      </c>
      <c r="AM25" s="279">
        <v>0</v>
      </c>
      <c r="AN25" s="280">
        <v>2</v>
      </c>
      <c r="AO25" s="280">
        <v>1</v>
      </c>
      <c r="AP25" s="280">
        <v>0</v>
      </c>
      <c r="AQ25" s="280">
        <v>0</v>
      </c>
      <c r="AR25" s="280">
        <v>1</v>
      </c>
      <c r="AS25" s="277">
        <v>4</v>
      </c>
      <c r="AT25" s="282">
        <v>4</v>
      </c>
      <c r="AU25" s="276">
        <v>4</v>
      </c>
      <c r="AV25" s="280">
        <v>0</v>
      </c>
      <c r="AW25" s="277">
        <v>4</v>
      </c>
      <c r="AX25" s="279">
        <v>0</v>
      </c>
      <c r="AY25" s="280">
        <v>16</v>
      </c>
      <c r="AZ25" s="280">
        <v>9</v>
      </c>
      <c r="BA25" s="280">
        <v>6</v>
      </c>
      <c r="BB25" s="280">
        <v>9</v>
      </c>
      <c r="BC25" s="280">
        <v>7</v>
      </c>
      <c r="BD25" s="281">
        <v>47</v>
      </c>
      <c r="BE25" s="282">
        <v>51</v>
      </c>
      <c r="BF25" s="276">
        <v>0</v>
      </c>
      <c r="BG25" s="280">
        <v>0</v>
      </c>
      <c r="BH25" s="277">
        <v>0</v>
      </c>
      <c r="BI25" s="279">
        <v>0</v>
      </c>
      <c r="BJ25" s="280">
        <v>17</v>
      </c>
      <c r="BK25" s="280">
        <v>16</v>
      </c>
      <c r="BL25" s="280">
        <v>8</v>
      </c>
      <c r="BM25" s="280">
        <v>3</v>
      </c>
      <c r="BN25" s="280">
        <v>2</v>
      </c>
      <c r="BO25" s="277">
        <v>46</v>
      </c>
      <c r="BP25" s="282">
        <v>46</v>
      </c>
      <c r="BQ25" s="276">
        <v>0</v>
      </c>
      <c r="BR25" s="280">
        <v>0</v>
      </c>
      <c r="BS25" s="277">
        <v>0</v>
      </c>
      <c r="BT25" s="279">
        <v>0</v>
      </c>
      <c r="BU25" s="280">
        <v>3</v>
      </c>
      <c r="BV25" s="280">
        <v>4</v>
      </c>
      <c r="BW25" s="280">
        <v>3</v>
      </c>
      <c r="BX25" s="280">
        <v>0</v>
      </c>
      <c r="BY25" s="280">
        <v>2</v>
      </c>
      <c r="BZ25" s="277">
        <v>12</v>
      </c>
      <c r="CA25" s="282">
        <v>12</v>
      </c>
      <c r="CB25" s="276">
        <v>0</v>
      </c>
      <c r="CC25" s="280">
        <v>0</v>
      </c>
      <c r="CD25" s="277">
        <v>0</v>
      </c>
      <c r="CE25" s="279">
        <v>0</v>
      </c>
      <c r="CF25" s="280">
        <v>2</v>
      </c>
      <c r="CG25" s="280">
        <v>2</v>
      </c>
      <c r="CH25" s="280">
        <v>3</v>
      </c>
      <c r="CI25" s="280">
        <v>2</v>
      </c>
      <c r="CJ25" s="280">
        <v>1</v>
      </c>
      <c r="CK25" s="277">
        <v>10</v>
      </c>
      <c r="CL25" s="282">
        <v>10</v>
      </c>
      <c r="CM25" s="276">
        <v>0</v>
      </c>
      <c r="CN25" s="280">
        <v>1</v>
      </c>
      <c r="CO25" s="277">
        <v>1</v>
      </c>
      <c r="CP25" s="279">
        <v>0</v>
      </c>
      <c r="CQ25" s="280">
        <v>0</v>
      </c>
      <c r="CR25" s="280">
        <v>0</v>
      </c>
      <c r="CS25" s="280">
        <v>0</v>
      </c>
      <c r="CT25" s="280">
        <v>0</v>
      </c>
      <c r="CU25" s="280">
        <v>0</v>
      </c>
      <c r="CV25" s="277">
        <v>0</v>
      </c>
      <c r="CW25" s="282">
        <v>1</v>
      </c>
      <c r="CX25" s="276">
        <v>0</v>
      </c>
      <c r="CY25" s="280">
        <v>0</v>
      </c>
      <c r="CZ25" s="277">
        <v>0</v>
      </c>
      <c r="DA25" s="279">
        <v>0</v>
      </c>
      <c r="DB25" s="280">
        <v>0</v>
      </c>
      <c r="DC25" s="280">
        <v>0</v>
      </c>
      <c r="DD25" s="280">
        <v>0</v>
      </c>
      <c r="DE25" s="280">
        <v>0</v>
      </c>
      <c r="DF25" s="280">
        <v>0</v>
      </c>
      <c r="DG25" s="277">
        <v>0</v>
      </c>
      <c r="DH25" s="282">
        <v>0</v>
      </c>
      <c r="DI25" s="276">
        <v>0</v>
      </c>
      <c r="DJ25" s="280">
        <v>0</v>
      </c>
      <c r="DK25" s="277">
        <v>0</v>
      </c>
      <c r="DL25" s="279">
        <v>0</v>
      </c>
      <c r="DM25" s="280">
        <v>0</v>
      </c>
      <c r="DN25" s="280">
        <v>0</v>
      </c>
      <c r="DO25" s="280">
        <v>0</v>
      </c>
      <c r="DP25" s="280">
        <v>0</v>
      </c>
      <c r="DQ25" s="280">
        <v>0</v>
      </c>
      <c r="DR25" s="277">
        <v>0</v>
      </c>
      <c r="DS25" s="282">
        <v>0</v>
      </c>
      <c r="DT25" s="276">
        <v>3</v>
      </c>
      <c r="DU25" s="280">
        <v>8</v>
      </c>
      <c r="DV25" s="277">
        <v>11</v>
      </c>
      <c r="DW25" s="279">
        <v>0</v>
      </c>
      <c r="DX25" s="280">
        <v>14</v>
      </c>
      <c r="DY25" s="280">
        <v>22</v>
      </c>
      <c r="DZ25" s="280">
        <v>10</v>
      </c>
      <c r="EA25" s="280">
        <v>4</v>
      </c>
      <c r="EB25" s="280">
        <v>5</v>
      </c>
      <c r="EC25" s="277">
        <v>55</v>
      </c>
      <c r="ED25" s="282">
        <v>66</v>
      </c>
      <c r="EE25" s="276">
        <v>2</v>
      </c>
      <c r="EF25" s="280">
        <v>0</v>
      </c>
      <c r="EG25" s="277">
        <v>2</v>
      </c>
      <c r="EH25" s="279">
        <v>0</v>
      </c>
      <c r="EI25" s="280">
        <v>9</v>
      </c>
      <c r="EJ25" s="280">
        <v>2</v>
      </c>
      <c r="EK25" s="280">
        <v>0</v>
      </c>
      <c r="EL25" s="280">
        <v>4</v>
      </c>
      <c r="EM25" s="280">
        <v>2</v>
      </c>
      <c r="EN25" s="277">
        <v>17</v>
      </c>
      <c r="EO25" s="282">
        <v>19</v>
      </c>
      <c r="EP25" s="276">
        <v>6</v>
      </c>
      <c r="EQ25" s="280">
        <v>11</v>
      </c>
      <c r="ER25" s="277">
        <v>17</v>
      </c>
      <c r="ES25" s="279">
        <v>0</v>
      </c>
      <c r="ET25" s="280">
        <v>30</v>
      </c>
      <c r="EU25" s="280">
        <v>29</v>
      </c>
      <c r="EV25" s="280">
        <v>12</v>
      </c>
      <c r="EW25" s="280">
        <v>5</v>
      </c>
      <c r="EX25" s="280">
        <v>5</v>
      </c>
      <c r="EY25" s="277">
        <v>81</v>
      </c>
      <c r="EZ25" s="282">
        <v>98</v>
      </c>
    </row>
    <row r="26" spans="2:156" ht="21" customHeight="1" x14ac:dyDescent="0.2">
      <c r="B26" s="261" t="s">
        <v>24</v>
      </c>
      <c r="C26" s="276">
        <v>0</v>
      </c>
      <c r="D26" s="280">
        <v>0</v>
      </c>
      <c r="E26" s="384">
        <v>0</v>
      </c>
      <c r="F26" s="279">
        <v>0</v>
      </c>
      <c r="G26" s="280">
        <v>8</v>
      </c>
      <c r="H26" s="280">
        <v>6</v>
      </c>
      <c r="I26" s="280">
        <v>5</v>
      </c>
      <c r="J26" s="280">
        <v>1</v>
      </c>
      <c r="K26" s="280">
        <v>6</v>
      </c>
      <c r="L26" s="281">
        <v>26</v>
      </c>
      <c r="M26" s="282">
        <v>26</v>
      </c>
      <c r="N26" s="276">
        <v>0</v>
      </c>
      <c r="O26" s="280">
        <v>0</v>
      </c>
      <c r="P26" s="277">
        <v>0</v>
      </c>
      <c r="Q26" s="279">
        <v>0</v>
      </c>
      <c r="R26" s="280">
        <v>0</v>
      </c>
      <c r="S26" s="280">
        <v>1</v>
      </c>
      <c r="T26" s="280">
        <v>0</v>
      </c>
      <c r="U26" s="280">
        <v>1</v>
      </c>
      <c r="V26" s="280">
        <v>2</v>
      </c>
      <c r="W26" s="277">
        <v>4</v>
      </c>
      <c r="X26" s="282">
        <v>4</v>
      </c>
      <c r="Y26" s="276">
        <v>2</v>
      </c>
      <c r="Z26" s="280">
        <v>2</v>
      </c>
      <c r="AA26" s="277">
        <v>4</v>
      </c>
      <c r="AB26" s="279">
        <v>0</v>
      </c>
      <c r="AC26" s="280">
        <v>9</v>
      </c>
      <c r="AD26" s="280">
        <v>6</v>
      </c>
      <c r="AE26" s="280">
        <v>6</v>
      </c>
      <c r="AF26" s="280">
        <v>1</v>
      </c>
      <c r="AG26" s="280">
        <v>3</v>
      </c>
      <c r="AH26" s="277">
        <v>25</v>
      </c>
      <c r="AI26" s="282">
        <v>29</v>
      </c>
      <c r="AJ26" s="276">
        <v>0</v>
      </c>
      <c r="AK26" s="280">
        <v>0</v>
      </c>
      <c r="AL26" s="277">
        <v>0</v>
      </c>
      <c r="AM26" s="279">
        <v>0</v>
      </c>
      <c r="AN26" s="280">
        <v>1</v>
      </c>
      <c r="AO26" s="280">
        <v>2</v>
      </c>
      <c r="AP26" s="280">
        <v>1</v>
      </c>
      <c r="AQ26" s="280">
        <v>2</v>
      </c>
      <c r="AR26" s="280">
        <v>0</v>
      </c>
      <c r="AS26" s="277">
        <v>6</v>
      </c>
      <c r="AT26" s="282">
        <v>6</v>
      </c>
      <c r="AU26" s="276">
        <v>3</v>
      </c>
      <c r="AV26" s="280">
        <v>1</v>
      </c>
      <c r="AW26" s="277">
        <v>4</v>
      </c>
      <c r="AX26" s="279">
        <v>0</v>
      </c>
      <c r="AY26" s="280">
        <v>12</v>
      </c>
      <c r="AZ26" s="280">
        <v>10</v>
      </c>
      <c r="BA26" s="280">
        <v>14</v>
      </c>
      <c r="BB26" s="280">
        <v>3</v>
      </c>
      <c r="BC26" s="280">
        <v>9</v>
      </c>
      <c r="BD26" s="281">
        <v>48</v>
      </c>
      <c r="BE26" s="282">
        <v>52</v>
      </c>
      <c r="BF26" s="276">
        <v>0</v>
      </c>
      <c r="BG26" s="280">
        <v>0</v>
      </c>
      <c r="BH26" s="277">
        <v>0</v>
      </c>
      <c r="BI26" s="279">
        <v>0</v>
      </c>
      <c r="BJ26" s="280">
        <v>14</v>
      </c>
      <c r="BK26" s="280">
        <v>9</v>
      </c>
      <c r="BL26" s="280">
        <v>4</v>
      </c>
      <c r="BM26" s="280">
        <v>0</v>
      </c>
      <c r="BN26" s="280">
        <v>1</v>
      </c>
      <c r="BO26" s="277">
        <v>28</v>
      </c>
      <c r="BP26" s="282">
        <v>28</v>
      </c>
      <c r="BQ26" s="276">
        <v>5</v>
      </c>
      <c r="BR26" s="280">
        <v>2</v>
      </c>
      <c r="BS26" s="277">
        <v>7</v>
      </c>
      <c r="BT26" s="279">
        <v>0</v>
      </c>
      <c r="BU26" s="280">
        <v>1</v>
      </c>
      <c r="BV26" s="280">
        <v>4</v>
      </c>
      <c r="BW26" s="280">
        <v>4</v>
      </c>
      <c r="BX26" s="280">
        <v>0</v>
      </c>
      <c r="BY26" s="280">
        <v>0</v>
      </c>
      <c r="BZ26" s="277">
        <v>9</v>
      </c>
      <c r="CA26" s="282">
        <v>16</v>
      </c>
      <c r="CB26" s="276">
        <v>0</v>
      </c>
      <c r="CC26" s="280">
        <v>0</v>
      </c>
      <c r="CD26" s="277">
        <v>0</v>
      </c>
      <c r="CE26" s="279">
        <v>0</v>
      </c>
      <c r="CF26" s="280">
        <v>3</v>
      </c>
      <c r="CG26" s="280">
        <v>1</v>
      </c>
      <c r="CH26" s="280">
        <v>1</v>
      </c>
      <c r="CI26" s="280">
        <v>0</v>
      </c>
      <c r="CJ26" s="280">
        <v>1</v>
      </c>
      <c r="CK26" s="277">
        <v>6</v>
      </c>
      <c r="CL26" s="282">
        <v>6</v>
      </c>
      <c r="CM26" s="276">
        <v>0</v>
      </c>
      <c r="CN26" s="280">
        <v>0</v>
      </c>
      <c r="CO26" s="277">
        <v>0</v>
      </c>
      <c r="CP26" s="279">
        <v>0</v>
      </c>
      <c r="CQ26" s="280">
        <v>0</v>
      </c>
      <c r="CR26" s="280">
        <v>0</v>
      </c>
      <c r="CS26" s="280">
        <v>0</v>
      </c>
      <c r="CT26" s="280">
        <v>0</v>
      </c>
      <c r="CU26" s="280">
        <v>0</v>
      </c>
      <c r="CV26" s="277">
        <v>0</v>
      </c>
      <c r="CW26" s="282">
        <v>0</v>
      </c>
      <c r="CX26" s="276">
        <v>0</v>
      </c>
      <c r="CY26" s="280">
        <v>0</v>
      </c>
      <c r="CZ26" s="277">
        <v>0</v>
      </c>
      <c r="DA26" s="279">
        <v>0</v>
      </c>
      <c r="DB26" s="280">
        <v>0</v>
      </c>
      <c r="DC26" s="280">
        <v>0</v>
      </c>
      <c r="DD26" s="280">
        <v>0</v>
      </c>
      <c r="DE26" s="280">
        <v>0</v>
      </c>
      <c r="DF26" s="280">
        <v>0</v>
      </c>
      <c r="DG26" s="277">
        <v>0</v>
      </c>
      <c r="DH26" s="282">
        <v>0</v>
      </c>
      <c r="DI26" s="276">
        <v>0</v>
      </c>
      <c r="DJ26" s="280">
        <v>0</v>
      </c>
      <c r="DK26" s="277">
        <v>0</v>
      </c>
      <c r="DL26" s="279">
        <v>0</v>
      </c>
      <c r="DM26" s="280">
        <v>0</v>
      </c>
      <c r="DN26" s="280">
        <v>0</v>
      </c>
      <c r="DO26" s="280">
        <v>0</v>
      </c>
      <c r="DP26" s="280">
        <v>0</v>
      </c>
      <c r="DQ26" s="280">
        <v>0</v>
      </c>
      <c r="DR26" s="277">
        <v>0</v>
      </c>
      <c r="DS26" s="282">
        <v>0</v>
      </c>
      <c r="DT26" s="276">
        <v>12</v>
      </c>
      <c r="DU26" s="280">
        <v>4</v>
      </c>
      <c r="DV26" s="277">
        <v>16</v>
      </c>
      <c r="DW26" s="279">
        <v>0</v>
      </c>
      <c r="DX26" s="280">
        <v>16</v>
      </c>
      <c r="DY26" s="280">
        <v>21</v>
      </c>
      <c r="DZ26" s="280">
        <v>16</v>
      </c>
      <c r="EA26" s="280">
        <v>2</v>
      </c>
      <c r="EB26" s="280">
        <v>7</v>
      </c>
      <c r="EC26" s="277">
        <v>62</v>
      </c>
      <c r="ED26" s="282">
        <v>78</v>
      </c>
      <c r="EE26" s="276">
        <v>3</v>
      </c>
      <c r="EF26" s="280">
        <v>1</v>
      </c>
      <c r="EG26" s="277">
        <v>4</v>
      </c>
      <c r="EH26" s="279">
        <v>0</v>
      </c>
      <c r="EI26" s="280">
        <v>4</v>
      </c>
      <c r="EJ26" s="280">
        <v>4</v>
      </c>
      <c r="EK26" s="280">
        <v>3</v>
      </c>
      <c r="EL26" s="280">
        <v>2</v>
      </c>
      <c r="EM26" s="280">
        <v>2</v>
      </c>
      <c r="EN26" s="277">
        <v>15</v>
      </c>
      <c r="EO26" s="282">
        <v>19</v>
      </c>
      <c r="EP26" s="276">
        <v>15</v>
      </c>
      <c r="EQ26" s="280">
        <v>5</v>
      </c>
      <c r="ER26" s="277">
        <v>20</v>
      </c>
      <c r="ES26" s="279">
        <v>0</v>
      </c>
      <c r="ET26" s="280">
        <v>31</v>
      </c>
      <c r="EU26" s="280">
        <v>24</v>
      </c>
      <c r="EV26" s="280">
        <v>19</v>
      </c>
      <c r="EW26" s="280">
        <v>2</v>
      </c>
      <c r="EX26" s="280">
        <v>8</v>
      </c>
      <c r="EY26" s="277">
        <v>84</v>
      </c>
      <c r="EZ26" s="282">
        <v>104</v>
      </c>
    </row>
    <row r="27" spans="2:156" ht="21" customHeight="1" x14ac:dyDescent="0.2">
      <c r="B27" s="261" t="s">
        <v>25</v>
      </c>
      <c r="C27" s="276">
        <v>0</v>
      </c>
      <c r="D27" s="280">
        <v>0</v>
      </c>
      <c r="E27" s="384">
        <v>0</v>
      </c>
      <c r="F27" s="279">
        <v>0</v>
      </c>
      <c r="G27" s="280">
        <v>6</v>
      </c>
      <c r="H27" s="280">
        <v>3</v>
      </c>
      <c r="I27" s="280">
        <v>4</v>
      </c>
      <c r="J27" s="280">
        <v>0</v>
      </c>
      <c r="K27" s="280">
        <v>1</v>
      </c>
      <c r="L27" s="281">
        <v>14</v>
      </c>
      <c r="M27" s="282">
        <v>14</v>
      </c>
      <c r="N27" s="276">
        <v>0</v>
      </c>
      <c r="O27" s="280">
        <v>0</v>
      </c>
      <c r="P27" s="277">
        <v>0</v>
      </c>
      <c r="Q27" s="279">
        <v>0</v>
      </c>
      <c r="R27" s="280">
        <v>0</v>
      </c>
      <c r="S27" s="280">
        <v>0</v>
      </c>
      <c r="T27" s="280">
        <v>2</v>
      </c>
      <c r="U27" s="280">
        <v>0</v>
      </c>
      <c r="V27" s="280">
        <v>0</v>
      </c>
      <c r="W27" s="277">
        <v>2</v>
      </c>
      <c r="X27" s="282">
        <v>2</v>
      </c>
      <c r="Y27" s="276">
        <v>1</v>
      </c>
      <c r="Z27" s="280">
        <v>2</v>
      </c>
      <c r="AA27" s="277">
        <v>3</v>
      </c>
      <c r="AB27" s="279">
        <v>0</v>
      </c>
      <c r="AC27" s="280">
        <v>3</v>
      </c>
      <c r="AD27" s="280">
        <v>3</v>
      </c>
      <c r="AE27" s="280">
        <v>3</v>
      </c>
      <c r="AF27" s="280">
        <v>4</v>
      </c>
      <c r="AG27" s="280">
        <v>0</v>
      </c>
      <c r="AH27" s="277">
        <v>13</v>
      </c>
      <c r="AI27" s="282">
        <v>16</v>
      </c>
      <c r="AJ27" s="276">
        <v>0</v>
      </c>
      <c r="AK27" s="280">
        <v>2</v>
      </c>
      <c r="AL27" s="277">
        <v>2</v>
      </c>
      <c r="AM27" s="279">
        <v>0</v>
      </c>
      <c r="AN27" s="280">
        <v>0</v>
      </c>
      <c r="AO27" s="280">
        <v>0</v>
      </c>
      <c r="AP27" s="280">
        <v>1</v>
      </c>
      <c r="AQ27" s="280">
        <v>0</v>
      </c>
      <c r="AR27" s="280">
        <v>0</v>
      </c>
      <c r="AS27" s="277">
        <v>1</v>
      </c>
      <c r="AT27" s="282">
        <v>3</v>
      </c>
      <c r="AU27" s="276">
        <v>0</v>
      </c>
      <c r="AV27" s="280">
        <v>1</v>
      </c>
      <c r="AW27" s="277">
        <v>1</v>
      </c>
      <c r="AX27" s="279">
        <v>0</v>
      </c>
      <c r="AY27" s="280">
        <v>5</v>
      </c>
      <c r="AZ27" s="280">
        <v>1</v>
      </c>
      <c r="BA27" s="280">
        <v>4</v>
      </c>
      <c r="BB27" s="280">
        <v>2</v>
      </c>
      <c r="BC27" s="280">
        <v>1</v>
      </c>
      <c r="BD27" s="281">
        <v>13</v>
      </c>
      <c r="BE27" s="282">
        <v>14</v>
      </c>
      <c r="BF27" s="276">
        <v>0</v>
      </c>
      <c r="BG27" s="280">
        <v>0</v>
      </c>
      <c r="BH27" s="277">
        <v>0</v>
      </c>
      <c r="BI27" s="279">
        <v>0</v>
      </c>
      <c r="BJ27" s="280">
        <v>7</v>
      </c>
      <c r="BK27" s="280">
        <v>3</v>
      </c>
      <c r="BL27" s="280">
        <v>2</v>
      </c>
      <c r="BM27" s="280">
        <v>2</v>
      </c>
      <c r="BN27" s="280">
        <v>0</v>
      </c>
      <c r="BO27" s="277">
        <v>14</v>
      </c>
      <c r="BP27" s="282">
        <v>14</v>
      </c>
      <c r="BQ27" s="276">
        <v>4</v>
      </c>
      <c r="BR27" s="280">
        <v>1</v>
      </c>
      <c r="BS27" s="277">
        <v>5</v>
      </c>
      <c r="BT27" s="279">
        <v>0</v>
      </c>
      <c r="BU27" s="280">
        <v>1</v>
      </c>
      <c r="BV27" s="280">
        <v>3</v>
      </c>
      <c r="BW27" s="280">
        <v>3</v>
      </c>
      <c r="BX27" s="280">
        <v>1</v>
      </c>
      <c r="BY27" s="280">
        <v>1</v>
      </c>
      <c r="BZ27" s="277">
        <v>9</v>
      </c>
      <c r="CA27" s="282">
        <v>14</v>
      </c>
      <c r="CB27" s="276">
        <v>0</v>
      </c>
      <c r="CC27" s="280">
        <v>0</v>
      </c>
      <c r="CD27" s="277">
        <v>0</v>
      </c>
      <c r="CE27" s="279">
        <v>0</v>
      </c>
      <c r="CF27" s="280">
        <v>1</v>
      </c>
      <c r="CG27" s="280">
        <v>0</v>
      </c>
      <c r="CH27" s="280">
        <v>0</v>
      </c>
      <c r="CI27" s="280">
        <v>2</v>
      </c>
      <c r="CJ27" s="280">
        <v>0</v>
      </c>
      <c r="CK27" s="277">
        <v>3</v>
      </c>
      <c r="CL27" s="282">
        <v>3</v>
      </c>
      <c r="CM27" s="276">
        <v>0</v>
      </c>
      <c r="CN27" s="280">
        <v>0</v>
      </c>
      <c r="CO27" s="277">
        <v>0</v>
      </c>
      <c r="CP27" s="279">
        <v>0</v>
      </c>
      <c r="CQ27" s="280">
        <v>0</v>
      </c>
      <c r="CR27" s="280">
        <v>0</v>
      </c>
      <c r="CS27" s="280">
        <v>0</v>
      </c>
      <c r="CT27" s="280">
        <v>0</v>
      </c>
      <c r="CU27" s="280">
        <v>1</v>
      </c>
      <c r="CV27" s="277">
        <v>1</v>
      </c>
      <c r="CW27" s="282">
        <v>1</v>
      </c>
      <c r="CX27" s="276">
        <v>0</v>
      </c>
      <c r="CY27" s="280">
        <v>0</v>
      </c>
      <c r="CZ27" s="277">
        <v>0</v>
      </c>
      <c r="DA27" s="279">
        <v>0</v>
      </c>
      <c r="DB27" s="280">
        <v>0</v>
      </c>
      <c r="DC27" s="280">
        <v>0</v>
      </c>
      <c r="DD27" s="280">
        <v>0</v>
      </c>
      <c r="DE27" s="280">
        <v>0</v>
      </c>
      <c r="DF27" s="280">
        <v>0</v>
      </c>
      <c r="DG27" s="277">
        <v>0</v>
      </c>
      <c r="DH27" s="282">
        <v>0</v>
      </c>
      <c r="DI27" s="276">
        <v>0</v>
      </c>
      <c r="DJ27" s="280">
        <v>0</v>
      </c>
      <c r="DK27" s="277">
        <v>0</v>
      </c>
      <c r="DL27" s="279">
        <v>0</v>
      </c>
      <c r="DM27" s="280">
        <v>0</v>
      </c>
      <c r="DN27" s="280">
        <v>0</v>
      </c>
      <c r="DO27" s="280">
        <v>0</v>
      </c>
      <c r="DP27" s="280">
        <v>0</v>
      </c>
      <c r="DQ27" s="280">
        <v>0</v>
      </c>
      <c r="DR27" s="277">
        <v>0</v>
      </c>
      <c r="DS27" s="282">
        <v>0</v>
      </c>
      <c r="DT27" s="276">
        <v>2</v>
      </c>
      <c r="DU27" s="280">
        <v>11</v>
      </c>
      <c r="DV27" s="277">
        <v>13</v>
      </c>
      <c r="DW27" s="279">
        <v>0</v>
      </c>
      <c r="DX27" s="280">
        <v>4</v>
      </c>
      <c r="DY27" s="280">
        <v>9</v>
      </c>
      <c r="DZ27" s="280">
        <v>7</v>
      </c>
      <c r="EA27" s="280">
        <v>6</v>
      </c>
      <c r="EB27" s="280">
        <v>1</v>
      </c>
      <c r="EC27" s="277">
        <v>27</v>
      </c>
      <c r="ED27" s="282">
        <v>40</v>
      </c>
      <c r="EE27" s="276">
        <v>0</v>
      </c>
      <c r="EF27" s="280">
        <v>1</v>
      </c>
      <c r="EG27" s="277">
        <v>1</v>
      </c>
      <c r="EH27" s="279">
        <v>0</v>
      </c>
      <c r="EI27" s="280">
        <v>3</v>
      </c>
      <c r="EJ27" s="280">
        <v>0</v>
      </c>
      <c r="EK27" s="280">
        <v>1</v>
      </c>
      <c r="EL27" s="280">
        <v>2</v>
      </c>
      <c r="EM27" s="280">
        <v>1</v>
      </c>
      <c r="EN27" s="277">
        <v>7</v>
      </c>
      <c r="EO27" s="282">
        <v>8</v>
      </c>
      <c r="EP27" s="276">
        <v>7</v>
      </c>
      <c r="EQ27" s="280">
        <v>12</v>
      </c>
      <c r="ER27" s="277">
        <v>19</v>
      </c>
      <c r="ES27" s="279">
        <v>0</v>
      </c>
      <c r="ET27" s="280">
        <v>18</v>
      </c>
      <c r="EU27" s="280">
        <v>12</v>
      </c>
      <c r="EV27" s="280">
        <v>8</v>
      </c>
      <c r="EW27" s="280">
        <v>6</v>
      </c>
      <c r="EX27" s="280">
        <v>1</v>
      </c>
      <c r="EY27" s="277">
        <v>45</v>
      </c>
      <c r="EZ27" s="282">
        <v>64</v>
      </c>
    </row>
    <row r="28" spans="2:156" ht="21" customHeight="1" x14ac:dyDescent="0.2">
      <c r="B28" s="261" t="s">
        <v>26</v>
      </c>
      <c r="C28" s="276">
        <v>0</v>
      </c>
      <c r="D28" s="280">
        <v>0</v>
      </c>
      <c r="E28" s="384">
        <v>0</v>
      </c>
      <c r="F28" s="279">
        <v>0</v>
      </c>
      <c r="G28" s="280">
        <v>6</v>
      </c>
      <c r="H28" s="280">
        <v>5</v>
      </c>
      <c r="I28" s="280">
        <v>7</v>
      </c>
      <c r="J28" s="280">
        <v>1</v>
      </c>
      <c r="K28" s="280">
        <v>0</v>
      </c>
      <c r="L28" s="281">
        <v>19</v>
      </c>
      <c r="M28" s="282">
        <v>19</v>
      </c>
      <c r="N28" s="276">
        <v>0</v>
      </c>
      <c r="O28" s="280">
        <v>0</v>
      </c>
      <c r="P28" s="277">
        <v>0</v>
      </c>
      <c r="Q28" s="279">
        <v>0</v>
      </c>
      <c r="R28" s="280">
        <v>0</v>
      </c>
      <c r="S28" s="280">
        <v>0</v>
      </c>
      <c r="T28" s="280">
        <v>1</v>
      </c>
      <c r="U28" s="280">
        <v>1</v>
      </c>
      <c r="V28" s="280">
        <v>1</v>
      </c>
      <c r="W28" s="277">
        <v>3</v>
      </c>
      <c r="X28" s="282">
        <v>3</v>
      </c>
      <c r="Y28" s="276">
        <v>0</v>
      </c>
      <c r="Z28" s="280">
        <v>0</v>
      </c>
      <c r="AA28" s="277">
        <v>0</v>
      </c>
      <c r="AB28" s="279">
        <v>0</v>
      </c>
      <c r="AC28" s="280">
        <v>4</v>
      </c>
      <c r="AD28" s="280">
        <v>5</v>
      </c>
      <c r="AE28" s="280">
        <v>3</v>
      </c>
      <c r="AF28" s="280">
        <v>1</v>
      </c>
      <c r="AG28" s="280">
        <v>3</v>
      </c>
      <c r="AH28" s="277">
        <v>16</v>
      </c>
      <c r="AI28" s="282">
        <v>16</v>
      </c>
      <c r="AJ28" s="276">
        <v>0</v>
      </c>
      <c r="AK28" s="280">
        <v>0</v>
      </c>
      <c r="AL28" s="277">
        <v>0</v>
      </c>
      <c r="AM28" s="279">
        <v>0</v>
      </c>
      <c r="AN28" s="280">
        <v>0</v>
      </c>
      <c r="AO28" s="280">
        <v>0</v>
      </c>
      <c r="AP28" s="280">
        <v>1</v>
      </c>
      <c r="AQ28" s="280">
        <v>0</v>
      </c>
      <c r="AR28" s="280">
        <v>0</v>
      </c>
      <c r="AS28" s="277">
        <v>1</v>
      </c>
      <c r="AT28" s="282">
        <v>1</v>
      </c>
      <c r="AU28" s="276">
        <v>0</v>
      </c>
      <c r="AV28" s="280">
        <v>0</v>
      </c>
      <c r="AW28" s="277">
        <v>0</v>
      </c>
      <c r="AX28" s="279">
        <v>0</v>
      </c>
      <c r="AY28" s="280">
        <v>4</v>
      </c>
      <c r="AZ28" s="280">
        <v>6</v>
      </c>
      <c r="BA28" s="280">
        <v>5</v>
      </c>
      <c r="BB28" s="280">
        <v>1</v>
      </c>
      <c r="BC28" s="280">
        <v>3</v>
      </c>
      <c r="BD28" s="281">
        <v>19</v>
      </c>
      <c r="BE28" s="282">
        <v>19</v>
      </c>
      <c r="BF28" s="276">
        <v>0</v>
      </c>
      <c r="BG28" s="280">
        <v>0</v>
      </c>
      <c r="BH28" s="277">
        <v>0</v>
      </c>
      <c r="BI28" s="279">
        <v>0</v>
      </c>
      <c r="BJ28" s="280">
        <v>6</v>
      </c>
      <c r="BK28" s="280">
        <v>9</v>
      </c>
      <c r="BL28" s="280">
        <v>6</v>
      </c>
      <c r="BM28" s="280">
        <v>0</v>
      </c>
      <c r="BN28" s="280">
        <v>1</v>
      </c>
      <c r="BO28" s="277">
        <v>22</v>
      </c>
      <c r="BP28" s="282">
        <v>22</v>
      </c>
      <c r="BQ28" s="276">
        <v>1</v>
      </c>
      <c r="BR28" s="280">
        <v>0</v>
      </c>
      <c r="BS28" s="277">
        <v>1</v>
      </c>
      <c r="BT28" s="279">
        <v>0</v>
      </c>
      <c r="BU28" s="280">
        <v>1</v>
      </c>
      <c r="BV28" s="280">
        <v>3</v>
      </c>
      <c r="BW28" s="280">
        <v>2</v>
      </c>
      <c r="BX28" s="280">
        <v>1</v>
      </c>
      <c r="BY28" s="280">
        <v>0</v>
      </c>
      <c r="BZ28" s="277">
        <v>7</v>
      </c>
      <c r="CA28" s="282">
        <v>8</v>
      </c>
      <c r="CB28" s="276">
        <v>0</v>
      </c>
      <c r="CC28" s="280">
        <v>0</v>
      </c>
      <c r="CD28" s="277">
        <v>0</v>
      </c>
      <c r="CE28" s="279">
        <v>0</v>
      </c>
      <c r="CF28" s="280">
        <v>1</v>
      </c>
      <c r="CG28" s="280">
        <v>4</v>
      </c>
      <c r="CH28" s="280">
        <v>1</v>
      </c>
      <c r="CI28" s="280">
        <v>0</v>
      </c>
      <c r="CJ28" s="280">
        <v>1</v>
      </c>
      <c r="CK28" s="277">
        <v>7</v>
      </c>
      <c r="CL28" s="282">
        <v>7</v>
      </c>
      <c r="CM28" s="276">
        <v>0</v>
      </c>
      <c r="CN28" s="280">
        <v>0</v>
      </c>
      <c r="CO28" s="277">
        <v>0</v>
      </c>
      <c r="CP28" s="279">
        <v>0</v>
      </c>
      <c r="CQ28" s="280">
        <v>0</v>
      </c>
      <c r="CR28" s="280">
        <v>1</v>
      </c>
      <c r="CS28" s="280">
        <v>1</v>
      </c>
      <c r="CT28" s="280">
        <v>1</v>
      </c>
      <c r="CU28" s="280">
        <v>0</v>
      </c>
      <c r="CV28" s="277">
        <v>3</v>
      </c>
      <c r="CW28" s="282">
        <v>3</v>
      </c>
      <c r="CX28" s="276">
        <v>0</v>
      </c>
      <c r="CY28" s="280">
        <v>0</v>
      </c>
      <c r="CZ28" s="277">
        <v>0</v>
      </c>
      <c r="DA28" s="279">
        <v>0</v>
      </c>
      <c r="DB28" s="280">
        <v>0</v>
      </c>
      <c r="DC28" s="280">
        <v>0</v>
      </c>
      <c r="DD28" s="280">
        <v>0</v>
      </c>
      <c r="DE28" s="280">
        <v>0</v>
      </c>
      <c r="DF28" s="280">
        <v>0</v>
      </c>
      <c r="DG28" s="277">
        <v>0</v>
      </c>
      <c r="DH28" s="282">
        <v>0</v>
      </c>
      <c r="DI28" s="276">
        <v>0</v>
      </c>
      <c r="DJ28" s="280">
        <v>0</v>
      </c>
      <c r="DK28" s="277">
        <v>0</v>
      </c>
      <c r="DL28" s="279">
        <v>0</v>
      </c>
      <c r="DM28" s="280">
        <v>0</v>
      </c>
      <c r="DN28" s="280">
        <v>0</v>
      </c>
      <c r="DO28" s="280">
        <v>0</v>
      </c>
      <c r="DP28" s="280">
        <v>0</v>
      </c>
      <c r="DQ28" s="280">
        <v>0</v>
      </c>
      <c r="DR28" s="277">
        <v>0</v>
      </c>
      <c r="DS28" s="282">
        <v>0</v>
      </c>
      <c r="DT28" s="276">
        <v>4</v>
      </c>
      <c r="DU28" s="280">
        <v>5</v>
      </c>
      <c r="DV28" s="277">
        <v>9</v>
      </c>
      <c r="DW28" s="279">
        <v>0</v>
      </c>
      <c r="DX28" s="280">
        <v>12</v>
      </c>
      <c r="DY28" s="280">
        <v>16</v>
      </c>
      <c r="DZ28" s="280">
        <v>11</v>
      </c>
      <c r="EA28" s="280">
        <v>3</v>
      </c>
      <c r="EB28" s="280">
        <v>2</v>
      </c>
      <c r="EC28" s="277">
        <v>44</v>
      </c>
      <c r="ED28" s="282">
        <v>53</v>
      </c>
      <c r="EE28" s="276">
        <v>0</v>
      </c>
      <c r="EF28" s="280">
        <v>0</v>
      </c>
      <c r="EG28" s="277">
        <v>0</v>
      </c>
      <c r="EH28" s="279">
        <v>0</v>
      </c>
      <c r="EI28" s="280">
        <v>2</v>
      </c>
      <c r="EJ28" s="280">
        <v>2</v>
      </c>
      <c r="EK28" s="280">
        <v>0</v>
      </c>
      <c r="EL28" s="280">
        <v>0</v>
      </c>
      <c r="EM28" s="280">
        <v>0</v>
      </c>
      <c r="EN28" s="277">
        <v>4</v>
      </c>
      <c r="EO28" s="282">
        <v>4</v>
      </c>
      <c r="EP28" s="276">
        <v>5</v>
      </c>
      <c r="EQ28" s="280">
        <v>5</v>
      </c>
      <c r="ER28" s="277">
        <v>10</v>
      </c>
      <c r="ES28" s="279">
        <v>0</v>
      </c>
      <c r="ET28" s="280">
        <v>21</v>
      </c>
      <c r="EU28" s="280">
        <v>23</v>
      </c>
      <c r="EV28" s="280">
        <v>13</v>
      </c>
      <c r="EW28" s="280">
        <v>3</v>
      </c>
      <c r="EX28" s="280">
        <v>3</v>
      </c>
      <c r="EY28" s="277">
        <v>63</v>
      </c>
      <c r="EZ28" s="282">
        <v>73</v>
      </c>
    </row>
    <row r="29" spans="2:156" ht="21" customHeight="1" x14ac:dyDescent="0.2">
      <c r="B29" s="261" t="s">
        <v>27</v>
      </c>
      <c r="C29" s="276">
        <v>0</v>
      </c>
      <c r="D29" s="280">
        <v>0</v>
      </c>
      <c r="E29" s="384">
        <v>0</v>
      </c>
      <c r="F29" s="279">
        <v>0</v>
      </c>
      <c r="G29" s="280">
        <v>2</v>
      </c>
      <c r="H29" s="280">
        <v>5</v>
      </c>
      <c r="I29" s="280">
        <v>3</v>
      </c>
      <c r="J29" s="280">
        <v>5</v>
      </c>
      <c r="K29" s="280">
        <v>1</v>
      </c>
      <c r="L29" s="281">
        <v>16</v>
      </c>
      <c r="M29" s="282">
        <v>16</v>
      </c>
      <c r="N29" s="276">
        <v>0</v>
      </c>
      <c r="O29" s="280">
        <v>0</v>
      </c>
      <c r="P29" s="277">
        <v>0</v>
      </c>
      <c r="Q29" s="279">
        <v>0</v>
      </c>
      <c r="R29" s="280">
        <v>0</v>
      </c>
      <c r="S29" s="280">
        <v>1</v>
      </c>
      <c r="T29" s="280">
        <v>0</v>
      </c>
      <c r="U29" s="280">
        <v>1</v>
      </c>
      <c r="V29" s="280">
        <v>2</v>
      </c>
      <c r="W29" s="277">
        <v>4</v>
      </c>
      <c r="X29" s="282">
        <v>4</v>
      </c>
      <c r="Y29" s="276">
        <v>1</v>
      </c>
      <c r="Z29" s="280">
        <v>4</v>
      </c>
      <c r="AA29" s="277">
        <v>5</v>
      </c>
      <c r="AB29" s="279">
        <v>0</v>
      </c>
      <c r="AC29" s="280">
        <v>5</v>
      </c>
      <c r="AD29" s="280">
        <v>4</v>
      </c>
      <c r="AE29" s="280">
        <v>4</v>
      </c>
      <c r="AF29" s="280">
        <v>3</v>
      </c>
      <c r="AG29" s="280">
        <v>3</v>
      </c>
      <c r="AH29" s="277">
        <v>19</v>
      </c>
      <c r="AI29" s="282">
        <v>24</v>
      </c>
      <c r="AJ29" s="276">
        <v>0</v>
      </c>
      <c r="AK29" s="280">
        <v>0</v>
      </c>
      <c r="AL29" s="277">
        <v>0</v>
      </c>
      <c r="AM29" s="279">
        <v>0</v>
      </c>
      <c r="AN29" s="280">
        <v>0</v>
      </c>
      <c r="AO29" s="280">
        <v>1</v>
      </c>
      <c r="AP29" s="280">
        <v>0</v>
      </c>
      <c r="AQ29" s="280">
        <v>0</v>
      </c>
      <c r="AR29" s="280">
        <v>0</v>
      </c>
      <c r="AS29" s="277">
        <v>1</v>
      </c>
      <c r="AT29" s="282">
        <v>1</v>
      </c>
      <c r="AU29" s="276">
        <v>1</v>
      </c>
      <c r="AV29" s="280">
        <v>1</v>
      </c>
      <c r="AW29" s="277">
        <v>2</v>
      </c>
      <c r="AX29" s="279">
        <v>0</v>
      </c>
      <c r="AY29" s="280">
        <v>3</v>
      </c>
      <c r="AZ29" s="280">
        <v>6</v>
      </c>
      <c r="BA29" s="280">
        <v>6</v>
      </c>
      <c r="BB29" s="280">
        <v>9</v>
      </c>
      <c r="BC29" s="280">
        <v>3</v>
      </c>
      <c r="BD29" s="281">
        <v>27</v>
      </c>
      <c r="BE29" s="282">
        <v>29</v>
      </c>
      <c r="BF29" s="276">
        <v>0</v>
      </c>
      <c r="BG29" s="280">
        <v>0</v>
      </c>
      <c r="BH29" s="277">
        <v>0</v>
      </c>
      <c r="BI29" s="279">
        <v>0</v>
      </c>
      <c r="BJ29" s="280">
        <v>7</v>
      </c>
      <c r="BK29" s="280">
        <v>3</v>
      </c>
      <c r="BL29" s="280">
        <v>5</v>
      </c>
      <c r="BM29" s="280">
        <v>3</v>
      </c>
      <c r="BN29" s="280">
        <v>0</v>
      </c>
      <c r="BO29" s="277">
        <v>18</v>
      </c>
      <c r="BP29" s="282">
        <v>18</v>
      </c>
      <c r="BQ29" s="276">
        <v>0</v>
      </c>
      <c r="BR29" s="280">
        <v>2</v>
      </c>
      <c r="BS29" s="277">
        <v>2</v>
      </c>
      <c r="BT29" s="279">
        <v>0</v>
      </c>
      <c r="BU29" s="280">
        <v>1</v>
      </c>
      <c r="BV29" s="280">
        <v>5</v>
      </c>
      <c r="BW29" s="280">
        <v>1</v>
      </c>
      <c r="BX29" s="280">
        <v>0</v>
      </c>
      <c r="BY29" s="280">
        <v>0</v>
      </c>
      <c r="BZ29" s="277">
        <v>7</v>
      </c>
      <c r="CA29" s="282">
        <v>9</v>
      </c>
      <c r="CB29" s="276">
        <v>0</v>
      </c>
      <c r="CC29" s="280">
        <v>0</v>
      </c>
      <c r="CD29" s="277">
        <v>0</v>
      </c>
      <c r="CE29" s="279">
        <v>0</v>
      </c>
      <c r="CF29" s="280">
        <v>1</v>
      </c>
      <c r="CG29" s="280">
        <v>1</v>
      </c>
      <c r="CH29" s="280">
        <v>2</v>
      </c>
      <c r="CI29" s="280">
        <v>0</v>
      </c>
      <c r="CJ29" s="280">
        <v>1</v>
      </c>
      <c r="CK29" s="277">
        <v>5</v>
      </c>
      <c r="CL29" s="282">
        <v>5</v>
      </c>
      <c r="CM29" s="276">
        <v>0</v>
      </c>
      <c r="CN29" s="280">
        <v>0</v>
      </c>
      <c r="CO29" s="277">
        <v>0</v>
      </c>
      <c r="CP29" s="279">
        <v>0</v>
      </c>
      <c r="CQ29" s="280">
        <v>0</v>
      </c>
      <c r="CR29" s="280">
        <v>0</v>
      </c>
      <c r="CS29" s="280">
        <v>0</v>
      </c>
      <c r="CT29" s="280">
        <v>0</v>
      </c>
      <c r="CU29" s="280">
        <v>0</v>
      </c>
      <c r="CV29" s="277">
        <v>0</v>
      </c>
      <c r="CW29" s="282">
        <v>0</v>
      </c>
      <c r="CX29" s="276">
        <v>0</v>
      </c>
      <c r="CY29" s="280">
        <v>0</v>
      </c>
      <c r="CZ29" s="277">
        <v>0</v>
      </c>
      <c r="DA29" s="279">
        <v>0</v>
      </c>
      <c r="DB29" s="280">
        <v>0</v>
      </c>
      <c r="DC29" s="280">
        <v>0</v>
      </c>
      <c r="DD29" s="280">
        <v>0</v>
      </c>
      <c r="DE29" s="280">
        <v>0</v>
      </c>
      <c r="DF29" s="280">
        <v>0</v>
      </c>
      <c r="DG29" s="277">
        <v>0</v>
      </c>
      <c r="DH29" s="282">
        <v>0</v>
      </c>
      <c r="DI29" s="276">
        <v>0</v>
      </c>
      <c r="DJ29" s="280">
        <v>0</v>
      </c>
      <c r="DK29" s="277">
        <v>0</v>
      </c>
      <c r="DL29" s="279">
        <v>0</v>
      </c>
      <c r="DM29" s="280">
        <v>0</v>
      </c>
      <c r="DN29" s="280">
        <v>0</v>
      </c>
      <c r="DO29" s="280">
        <v>0</v>
      </c>
      <c r="DP29" s="280">
        <v>0</v>
      </c>
      <c r="DQ29" s="280">
        <v>0</v>
      </c>
      <c r="DR29" s="277">
        <v>0</v>
      </c>
      <c r="DS29" s="282">
        <v>0</v>
      </c>
      <c r="DT29" s="276">
        <v>2</v>
      </c>
      <c r="DU29" s="280">
        <v>14</v>
      </c>
      <c r="DV29" s="277">
        <v>16</v>
      </c>
      <c r="DW29" s="279">
        <v>0</v>
      </c>
      <c r="DX29" s="280">
        <v>4</v>
      </c>
      <c r="DY29" s="280">
        <v>11</v>
      </c>
      <c r="DZ29" s="280">
        <v>9</v>
      </c>
      <c r="EA29" s="280">
        <v>8</v>
      </c>
      <c r="EB29" s="280">
        <v>4</v>
      </c>
      <c r="EC29" s="277">
        <v>36</v>
      </c>
      <c r="ED29" s="282">
        <v>52</v>
      </c>
      <c r="EE29" s="276">
        <v>1</v>
      </c>
      <c r="EF29" s="280">
        <v>0</v>
      </c>
      <c r="EG29" s="277">
        <v>1</v>
      </c>
      <c r="EH29" s="279">
        <v>0</v>
      </c>
      <c r="EI29" s="280">
        <v>2</v>
      </c>
      <c r="EJ29" s="280">
        <v>2</v>
      </c>
      <c r="EK29" s="280">
        <v>2</v>
      </c>
      <c r="EL29" s="280">
        <v>2</v>
      </c>
      <c r="EM29" s="280">
        <v>1</v>
      </c>
      <c r="EN29" s="277">
        <v>9</v>
      </c>
      <c r="EO29" s="282">
        <v>10</v>
      </c>
      <c r="EP29" s="276">
        <v>3</v>
      </c>
      <c r="EQ29" s="280">
        <v>17</v>
      </c>
      <c r="ER29" s="277">
        <v>20</v>
      </c>
      <c r="ES29" s="279">
        <v>0</v>
      </c>
      <c r="ET29" s="280">
        <v>15</v>
      </c>
      <c r="EU29" s="280">
        <v>14</v>
      </c>
      <c r="EV29" s="280">
        <v>10</v>
      </c>
      <c r="EW29" s="280">
        <v>10</v>
      </c>
      <c r="EX29" s="280">
        <v>4</v>
      </c>
      <c r="EY29" s="277">
        <v>53</v>
      </c>
      <c r="EZ29" s="282">
        <v>73</v>
      </c>
    </row>
    <row r="30" spans="2:156" ht="21" customHeight="1" x14ac:dyDescent="0.2">
      <c r="B30" s="261" t="s">
        <v>28</v>
      </c>
      <c r="C30" s="276">
        <v>0</v>
      </c>
      <c r="D30" s="280">
        <v>0</v>
      </c>
      <c r="E30" s="384">
        <v>0</v>
      </c>
      <c r="F30" s="279">
        <v>0</v>
      </c>
      <c r="G30" s="280">
        <v>0</v>
      </c>
      <c r="H30" s="280">
        <v>0</v>
      </c>
      <c r="I30" s="280">
        <v>0</v>
      </c>
      <c r="J30" s="280">
        <v>1</v>
      </c>
      <c r="K30" s="280">
        <v>0</v>
      </c>
      <c r="L30" s="281">
        <v>1</v>
      </c>
      <c r="M30" s="282">
        <v>1</v>
      </c>
      <c r="N30" s="276">
        <v>0</v>
      </c>
      <c r="O30" s="280">
        <v>0</v>
      </c>
      <c r="P30" s="277">
        <v>0</v>
      </c>
      <c r="Q30" s="279">
        <v>0</v>
      </c>
      <c r="R30" s="280">
        <v>0</v>
      </c>
      <c r="S30" s="280">
        <v>0</v>
      </c>
      <c r="T30" s="280">
        <v>0</v>
      </c>
      <c r="U30" s="280">
        <v>0</v>
      </c>
      <c r="V30" s="280">
        <v>1</v>
      </c>
      <c r="W30" s="277">
        <v>1</v>
      </c>
      <c r="X30" s="282">
        <v>1</v>
      </c>
      <c r="Y30" s="276">
        <v>0</v>
      </c>
      <c r="Z30" s="280">
        <v>0</v>
      </c>
      <c r="AA30" s="277">
        <v>0</v>
      </c>
      <c r="AB30" s="279">
        <v>0</v>
      </c>
      <c r="AC30" s="280">
        <v>0</v>
      </c>
      <c r="AD30" s="280">
        <v>2</v>
      </c>
      <c r="AE30" s="280">
        <v>1</v>
      </c>
      <c r="AF30" s="280">
        <v>1</v>
      </c>
      <c r="AG30" s="280">
        <v>1</v>
      </c>
      <c r="AH30" s="277">
        <v>5</v>
      </c>
      <c r="AI30" s="282">
        <v>5</v>
      </c>
      <c r="AJ30" s="276">
        <v>0</v>
      </c>
      <c r="AK30" s="280">
        <v>0</v>
      </c>
      <c r="AL30" s="277">
        <v>0</v>
      </c>
      <c r="AM30" s="279">
        <v>0</v>
      </c>
      <c r="AN30" s="280">
        <v>0</v>
      </c>
      <c r="AO30" s="280">
        <v>0</v>
      </c>
      <c r="AP30" s="280">
        <v>0</v>
      </c>
      <c r="AQ30" s="280">
        <v>0</v>
      </c>
      <c r="AR30" s="280">
        <v>0</v>
      </c>
      <c r="AS30" s="277">
        <v>0</v>
      </c>
      <c r="AT30" s="282">
        <v>0</v>
      </c>
      <c r="AU30" s="276">
        <v>0</v>
      </c>
      <c r="AV30" s="280">
        <v>0</v>
      </c>
      <c r="AW30" s="277">
        <v>0</v>
      </c>
      <c r="AX30" s="279">
        <v>0</v>
      </c>
      <c r="AY30" s="280">
        <v>1</v>
      </c>
      <c r="AZ30" s="280">
        <v>0</v>
      </c>
      <c r="BA30" s="280">
        <v>0</v>
      </c>
      <c r="BB30" s="280">
        <v>1</v>
      </c>
      <c r="BC30" s="280">
        <v>1</v>
      </c>
      <c r="BD30" s="281">
        <v>3</v>
      </c>
      <c r="BE30" s="282">
        <v>3</v>
      </c>
      <c r="BF30" s="276">
        <v>0</v>
      </c>
      <c r="BG30" s="280">
        <v>0</v>
      </c>
      <c r="BH30" s="277">
        <v>0</v>
      </c>
      <c r="BI30" s="279">
        <v>0</v>
      </c>
      <c r="BJ30" s="280">
        <v>1</v>
      </c>
      <c r="BK30" s="280">
        <v>0</v>
      </c>
      <c r="BL30" s="280">
        <v>0</v>
      </c>
      <c r="BM30" s="280">
        <v>0</v>
      </c>
      <c r="BN30" s="280">
        <v>0</v>
      </c>
      <c r="BO30" s="277">
        <v>1</v>
      </c>
      <c r="BP30" s="282">
        <v>1</v>
      </c>
      <c r="BQ30" s="276">
        <v>0</v>
      </c>
      <c r="BR30" s="280">
        <v>1</v>
      </c>
      <c r="BS30" s="277">
        <v>1</v>
      </c>
      <c r="BT30" s="279">
        <v>0</v>
      </c>
      <c r="BU30" s="280">
        <v>0</v>
      </c>
      <c r="BV30" s="280">
        <v>0</v>
      </c>
      <c r="BW30" s="280">
        <v>1</v>
      </c>
      <c r="BX30" s="280">
        <v>0</v>
      </c>
      <c r="BY30" s="280">
        <v>0</v>
      </c>
      <c r="BZ30" s="277">
        <v>1</v>
      </c>
      <c r="CA30" s="282">
        <v>2</v>
      </c>
      <c r="CB30" s="276">
        <v>0</v>
      </c>
      <c r="CC30" s="280">
        <v>0</v>
      </c>
      <c r="CD30" s="277">
        <v>0</v>
      </c>
      <c r="CE30" s="279">
        <v>0</v>
      </c>
      <c r="CF30" s="280">
        <v>0</v>
      </c>
      <c r="CG30" s="280">
        <v>0</v>
      </c>
      <c r="CH30" s="280">
        <v>0</v>
      </c>
      <c r="CI30" s="280">
        <v>0</v>
      </c>
      <c r="CJ30" s="280">
        <v>1</v>
      </c>
      <c r="CK30" s="277">
        <v>1</v>
      </c>
      <c r="CL30" s="282">
        <v>1</v>
      </c>
      <c r="CM30" s="276">
        <v>0</v>
      </c>
      <c r="CN30" s="280">
        <v>0</v>
      </c>
      <c r="CO30" s="277">
        <v>0</v>
      </c>
      <c r="CP30" s="279">
        <v>0</v>
      </c>
      <c r="CQ30" s="280">
        <v>0</v>
      </c>
      <c r="CR30" s="280">
        <v>0</v>
      </c>
      <c r="CS30" s="280">
        <v>0</v>
      </c>
      <c r="CT30" s="280">
        <v>0</v>
      </c>
      <c r="CU30" s="280">
        <v>0</v>
      </c>
      <c r="CV30" s="277">
        <v>0</v>
      </c>
      <c r="CW30" s="282">
        <v>0</v>
      </c>
      <c r="CX30" s="276">
        <v>0</v>
      </c>
      <c r="CY30" s="280">
        <v>0</v>
      </c>
      <c r="CZ30" s="277">
        <v>0</v>
      </c>
      <c r="DA30" s="279">
        <v>0</v>
      </c>
      <c r="DB30" s="280">
        <v>0</v>
      </c>
      <c r="DC30" s="280">
        <v>0</v>
      </c>
      <c r="DD30" s="280">
        <v>0</v>
      </c>
      <c r="DE30" s="280">
        <v>0</v>
      </c>
      <c r="DF30" s="280">
        <v>0</v>
      </c>
      <c r="DG30" s="277">
        <v>0</v>
      </c>
      <c r="DH30" s="282">
        <v>0</v>
      </c>
      <c r="DI30" s="276">
        <v>0</v>
      </c>
      <c r="DJ30" s="280">
        <v>0</v>
      </c>
      <c r="DK30" s="277">
        <v>0</v>
      </c>
      <c r="DL30" s="279">
        <v>0</v>
      </c>
      <c r="DM30" s="280">
        <v>0</v>
      </c>
      <c r="DN30" s="280">
        <v>0</v>
      </c>
      <c r="DO30" s="280">
        <v>0</v>
      </c>
      <c r="DP30" s="280">
        <v>0</v>
      </c>
      <c r="DQ30" s="280">
        <v>0</v>
      </c>
      <c r="DR30" s="277">
        <v>0</v>
      </c>
      <c r="DS30" s="282">
        <v>0</v>
      </c>
      <c r="DT30" s="276">
        <v>0</v>
      </c>
      <c r="DU30" s="280">
        <v>1</v>
      </c>
      <c r="DV30" s="277">
        <v>1</v>
      </c>
      <c r="DW30" s="279">
        <v>0</v>
      </c>
      <c r="DX30" s="280">
        <v>2</v>
      </c>
      <c r="DY30" s="280">
        <v>4</v>
      </c>
      <c r="DZ30" s="280">
        <v>1</v>
      </c>
      <c r="EA30" s="280">
        <v>0</v>
      </c>
      <c r="EB30" s="280">
        <v>1</v>
      </c>
      <c r="EC30" s="277">
        <v>8</v>
      </c>
      <c r="ED30" s="282">
        <v>9</v>
      </c>
      <c r="EE30" s="276">
        <v>0</v>
      </c>
      <c r="EF30" s="280">
        <v>0</v>
      </c>
      <c r="EG30" s="277">
        <v>0</v>
      </c>
      <c r="EH30" s="279">
        <v>0</v>
      </c>
      <c r="EI30" s="280">
        <v>1</v>
      </c>
      <c r="EJ30" s="280">
        <v>0</v>
      </c>
      <c r="EK30" s="280">
        <v>0</v>
      </c>
      <c r="EL30" s="280">
        <v>0</v>
      </c>
      <c r="EM30" s="280">
        <v>0</v>
      </c>
      <c r="EN30" s="277">
        <v>1</v>
      </c>
      <c r="EO30" s="282">
        <v>1</v>
      </c>
      <c r="EP30" s="276">
        <v>0</v>
      </c>
      <c r="EQ30" s="280">
        <v>1</v>
      </c>
      <c r="ER30" s="277">
        <v>1</v>
      </c>
      <c r="ES30" s="279">
        <v>0</v>
      </c>
      <c r="ET30" s="280">
        <v>7</v>
      </c>
      <c r="EU30" s="280">
        <v>5</v>
      </c>
      <c r="EV30" s="280">
        <v>1</v>
      </c>
      <c r="EW30" s="280">
        <v>1</v>
      </c>
      <c r="EX30" s="280">
        <v>2</v>
      </c>
      <c r="EY30" s="277">
        <v>16</v>
      </c>
      <c r="EZ30" s="282">
        <v>17</v>
      </c>
    </row>
    <row r="31" spans="2:156" ht="21" customHeight="1" x14ac:dyDescent="0.2">
      <c r="B31" s="261" t="s">
        <v>29</v>
      </c>
      <c r="C31" s="276">
        <v>0</v>
      </c>
      <c r="D31" s="280">
        <v>0</v>
      </c>
      <c r="E31" s="384">
        <v>0</v>
      </c>
      <c r="F31" s="279">
        <v>0</v>
      </c>
      <c r="G31" s="280">
        <v>1</v>
      </c>
      <c r="H31" s="280">
        <v>0</v>
      </c>
      <c r="I31" s="280">
        <v>0</v>
      </c>
      <c r="J31" s="280">
        <v>0</v>
      </c>
      <c r="K31" s="280">
        <v>0</v>
      </c>
      <c r="L31" s="281">
        <v>1</v>
      </c>
      <c r="M31" s="282">
        <v>1</v>
      </c>
      <c r="N31" s="276">
        <v>0</v>
      </c>
      <c r="O31" s="280">
        <v>0</v>
      </c>
      <c r="P31" s="277">
        <v>0</v>
      </c>
      <c r="Q31" s="279">
        <v>0</v>
      </c>
      <c r="R31" s="280">
        <v>0</v>
      </c>
      <c r="S31" s="280">
        <v>0</v>
      </c>
      <c r="T31" s="280">
        <v>0</v>
      </c>
      <c r="U31" s="280">
        <v>0</v>
      </c>
      <c r="V31" s="280">
        <v>1</v>
      </c>
      <c r="W31" s="277">
        <v>1</v>
      </c>
      <c r="X31" s="282">
        <v>1</v>
      </c>
      <c r="Y31" s="276">
        <v>0</v>
      </c>
      <c r="Z31" s="280">
        <v>1</v>
      </c>
      <c r="AA31" s="277">
        <v>1</v>
      </c>
      <c r="AB31" s="279">
        <v>0</v>
      </c>
      <c r="AC31" s="280">
        <v>0</v>
      </c>
      <c r="AD31" s="280">
        <v>1</v>
      </c>
      <c r="AE31" s="280">
        <v>0</v>
      </c>
      <c r="AF31" s="280">
        <v>0</v>
      </c>
      <c r="AG31" s="280">
        <v>0</v>
      </c>
      <c r="AH31" s="277">
        <v>1</v>
      </c>
      <c r="AI31" s="282">
        <v>2</v>
      </c>
      <c r="AJ31" s="276">
        <v>0</v>
      </c>
      <c r="AK31" s="280">
        <v>0</v>
      </c>
      <c r="AL31" s="277">
        <v>0</v>
      </c>
      <c r="AM31" s="279">
        <v>0</v>
      </c>
      <c r="AN31" s="280">
        <v>1</v>
      </c>
      <c r="AO31" s="280">
        <v>0</v>
      </c>
      <c r="AP31" s="280">
        <v>0</v>
      </c>
      <c r="AQ31" s="280">
        <v>0</v>
      </c>
      <c r="AR31" s="280">
        <v>0</v>
      </c>
      <c r="AS31" s="277">
        <v>1</v>
      </c>
      <c r="AT31" s="282">
        <v>1</v>
      </c>
      <c r="AU31" s="276">
        <v>0</v>
      </c>
      <c r="AV31" s="280">
        <v>0</v>
      </c>
      <c r="AW31" s="277">
        <v>0</v>
      </c>
      <c r="AX31" s="279">
        <v>0</v>
      </c>
      <c r="AY31" s="280">
        <v>0</v>
      </c>
      <c r="AZ31" s="280">
        <v>4</v>
      </c>
      <c r="BA31" s="280">
        <v>1</v>
      </c>
      <c r="BB31" s="280">
        <v>1</v>
      </c>
      <c r="BC31" s="280">
        <v>2</v>
      </c>
      <c r="BD31" s="281">
        <v>8</v>
      </c>
      <c r="BE31" s="282">
        <v>8</v>
      </c>
      <c r="BF31" s="276">
        <v>0</v>
      </c>
      <c r="BG31" s="280">
        <v>0</v>
      </c>
      <c r="BH31" s="277">
        <v>0</v>
      </c>
      <c r="BI31" s="279">
        <v>0</v>
      </c>
      <c r="BJ31" s="280">
        <v>3</v>
      </c>
      <c r="BK31" s="280">
        <v>6</v>
      </c>
      <c r="BL31" s="280">
        <v>2</v>
      </c>
      <c r="BM31" s="280">
        <v>1</v>
      </c>
      <c r="BN31" s="280">
        <v>0</v>
      </c>
      <c r="BO31" s="277">
        <v>12</v>
      </c>
      <c r="BP31" s="282">
        <v>12</v>
      </c>
      <c r="BQ31" s="276">
        <v>0</v>
      </c>
      <c r="BR31" s="280">
        <v>0</v>
      </c>
      <c r="BS31" s="277">
        <v>0</v>
      </c>
      <c r="BT31" s="279">
        <v>0</v>
      </c>
      <c r="BU31" s="280">
        <v>0</v>
      </c>
      <c r="BV31" s="280">
        <v>0</v>
      </c>
      <c r="BW31" s="280">
        <v>1</v>
      </c>
      <c r="BX31" s="280">
        <v>0</v>
      </c>
      <c r="BY31" s="280">
        <v>0</v>
      </c>
      <c r="BZ31" s="277">
        <v>1</v>
      </c>
      <c r="CA31" s="282">
        <v>1</v>
      </c>
      <c r="CB31" s="276">
        <v>0</v>
      </c>
      <c r="CC31" s="280">
        <v>0</v>
      </c>
      <c r="CD31" s="277">
        <v>0</v>
      </c>
      <c r="CE31" s="279">
        <v>0</v>
      </c>
      <c r="CF31" s="280">
        <v>0</v>
      </c>
      <c r="CG31" s="280">
        <v>2</v>
      </c>
      <c r="CH31" s="280">
        <v>0</v>
      </c>
      <c r="CI31" s="280">
        <v>0</v>
      </c>
      <c r="CJ31" s="280">
        <v>1</v>
      </c>
      <c r="CK31" s="277">
        <v>3</v>
      </c>
      <c r="CL31" s="282">
        <v>3</v>
      </c>
      <c r="CM31" s="276">
        <v>0</v>
      </c>
      <c r="CN31" s="280">
        <v>0</v>
      </c>
      <c r="CO31" s="277">
        <v>0</v>
      </c>
      <c r="CP31" s="279">
        <v>0</v>
      </c>
      <c r="CQ31" s="280">
        <v>0</v>
      </c>
      <c r="CR31" s="280">
        <v>0</v>
      </c>
      <c r="CS31" s="280">
        <v>0</v>
      </c>
      <c r="CT31" s="280">
        <v>0</v>
      </c>
      <c r="CU31" s="280">
        <v>1</v>
      </c>
      <c r="CV31" s="277">
        <v>1</v>
      </c>
      <c r="CW31" s="282">
        <v>1</v>
      </c>
      <c r="CX31" s="276">
        <v>0</v>
      </c>
      <c r="CY31" s="280">
        <v>0</v>
      </c>
      <c r="CZ31" s="277">
        <v>0</v>
      </c>
      <c r="DA31" s="279">
        <v>0</v>
      </c>
      <c r="DB31" s="280">
        <v>0</v>
      </c>
      <c r="DC31" s="280">
        <v>0</v>
      </c>
      <c r="DD31" s="280">
        <v>0</v>
      </c>
      <c r="DE31" s="280">
        <v>0</v>
      </c>
      <c r="DF31" s="280">
        <v>0</v>
      </c>
      <c r="DG31" s="277">
        <v>0</v>
      </c>
      <c r="DH31" s="282">
        <v>0</v>
      </c>
      <c r="DI31" s="276">
        <v>0</v>
      </c>
      <c r="DJ31" s="280">
        <v>0</v>
      </c>
      <c r="DK31" s="277">
        <v>0</v>
      </c>
      <c r="DL31" s="279">
        <v>0</v>
      </c>
      <c r="DM31" s="280">
        <v>0</v>
      </c>
      <c r="DN31" s="280">
        <v>0</v>
      </c>
      <c r="DO31" s="280">
        <v>0</v>
      </c>
      <c r="DP31" s="280">
        <v>0</v>
      </c>
      <c r="DQ31" s="280">
        <v>0</v>
      </c>
      <c r="DR31" s="277">
        <v>0</v>
      </c>
      <c r="DS31" s="282">
        <v>0</v>
      </c>
      <c r="DT31" s="276">
        <v>2</v>
      </c>
      <c r="DU31" s="280">
        <v>0</v>
      </c>
      <c r="DV31" s="277">
        <v>2</v>
      </c>
      <c r="DW31" s="279">
        <v>0</v>
      </c>
      <c r="DX31" s="280">
        <v>2</v>
      </c>
      <c r="DY31" s="280">
        <v>5</v>
      </c>
      <c r="DZ31" s="280">
        <v>2</v>
      </c>
      <c r="EA31" s="280">
        <v>1</v>
      </c>
      <c r="EB31" s="280">
        <v>1</v>
      </c>
      <c r="EC31" s="277">
        <v>11</v>
      </c>
      <c r="ED31" s="282">
        <v>13</v>
      </c>
      <c r="EE31" s="276">
        <v>1</v>
      </c>
      <c r="EF31" s="280">
        <v>0</v>
      </c>
      <c r="EG31" s="277">
        <v>1</v>
      </c>
      <c r="EH31" s="279">
        <v>0</v>
      </c>
      <c r="EI31" s="280">
        <v>0</v>
      </c>
      <c r="EJ31" s="280">
        <v>2</v>
      </c>
      <c r="EK31" s="280">
        <v>0</v>
      </c>
      <c r="EL31" s="280">
        <v>1</v>
      </c>
      <c r="EM31" s="280">
        <v>1</v>
      </c>
      <c r="EN31" s="277">
        <v>4</v>
      </c>
      <c r="EO31" s="282">
        <v>5</v>
      </c>
      <c r="EP31" s="276">
        <v>2</v>
      </c>
      <c r="EQ31" s="280">
        <v>1</v>
      </c>
      <c r="ER31" s="277">
        <v>3</v>
      </c>
      <c r="ES31" s="279">
        <v>0</v>
      </c>
      <c r="ET31" s="280">
        <v>4</v>
      </c>
      <c r="EU31" s="280">
        <v>6</v>
      </c>
      <c r="EV31" s="280">
        <v>2</v>
      </c>
      <c r="EW31" s="280">
        <v>1</v>
      </c>
      <c r="EX31" s="280">
        <v>1</v>
      </c>
      <c r="EY31" s="277">
        <v>14</v>
      </c>
      <c r="EZ31" s="282">
        <v>17</v>
      </c>
    </row>
    <row r="32" spans="2:156" ht="21" customHeight="1" x14ac:dyDescent="0.2">
      <c r="B32" s="261" t="s">
        <v>30</v>
      </c>
      <c r="C32" s="276">
        <v>0</v>
      </c>
      <c r="D32" s="280">
        <v>0</v>
      </c>
      <c r="E32" s="384">
        <v>0</v>
      </c>
      <c r="F32" s="279">
        <v>0</v>
      </c>
      <c r="G32" s="280">
        <v>2</v>
      </c>
      <c r="H32" s="280">
        <v>1</v>
      </c>
      <c r="I32" s="280">
        <v>1</v>
      </c>
      <c r="J32" s="280">
        <v>1</v>
      </c>
      <c r="K32" s="280">
        <v>0</v>
      </c>
      <c r="L32" s="281">
        <v>5</v>
      </c>
      <c r="M32" s="282">
        <v>5</v>
      </c>
      <c r="N32" s="276">
        <v>0</v>
      </c>
      <c r="O32" s="280">
        <v>0</v>
      </c>
      <c r="P32" s="277">
        <v>0</v>
      </c>
      <c r="Q32" s="279">
        <v>0</v>
      </c>
      <c r="R32" s="280">
        <v>0</v>
      </c>
      <c r="S32" s="280">
        <v>0</v>
      </c>
      <c r="T32" s="280">
        <v>0</v>
      </c>
      <c r="U32" s="280">
        <v>0</v>
      </c>
      <c r="V32" s="280">
        <v>0</v>
      </c>
      <c r="W32" s="277">
        <v>0</v>
      </c>
      <c r="X32" s="282">
        <v>0</v>
      </c>
      <c r="Y32" s="276">
        <v>0</v>
      </c>
      <c r="Z32" s="280">
        <v>1</v>
      </c>
      <c r="AA32" s="277">
        <v>1</v>
      </c>
      <c r="AB32" s="279">
        <v>0</v>
      </c>
      <c r="AC32" s="280">
        <v>0</v>
      </c>
      <c r="AD32" s="280">
        <v>0</v>
      </c>
      <c r="AE32" s="280">
        <v>1</v>
      </c>
      <c r="AF32" s="280">
        <v>1</v>
      </c>
      <c r="AG32" s="280">
        <v>0</v>
      </c>
      <c r="AH32" s="277">
        <v>2</v>
      </c>
      <c r="AI32" s="282">
        <v>3</v>
      </c>
      <c r="AJ32" s="276">
        <v>0</v>
      </c>
      <c r="AK32" s="280">
        <v>0</v>
      </c>
      <c r="AL32" s="277">
        <v>0</v>
      </c>
      <c r="AM32" s="279">
        <v>0</v>
      </c>
      <c r="AN32" s="280">
        <v>0</v>
      </c>
      <c r="AO32" s="280">
        <v>0</v>
      </c>
      <c r="AP32" s="280">
        <v>0</v>
      </c>
      <c r="AQ32" s="280">
        <v>0</v>
      </c>
      <c r="AR32" s="280">
        <v>0</v>
      </c>
      <c r="AS32" s="277">
        <v>0</v>
      </c>
      <c r="AT32" s="282">
        <v>0</v>
      </c>
      <c r="AU32" s="276">
        <v>0</v>
      </c>
      <c r="AV32" s="280">
        <v>0</v>
      </c>
      <c r="AW32" s="277">
        <v>0</v>
      </c>
      <c r="AX32" s="279">
        <v>0</v>
      </c>
      <c r="AY32" s="280">
        <v>1</v>
      </c>
      <c r="AZ32" s="280">
        <v>1</v>
      </c>
      <c r="BA32" s="280">
        <v>0</v>
      </c>
      <c r="BB32" s="280">
        <v>2</v>
      </c>
      <c r="BC32" s="280">
        <v>0</v>
      </c>
      <c r="BD32" s="281">
        <v>4</v>
      </c>
      <c r="BE32" s="282">
        <v>4</v>
      </c>
      <c r="BF32" s="276">
        <v>0</v>
      </c>
      <c r="BG32" s="280">
        <v>0</v>
      </c>
      <c r="BH32" s="277">
        <v>0</v>
      </c>
      <c r="BI32" s="279">
        <v>0</v>
      </c>
      <c r="BJ32" s="280">
        <v>1</v>
      </c>
      <c r="BK32" s="280">
        <v>0</v>
      </c>
      <c r="BL32" s="280">
        <v>0</v>
      </c>
      <c r="BM32" s="280">
        <v>2</v>
      </c>
      <c r="BN32" s="280">
        <v>0</v>
      </c>
      <c r="BO32" s="277">
        <v>3</v>
      </c>
      <c r="BP32" s="282">
        <v>3</v>
      </c>
      <c r="BQ32" s="276">
        <v>1</v>
      </c>
      <c r="BR32" s="280">
        <v>0</v>
      </c>
      <c r="BS32" s="277">
        <v>1</v>
      </c>
      <c r="BT32" s="279">
        <v>0</v>
      </c>
      <c r="BU32" s="280">
        <v>0</v>
      </c>
      <c r="BV32" s="280">
        <v>0</v>
      </c>
      <c r="BW32" s="280">
        <v>1</v>
      </c>
      <c r="BX32" s="280">
        <v>0</v>
      </c>
      <c r="BY32" s="280">
        <v>0</v>
      </c>
      <c r="BZ32" s="277">
        <v>1</v>
      </c>
      <c r="CA32" s="282">
        <v>2</v>
      </c>
      <c r="CB32" s="276">
        <v>0</v>
      </c>
      <c r="CC32" s="280">
        <v>0</v>
      </c>
      <c r="CD32" s="277">
        <v>0</v>
      </c>
      <c r="CE32" s="279">
        <v>0</v>
      </c>
      <c r="CF32" s="280">
        <v>0</v>
      </c>
      <c r="CG32" s="280">
        <v>0</v>
      </c>
      <c r="CH32" s="280">
        <v>2</v>
      </c>
      <c r="CI32" s="280">
        <v>0</v>
      </c>
      <c r="CJ32" s="280">
        <v>0</v>
      </c>
      <c r="CK32" s="277">
        <v>2</v>
      </c>
      <c r="CL32" s="282">
        <v>2</v>
      </c>
      <c r="CM32" s="276">
        <v>0</v>
      </c>
      <c r="CN32" s="280">
        <v>0</v>
      </c>
      <c r="CO32" s="277">
        <v>0</v>
      </c>
      <c r="CP32" s="279">
        <v>0</v>
      </c>
      <c r="CQ32" s="280">
        <v>0</v>
      </c>
      <c r="CR32" s="280">
        <v>0</v>
      </c>
      <c r="CS32" s="280">
        <v>0</v>
      </c>
      <c r="CT32" s="280">
        <v>0</v>
      </c>
      <c r="CU32" s="280">
        <v>0</v>
      </c>
      <c r="CV32" s="277">
        <v>0</v>
      </c>
      <c r="CW32" s="282">
        <v>0</v>
      </c>
      <c r="CX32" s="276">
        <v>0</v>
      </c>
      <c r="CY32" s="280">
        <v>0</v>
      </c>
      <c r="CZ32" s="277">
        <v>0</v>
      </c>
      <c r="DA32" s="279">
        <v>0</v>
      </c>
      <c r="DB32" s="280">
        <v>0</v>
      </c>
      <c r="DC32" s="280">
        <v>0</v>
      </c>
      <c r="DD32" s="280">
        <v>0</v>
      </c>
      <c r="DE32" s="280">
        <v>0</v>
      </c>
      <c r="DF32" s="280">
        <v>0</v>
      </c>
      <c r="DG32" s="277">
        <v>0</v>
      </c>
      <c r="DH32" s="282">
        <v>0</v>
      </c>
      <c r="DI32" s="276">
        <v>0</v>
      </c>
      <c r="DJ32" s="280">
        <v>0</v>
      </c>
      <c r="DK32" s="277">
        <v>0</v>
      </c>
      <c r="DL32" s="279">
        <v>0</v>
      </c>
      <c r="DM32" s="280">
        <v>0</v>
      </c>
      <c r="DN32" s="280">
        <v>0</v>
      </c>
      <c r="DO32" s="280">
        <v>0</v>
      </c>
      <c r="DP32" s="280">
        <v>0</v>
      </c>
      <c r="DQ32" s="280">
        <v>0</v>
      </c>
      <c r="DR32" s="277">
        <v>0</v>
      </c>
      <c r="DS32" s="282">
        <v>0</v>
      </c>
      <c r="DT32" s="276">
        <v>0</v>
      </c>
      <c r="DU32" s="280">
        <v>3</v>
      </c>
      <c r="DV32" s="277">
        <v>3</v>
      </c>
      <c r="DW32" s="279">
        <v>0</v>
      </c>
      <c r="DX32" s="280">
        <v>1</v>
      </c>
      <c r="DY32" s="280">
        <v>1</v>
      </c>
      <c r="DZ32" s="280">
        <v>3</v>
      </c>
      <c r="EA32" s="280">
        <v>3</v>
      </c>
      <c r="EB32" s="280">
        <v>0</v>
      </c>
      <c r="EC32" s="277">
        <v>8</v>
      </c>
      <c r="ED32" s="282">
        <v>11</v>
      </c>
      <c r="EE32" s="276">
        <v>0</v>
      </c>
      <c r="EF32" s="280">
        <v>0</v>
      </c>
      <c r="EG32" s="277">
        <v>0</v>
      </c>
      <c r="EH32" s="279">
        <v>0</v>
      </c>
      <c r="EI32" s="280">
        <v>1</v>
      </c>
      <c r="EJ32" s="280">
        <v>0</v>
      </c>
      <c r="EK32" s="280">
        <v>0</v>
      </c>
      <c r="EL32" s="280">
        <v>0</v>
      </c>
      <c r="EM32" s="280">
        <v>0</v>
      </c>
      <c r="EN32" s="277">
        <v>1</v>
      </c>
      <c r="EO32" s="282">
        <v>1</v>
      </c>
      <c r="EP32" s="276">
        <v>3</v>
      </c>
      <c r="EQ32" s="280">
        <v>4</v>
      </c>
      <c r="ER32" s="277">
        <v>7</v>
      </c>
      <c r="ES32" s="279">
        <v>0</v>
      </c>
      <c r="ET32" s="280">
        <v>5</v>
      </c>
      <c r="EU32" s="280">
        <v>1</v>
      </c>
      <c r="EV32" s="280">
        <v>3</v>
      </c>
      <c r="EW32" s="280">
        <v>3</v>
      </c>
      <c r="EX32" s="280">
        <v>0</v>
      </c>
      <c r="EY32" s="277">
        <v>12</v>
      </c>
      <c r="EZ32" s="282">
        <v>19</v>
      </c>
    </row>
    <row r="33" spans="2:156" ht="21" customHeight="1" x14ac:dyDescent="0.2">
      <c r="B33" s="261" t="s">
        <v>31</v>
      </c>
      <c r="C33" s="276">
        <v>0</v>
      </c>
      <c r="D33" s="280">
        <v>0</v>
      </c>
      <c r="E33" s="384">
        <v>0</v>
      </c>
      <c r="F33" s="279">
        <v>0</v>
      </c>
      <c r="G33" s="280">
        <v>1</v>
      </c>
      <c r="H33" s="280">
        <v>1</v>
      </c>
      <c r="I33" s="280">
        <v>1</v>
      </c>
      <c r="J33" s="280">
        <v>0</v>
      </c>
      <c r="K33" s="280">
        <v>0</v>
      </c>
      <c r="L33" s="281">
        <v>3</v>
      </c>
      <c r="M33" s="282">
        <v>3</v>
      </c>
      <c r="N33" s="276">
        <v>0</v>
      </c>
      <c r="O33" s="280">
        <v>0</v>
      </c>
      <c r="P33" s="277">
        <v>0</v>
      </c>
      <c r="Q33" s="279">
        <v>0</v>
      </c>
      <c r="R33" s="280">
        <v>0</v>
      </c>
      <c r="S33" s="280">
        <v>1</v>
      </c>
      <c r="T33" s="280">
        <v>1</v>
      </c>
      <c r="U33" s="280">
        <v>0</v>
      </c>
      <c r="V33" s="280">
        <v>0</v>
      </c>
      <c r="W33" s="277">
        <v>2</v>
      </c>
      <c r="X33" s="282">
        <v>2</v>
      </c>
      <c r="Y33" s="276">
        <v>1</v>
      </c>
      <c r="Z33" s="280">
        <v>0</v>
      </c>
      <c r="AA33" s="277">
        <v>1</v>
      </c>
      <c r="AB33" s="279">
        <v>0</v>
      </c>
      <c r="AC33" s="280">
        <v>0</v>
      </c>
      <c r="AD33" s="280">
        <v>0</v>
      </c>
      <c r="AE33" s="280">
        <v>2</v>
      </c>
      <c r="AF33" s="280">
        <v>2</v>
      </c>
      <c r="AG33" s="280">
        <v>0</v>
      </c>
      <c r="AH33" s="277">
        <v>4</v>
      </c>
      <c r="AI33" s="282">
        <v>5</v>
      </c>
      <c r="AJ33" s="276">
        <v>0</v>
      </c>
      <c r="AK33" s="280">
        <v>0</v>
      </c>
      <c r="AL33" s="277">
        <v>0</v>
      </c>
      <c r="AM33" s="279">
        <v>0</v>
      </c>
      <c r="AN33" s="280">
        <v>0</v>
      </c>
      <c r="AO33" s="280">
        <v>2</v>
      </c>
      <c r="AP33" s="280">
        <v>0</v>
      </c>
      <c r="AQ33" s="280">
        <v>0</v>
      </c>
      <c r="AR33" s="280">
        <v>0</v>
      </c>
      <c r="AS33" s="277">
        <v>2</v>
      </c>
      <c r="AT33" s="282">
        <v>2</v>
      </c>
      <c r="AU33" s="276">
        <v>0</v>
      </c>
      <c r="AV33" s="280">
        <v>0</v>
      </c>
      <c r="AW33" s="277">
        <v>0</v>
      </c>
      <c r="AX33" s="279">
        <v>0</v>
      </c>
      <c r="AY33" s="280">
        <v>0</v>
      </c>
      <c r="AZ33" s="280">
        <v>0</v>
      </c>
      <c r="BA33" s="280">
        <v>0</v>
      </c>
      <c r="BB33" s="280">
        <v>1</v>
      </c>
      <c r="BC33" s="280">
        <v>0</v>
      </c>
      <c r="BD33" s="281">
        <v>1</v>
      </c>
      <c r="BE33" s="282">
        <v>1</v>
      </c>
      <c r="BF33" s="276">
        <v>0</v>
      </c>
      <c r="BG33" s="280">
        <v>0</v>
      </c>
      <c r="BH33" s="277">
        <v>0</v>
      </c>
      <c r="BI33" s="279">
        <v>0</v>
      </c>
      <c r="BJ33" s="280">
        <v>2</v>
      </c>
      <c r="BK33" s="280">
        <v>2</v>
      </c>
      <c r="BL33" s="280">
        <v>1</v>
      </c>
      <c r="BM33" s="280">
        <v>2</v>
      </c>
      <c r="BN33" s="280">
        <v>0</v>
      </c>
      <c r="BO33" s="277">
        <v>7</v>
      </c>
      <c r="BP33" s="282">
        <v>7</v>
      </c>
      <c r="BQ33" s="276">
        <v>0</v>
      </c>
      <c r="BR33" s="280">
        <v>0</v>
      </c>
      <c r="BS33" s="277">
        <v>0</v>
      </c>
      <c r="BT33" s="279">
        <v>0</v>
      </c>
      <c r="BU33" s="280">
        <v>1</v>
      </c>
      <c r="BV33" s="280">
        <v>2</v>
      </c>
      <c r="BW33" s="280">
        <v>0</v>
      </c>
      <c r="BX33" s="280">
        <v>1</v>
      </c>
      <c r="BY33" s="280">
        <v>0</v>
      </c>
      <c r="BZ33" s="277">
        <v>4</v>
      </c>
      <c r="CA33" s="282">
        <v>4</v>
      </c>
      <c r="CB33" s="276">
        <v>0</v>
      </c>
      <c r="CC33" s="280">
        <v>0</v>
      </c>
      <c r="CD33" s="277">
        <v>0</v>
      </c>
      <c r="CE33" s="279">
        <v>0</v>
      </c>
      <c r="CF33" s="280">
        <v>0</v>
      </c>
      <c r="CG33" s="280">
        <v>3</v>
      </c>
      <c r="CH33" s="280">
        <v>0</v>
      </c>
      <c r="CI33" s="280">
        <v>0</v>
      </c>
      <c r="CJ33" s="280">
        <v>0</v>
      </c>
      <c r="CK33" s="277">
        <v>3</v>
      </c>
      <c r="CL33" s="282">
        <v>3</v>
      </c>
      <c r="CM33" s="276">
        <v>0</v>
      </c>
      <c r="CN33" s="280">
        <v>0</v>
      </c>
      <c r="CO33" s="277">
        <v>0</v>
      </c>
      <c r="CP33" s="279">
        <v>0</v>
      </c>
      <c r="CQ33" s="280">
        <v>0</v>
      </c>
      <c r="CR33" s="280">
        <v>0</v>
      </c>
      <c r="CS33" s="280">
        <v>0</v>
      </c>
      <c r="CT33" s="280">
        <v>0</v>
      </c>
      <c r="CU33" s="280">
        <v>0</v>
      </c>
      <c r="CV33" s="277">
        <v>0</v>
      </c>
      <c r="CW33" s="282">
        <v>0</v>
      </c>
      <c r="CX33" s="276">
        <v>0</v>
      </c>
      <c r="CY33" s="280">
        <v>0</v>
      </c>
      <c r="CZ33" s="277">
        <v>0</v>
      </c>
      <c r="DA33" s="279">
        <v>0</v>
      </c>
      <c r="DB33" s="280">
        <v>0</v>
      </c>
      <c r="DC33" s="280">
        <v>0</v>
      </c>
      <c r="DD33" s="280">
        <v>0</v>
      </c>
      <c r="DE33" s="280">
        <v>0</v>
      </c>
      <c r="DF33" s="280">
        <v>0</v>
      </c>
      <c r="DG33" s="277">
        <v>0</v>
      </c>
      <c r="DH33" s="282">
        <v>0</v>
      </c>
      <c r="DI33" s="276">
        <v>0</v>
      </c>
      <c r="DJ33" s="280">
        <v>0</v>
      </c>
      <c r="DK33" s="277">
        <v>0</v>
      </c>
      <c r="DL33" s="279">
        <v>0</v>
      </c>
      <c r="DM33" s="280">
        <v>0</v>
      </c>
      <c r="DN33" s="280">
        <v>0</v>
      </c>
      <c r="DO33" s="280">
        <v>0</v>
      </c>
      <c r="DP33" s="280">
        <v>0</v>
      </c>
      <c r="DQ33" s="280">
        <v>0</v>
      </c>
      <c r="DR33" s="277">
        <v>0</v>
      </c>
      <c r="DS33" s="282">
        <v>0</v>
      </c>
      <c r="DT33" s="276">
        <v>2</v>
      </c>
      <c r="DU33" s="280">
        <v>3</v>
      </c>
      <c r="DV33" s="277">
        <v>5</v>
      </c>
      <c r="DW33" s="279">
        <v>0</v>
      </c>
      <c r="DX33" s="280">
        <v>4</v>
      </c>
      <c r="DY33" s="280">
        <v>8</v>
      </c>
      <c r="DZ33" s="280">
        <v>3</v>
      </c>
      <c r="EA33" s="280">
        <v>2</v>
      </c>
      <c r="EB33" s="280">
        <v>0</v>
      </c>
      <c r="EC33" s="277">
        <v>17</v>
      </c>
      <c r="ED33" s="282">
        <v>22</v>
      </c>
      <c r="EE33" s="276">
        <v>0</v>
      </c>
      <c r="EF33" s="280">
        <v>0</v>
      </c>
      <c r="EG33" s="277">
        <v>0</v>
      </c>
      <c r="EH33" s="279">
        <v>0</v>
      </c>
      <c r="EI33" s="280">
        <v>0</v>
      </c>
      <c r="EJ33" s="280">
        <v>0</v>
      </c>
      <c r="EK33" s="280">
        <v>0</v>
      </c>
      <c r="EL33" s="280">
        <v>0</v>
      </c>
      <c r="EM33" s="280">
        <v>0</v>
      </c>
      <c r="EN33" s="277">
        <v>0</v>
      </c>
      <c r="EO33" s="282">
        <v>0</v>
      </c>
      <c r="EP33" s="276">
        <v>3</v>
      </c>
      <c r="EQ33" s="280">
        <v>3</v>
      </c>
      <c r="ER33" s="277">
        <v>6</v>
      </c>
      <c r="ES33" s="279">
        <v>0</v>
      </c>
      <c r="ET33" s="280">
        <v>6</v>
      </c>
      <c r="EU33" s="280">
        <v>11</v>
      </c>
      <c r="EV33" s="280">
        <v>3</v>
      </c>
      <c r="EW33" s="280">
        <v>3</v>
      </c>
      <c r="EX33" s="280">
        <v>0</v>
      </c>
      <c r="EY33" s="277">
        <v>23</v>
      </c>
      <c r="EZ33" s="282">
        <v>29</v>
      </c>
    </row>
    <row r="34" spans="2:156" ht="21" customHeight="1" x14ac:dyDescent="0.2">
      <c r="B34" s="261" t="s">
        <v>32</v>
      </c>
      <c r="C34" s="276">
        <v>0</v>
      </c>
      <c r="D34" s="280">
        <v>0</v>
      </c>
      <c r="E34" s="384">
        <v>0</v>
      </c>
      <c r="F34" s="279">
        <v>0</v>
      </c>
      <c r="G34" s="280">
        <v>1</v>
      </c>
      <c r="H34" s="280">
        <v>2</v>
      </c>
      <c r="I34" s="280">
        <v>2</v>
      </c>
      <c r="J34" s="280">
        <v>1</v>
      </c>
      <c r="K34" s="280">
        <v>1</v>
      </c>
      <c r="L34" s="281">
        <v>7</v>
      </c>
      <c r="M34" s="282">
        <v>7</v>
      </c>
      <c r="N34" s="276">
        <v>0</v>
      </c>
      <c r="O34" s="280">
        <v>0</v>
      </c>
      <c r="P34" s="277">
        <v>0</v>
      </c>
      <c r="Q34" s="279">
        <v>0</v>
      </c>
      <c r="R34" s="280">
        <v>0</v>
      </c>
      <c r="S34" s="280">
        <v>0</v>
      </c>
      <c r="T34" s="280">
        <v>0</v>
      </c>
      <c r="U34" s="280">
        <v>0</v>
      </c>
      <c r="V34" s="280">
        <v>1</v>
      </c>
      <c r="W34" s="277">
        <v>1</v>
      </c>
      <c r="X34" s="282">
        <v>1</v>
      </c>
      <c r="Y34" s="276">
        <v>0</v>
      </c>
      <c r="Z34" s="280">
        <v>1</v>
      </c>
      <c r="AA34" s="277">
        <v>1</v>
      </c>
      <c r="AB34" s="279">
        <v>0</v>
      </c>
      <c r="AC34" s="280">
        <v>1</v>
      </c>
      <c r="AD34" s="280">
        <v>1</v>
      </c>
      <c r="AE34" s="280">
        <v>1</v>
      </c>
      <c r="AF34" s="280">
        <v>0</v>
      </c>
      <c r="AG34" s="280">
        <v>0</v>
      </c>
      <c r="AH34" s="277">
        <v>3</v>
      </c>
      <c r="AI34" s="282">
        <v>4</v>
      </c>
      <c r="AJ34" s="276">
        <v>0</v>
      </c>
      <c r="AK34" s="280">
        <v>0</v>
      </c>
      <c r="AL34" s="277">
        <v>0</v>
      </c>
      <c r="AM34" s="279">
        <v>0</v>
      </c>
      <c r="AN34" s="280">
        <v>0</v>
      </c>
      <c r="AO34" s="280">
        <v>1</v>
      </c>
      <c r="AP34" s="280">
        <v>0</v>
      </c>
      <c r="AQ34" s="280">
        <v>0</v>
      </c>
      <c r="AR34" s="280">
        <v>0</v>
      </c>
      <c r="AS34" s="277">
        <v>1</v>
      </c>
      <c r="AT34" s="282">
        <v>1</v>
      </c>
      <c r="AU34" s="276">
        <v>0</v>
      </c>
      <c r="AV34" s="280">
        <v>0</v>
      </c>
      <c r="AW34" s="277">
        <v>0</v>
      </c>
      <c r="AX34" s="279">
        <v>0</v>
      </c>
      <c r="AY34" s="280">
        <v>0</v>
      </c>
      <c r="AZ34" s="280">
        <v>1</v>
      </c>
      <c r="BA34" s="280">
        <v>4</v>
      </c>
      <c r="BB34" s="280">
        <v>3</v>
      </c>
      <c r="BC34" s="280">
        <v>0</v>
      </c>
      <c r="BD34" s="281">
        <v>8</v>
      </c>
      <c r="BE34" s="282">
        <v>8</v>
      </c>
      <c r="BF34" s="276">
        <v>0</v>
      </c>
      <c r="BG34" s="280">
        <v>0</v>
      </c>
      <c r="BH34" s="277">
        <v>0</v>
      </c>
      <c r="BI34" s="279">
        <v>0</v>
      </c>
      <c r="BJ34" s="280">
        <v>1</v>
      </c>
      <c r="BK34" s="280">
        <v>2</v>
      </c>
      <c r="BL34" s="280">
        <v>3</v>
      </c>
      <c r="BM34" s="280">
        <v>0</v>
      </c>
      <c r="BN34" s="280">
        <v>1</v>
      </c>
      <c r="BO34" s="277">
        <v>7</v>
      </c>
      <c r="BP34" s="282">
        <v>7</v>
      </c>
      <c r="BQ34" s="276">
        <v>0</v>
      </c>
      <c r="BR34" s="280">
        <v>0</v>
      </c>
      <c r="BS34" s="277">
        <v>0</v>
      </c>
      <c r="BT34" s="279">
        <v>0</v>
      </c>
      <c r="BU34" s="280">
        <v>2</v>
      </c>
      <c r="BV34" s="280">
        <v>1</v>
      </c>
      <c r="BW34" s="280">
        <v>1</v>
      </c>
      <c r="BX34" s="280">
        <v>0</v>
      </c>
      <c r="BY34" s="280">
        <v>1</v>
      </c>
      <c r="BZ34" s="277">
        <v>5</v>
      </c>
      <c r="CA34" s="282">
        <v>5</v>
      </c>
      <c r="CB34" s="276">
        <v>0</v>
      </c>
      <c r="CC34" s="280">
        <v>0</v>
      </c>
      <c r="CD34" s="277">
        <v>0</v>
      </c>
      <c r="CE34" s="279">
        <v>0</v>
      </c>
      <c r="CF34" s="280">
        <v>0</v>
      </c>
      <c r="CG34" s="280">
        <v>0</v>
      </c>
      <c r="CH34" s="280">
        <v>0</v>
      </c>
      <c r="CI34" s="280">
        <v>0</v>
      </c>
      <c r="CJ34" s="280">
        <v>1</v>
      </c>
      <c r="CK34" s="277">
        <v>1</v>
      </c>
      <c r="CL34" s="282">
        <v>1</v>
      </c>
      <c r="CM34" s="276">
        <v>0</v>
      </c>
      <c r="CN34" s="280">
        <v>0</v>
      </c>
      <c r="CO34" s="277">
        <v>0</v>
      </c>
      <c r="CP34" s="279">
        <v>0</v>
      </c>
      <c r="CQ34" s="280">
        <v>0</v>
      </c>
      <c r="CR34" s="280">
        <v>0</v>
      </c>
      <c r="CS34" s="280">
        <v>0</v>
      </c>
      <c r="CT34" s="280">
        <v>0</v>
      </c>
      <c r="CU34" s="280">
        <v>0</v>
      </c>
      <c r="CV34" s="277">
        <v>0</v>
      </c>
      <c r="CW34" s="282">
        <v>0</v>
      </c>
      <c r="CX34" s="276">
        <v>0</v>
      </c>
      <c r="CY34" s="280">
        <v>0</v>
      </c>
      <c r="CZ34" s="277">
        <v>0</v>
      </c>
      <c r="DA34" s="279">
        <v>0</v>
      </c>
      <c r="DB34" s="280">
        <v>0</v>
      </c>
      <c r="DC34" s="280">
        <v>0</v>
      </c>
      <c r="DD34" s="280">
        <v>0</v>
      </c>
      <c r="DE34" s="280">
        <v>0</v>
      </c>
      <c r="DF34" s="280">
        <v>0</v>
      </c>
      <c r="DG34" s="277">
        <v>0</v>
      </c>
      <c r="DH34" s="282">
        <v>0</v>
      </c>
      <c r="DI34" s="276">
        <v>0</v>
      </c>
      <c r="DJ34" s="280">
        <v>0</v>
      </c>
      <c r="DK34" s="277">
        <v>0</v>
      </c>
      <c r="DL34" s="279">
        <v>0</v>
      </c>
      <c r="DM34" s="280">
        <v>0</v>
      </c>
      <c r="DN34" s="280">
        <v>0</v>
      </c>
      <c r="DO34" s="280">
        <v>0</v>
      </c>
      <c r="DP34" s="280">
        <v>0</v>
      </c>
      <c r="DQ34" s="280">
        <v>0</v>
      </c>
      <c r="DR34" s="277">
        <v>0</v>
      </c>
      <c r="DS34" s="282">
        <v>0</v>
      </c>
      <c r="DT34" s="276">
        <v>0</v>
      </c>
      <c r="DU34" s="280">
        <v>3</v>
      </c>
      <c r="DV34" s="277">
        <v>3</v>
      </c>
      <c r="DW34" s="279">
        <v>0</v>
      </c>
      <c r="DX34" s="280">
        <v>6</v>
      </c>
      <c r="DY34" s="280">
        <v>8</v>
      </c>
      <c r="DZ34" s="280">
        <v>5</v>
      </c>
      <c r="EA34" s="280">
        <v>1</v>
      </c>
      <c r="EB34" s="280">
        <v>2</v>
      </c>
      <c r="EC34" s="277">
        <v>22</v>
      </c>
      <c r="ED34" s="282">
        <v>25</v>
      </c>
      <c r="EE34" s="276">
        <v>0</v>
      </c>
      <c r="EF34" s="280">
        <v>0</v>
      </c>
      <c r="EG34" s="277">
        <v>0</v>
      </c>
      <c r="EH34" s="279">
        <v>0</v>
      </c>
      <c r="EI34" s="280">
        <v>0</v>
      </c>
      <c r="EJ34" s="280">
        <v>1</v>
      </c>
      <c r="EK34" s="280">
        <v>1</v>
      </c>
      <c r="EL34" s="280">
        <v>2</v>
      </c>
      <c r="EM34" s="280">
        <v>0</v>
      </c>
      <c r="EN34" s="277">
        <v>4</v>
      </c>
      <c r="EO34" s="282">
        <v>4</v>
      </c>
      <c r="EP34" s="276">
        <v>0</v>
      </c>
      <c r="EQ34" s="280">
        <v>4</v>
      </c>
      <c r="ER34" s="277">
        <v>4</v>
      </c>
      <c r="ES34" s="279">
        <v>0</v>
      </c>
      <c r="ET34" s="280">
        <v>8</v>
      </c>
      <c r="EU34" s="280">
        <v>10</v>
      </c>
      <c r="EV34" s="280">
        <v>5</v>
      </c>
      <c r="EW34" s="280">
        <v>1</v>
      </c>
      <c r="EX34" s="280">
        <v>2</v>
      </c>
      <c r="EY34" s="277">
        <v>26</v>
      </c>
      <c r="EZ34" s="282">
        <v>30</v>
      </c>
    </row>
    <row r="35" spans="2:156" ht="21" customHeight="1" x14ac:dyDescent="0.2">
      <c r="B35" s="261" t="s">
        <v>33</v>
      </c>
      <c r="C35" s="276">
        <v>0</v>
      </c>
      <c r="D35" s="280">
        <v>0</v>
      </c>
      <c r="E35" s="384">
        <v>0</v>
      </c>
      <c r="F35" s="279">
        <v>0</v>
      </c>
      <c r="G35" s="280">
        <v>2</v>
      </c>
      <c r="H35" s="280">
        <v>0</v>
      </c>
      <c r="I35" s="280">
        <v>0</v>
      </c>
      <c r="J35" s="280">
        <v>0</v>
      </c>
      <c r="K35" s="280">
        <v>1</v>
      </c>
      <c r="L35" s="281">
        <v>3</v>
      </c>
      <c r="M35" s="282">
        <v>3</v>
      </c>
      <c r="N35" s="276">
        <v>0</v>
      </c>
      <c r="O35" s="280">
        <v>0</v>
      </c>
      <c r="P35" s="277">
        <v>0</v>
      </c>
      <c r="Q35" s="279">
        <v>0</v>
      </c>
      <c r="R35" s="280">
        <v>0</v>
      </c>
      <c r="S35" s="280">
        <v>0</v>
      </c>
      <c r="T35" s="280">
        <v>0</v>
      </c>
      <c r="U35" s="280">
        <v>1</v>
      </c>
      <c r="V35" s="280">
        <v>0</v>
      </c>
      <c r="W35" s="277">
        <v>1</v>
      </c>
      <c r="X35" s="282">
        <v>1</v>
      </c>
      <c r="Y35" s="276">
        <v>0</v>
      </c>
      <c r="Z35" s="280">
        <v>0</v>
      </c>
      <c r="AA35" s="277">
        <v>0</v>
      </c>
      <c r="AB35" s="279">
        <v>0</v>
      </c>
      <c r="AC35" s="280">
        <v>1</v>
      </c>
      <c r="AD35" s="280">
        <v>1</v>
      </c>
      <c r="AE35" s="280">
        <v>0</v>
      </c>
      <c r="AF35" s="280">
        <v>0</v>
      </c>
      <c r="AG35" s="280">
        <v>1</v>
      </c>
      <c r="AH35" s="277">
        <v>3</v>
      </c>
      <c r="AI35" s="282">
        <v>3</v>
      </c>
      <c r="AJ35" s="276">
        <v>1</v>
      </c>
      <c r="AK35" s="280">
        <v>1</v>
      </c>
      <c r="AL35" s="277">
        <v>2</v>
      </c>
      <c r="AM35" s="279">
        <v>0</v>
      </c>
      <c r="AN35" s="280">
        <v>1</v>
      </c>
      <c r="AO35" s="280">
        <v>0</v>
      </c>
      <c r="AP35" s="280">
        <v>0</v>
      </c>
      <c r="AQ35" s="280">
        <v>1</v>
      </c>
      <c r="AR35" s="280">
        <v>1</v>
      </c>
      <c r="AS35" s="277">
        <v>3</v>
      </c>
      <c r="AT35" s="282">
        <v>5</v>
      </c>
      <c r="AU35" s="276">
        <v>0</v>
      </c>
      <c r="AV35" s="280">
        <v>0</v>
      </c>
      <c r="AW35" s="277">
        <v>0</v>
      </c>
      <c r="AX35" s="279">
        <v>0</v>
      </c>
      <c r="AY35" s="280">
        <v>2</v>
      </c>
      <c r="AZ35" s="280">
        <v>1</v>
      </c>
      <c r="BA35" s="280">
        <v>1</v>
      </c>
      <c r="BB35" s="280">
        <v>1</v>
      </c>
      <c r="BC35" s="280">
        <v>0</v>
      </c>
      <c r="BD35" s="281">
        <v>5</v>
      </c>
      <c r="BE35" s="282">
        <v>5</v>
      </c>
      <c r="BF35" s="276">
        <v>0</v>
      </c>
      <c r="BG35" s="280">
        <v>0</v>
      </c>
      <c r="BH35" s="277">
        <v>0</v>
      </c>
      <c r="BI35" s="279">
        <v>0</v>
      </c>
      <c r="BJ35" s="280">
        <v>1</v>
      </c>
      <c r="BK35" s="280">
        <v>0</v>
      </c>
      <c r="BL35" s="280">
        <v>0</v>
      </c>
      <c r="BM35" s="280">
        <v>0</v>
      </c>
      <c r="BN35" s="280">
        <v>0</v>
      </c>
      <c r="BO35" s="277">
        <v>1</v>
      </c>
      <c r="BP35" s="282">
        <v>1</v>
      </c>
      <c r="BQ35" s="276">
        <v>1</v>
      </c>
      <c r="BR35" s="280">
        <v>0</v>
      </c>
      <c r="BS35" s="277">
        <v>1</v>
      </c>
      <c r="BT35" s="279">
        <v>0</v>
      </c>
      <c r="BU35" s="280">
        <v>2</v>
      </c>
      <c r="BV35" s="280">
        <v>1</v>
      </c>
      <c r="BW35" s="280">
        <v>0</v>
      </c>
      <c r="BX35" s="280">
        <v>0</v>
      </c>
      <c r="BY35" s="280">
        <v>0</v>
      </c>
      <c r="BZ35" s="277">
        <v>3</v>
      </c>
      <c r="CA35" s="282">
        <v>4</v>
      </c>
      <c r="CB35" s="276">
        <v>0</v>
      </c>
      <c r="CC35" s="280">
        <v>0</v>
      </c>
      <c r="CD35" s="277">
        <v>0</v>
      </c>
      <c r="CE35" s="279">
        <v>0</v>
      </c>
      <c r="CF35" s="280">
        <v>0</v>
      </c>
      <c r="CG35" s="280">
        <v>0</v>
      </c>
      <c r="CH35" s="280">
        <v>0</v>
      </c>
      <c r="CI35" s="280">
        <v>0</v>
      </c>
      <c r="CJ35" s="280">
        <v>0</v>
      </c>
      <c r="CK35" s="277">
        <v>0</v>
      </c>
      <c r="CL35" s="282">
        <v>0</v>
      </c>
      <c r="CM35" s="276">
        <v>0</v>
      </c>
      <c r="CN35" s="280">
        <v>0</v>
      </c>
      <c r="CO35" s="277">
        <v>0</v>
      </c>
      <c r="CP35" s="279">
        <v>0</v>
      </c>
      <c r="CQ35" s="280">
        <v>0</v>
      </c>
      <c r="CR35" s="280">
        <v>0</v>
      </c>
      <c r="CS35" s="280">
        <v>0</v>
      </c>
      <c r="CT35" s="280">
        <v>0</v>
      </c>
      <c r="CU35" s="280">
        <v>0</v>
      </c>
      <c r="CV35" s="277">
        <v>0</v>
      </c>
      <c r="CW35" s="282">
        <v>0</v>
      </c>
      <c r="CX35" s="276">
        <v>0</v>
      </c>
      <c r="CY35" s="280">
        <v>0</v>
      </c>
      <c r="CZ35" s="277">
        <v>0</v>
      </c>
      <c r="DA35" s="279">
        <v>0</v>
      </c>
      <c r="DB35" s="280">
        <v>0</v>
      </c>
      <c r="DC35" s="280">
        <v>0</v>
      </c>
      <c r="DD35" s="280">
        <v>0</v>
      </c>
      <c r="DE35" s="280">
        <v>0</v>
      </c>
      <c r="DF35" s="280">
        <v>0</v>
      </c>
      <c r="DG35" s="277">
        <v>0</v>
      </c>
      <c r="DH35" s="282">
        <v>0</v>
      </c>
      <c r="DI35" s="276">
        <v>0</v>
      </c>
      <c r="DJ35" s="280">
        <v>0</v>
      </c>
      <c r="DK35" s="277">
        <v>0</v>
      </c>
      <c r="DL35" s="279">
        <v>0</v>
      </c>
      <c r="DM35" s="280">
        <v>0</v>
      </c>
      <c r="DN35" s="280">
        <v>0</v>
      </c>
      <c r="DO35" s="280">
        <v>0</v>
      </c>
      <c r="DP35" s="280">
        <v>0</v>
      </c>
      <c r="DQ35" s="280">
        <v>0</v>
      </c>
      <c r="DR35" s="277">
        <v>0</v>
      </c>
      <c r="DS35" s="282">
        <v>0</v>
      </c>
      <c r="DT35" s="276">
        <v>1</v>
      </c>
      <c r="DU35" s="280">
        <v>0</v>
      </c>
      <c r="DV35" s="277">
        <v>1</v>
      </c>
      <c r="DW35" s="279">
        <v>0</v>
      </c>
      <c r="DX35" s="280">
        <v>4</v>
      </c>
      <c r="DY35" s="280">
        <v>1</v>
      </c>
      <c r="DZ35" s="280">
        <v>1</v>
      </c>
      <c r="EA35" s="280">
        <v>1</v>
      </c>
      <c r="EB35" s="280">
        <v>0</v>
      </c>
      <c r="EC35" s="277">
        <v>7</v>
      </c>
      <c r="ED35" s="282">
        <v>8</v>
      </c>
      <c r="EE35" s="276">
        <v>0</v>
      </c>
      <c r="EF35" s="280">
        <v>0</v>
      </c>
      <c r="EG35" s="277">
        <v>0</v>
      </c>
      <c r="EH35" s="279">
        <v>0</v>
      </c>
      <c r="EI35" s="280">
        <v>0</v>
      </c>
      <c r="EJ35" s="280">
        <v>1</v>
      </c>
      <c r="EK35" s="280">
        <v>0</v>
      </c>
      <c r="EL35" s="280">
        <v>1</v>
      </c>
      <c r="EM35" s="280">
        <v>0</v>
      </c>
      <c r="EN35" s="277">
        <v>2</v>
      </c>
      <c r="EO35" s="282">
        <v>2</v>
      </c>
      <c r="EP35" s="276">
        <v>2</v>
      </c>
      <c r="EQ35" s="280">
        <v>1</v>
      </c>
      <c r="ER35" s="277">
        <v>3</v>
      </c>
      <c r="ES35" s="279">
        <v>0</v>
      </c>
      <c r="ET35" s="280">
        <v>6</v>
      </c>
      <c r="EU35" s="280">
        <v>2</v>
      </c>
      <c r="EV35" s="280">
        <v>0</v>
      </c>
      <c r="EW35" s="280">
        <v>1</v>
      </c>
      <c r="EX35" s="280">
        <v>1</v>
      </c>
      <c r="EY35" s="277">
        <v>10</v>
      </c>
      <c r="EZ35" s="282">
        <v>13</v>
      </c>
    </row>
    <row r="36" spans="2:156" ht="21" customHeight="1" x14ac:dyDescent="0.2">
      <c r="B36" s="261" t="s">
        <v>34</v>
      </c>
      <c r="C36" s="276">
        <v>0</v>
      </c>
      <c r="D36" s="280">
        <v>0</v>
      </c>
      <c r="E36" s="384">
        <v>0</v>
      </c>
      <c r="F36" s="279">
        <v>0</v>
      </c>
      <c r="G36" s="280">
        <v>0</v>
      </c>
      <c r="H36" s="280">
        <v>0</v>
      </c>
      <c r="I36" s="280">
        <v>0</v>
      </c>
      <c r="J36" s="280">
        <v>0</v>
      </c>
      <c r="K36" s="280">
        <v>0</v>
      </c>
      <c r="L36" s="281">
        <v>0</v>
      </c>
      <c r="M36" s="282">
        <v>0</v>
      </c>
      <c r="N36" s="276">
        <v>0</v>
      </c>
      <c r="O36" s="280">
        <v>0</v>
      </c>
      <c r="P36" s="277">
        <v>0</v>
      </c>
      <c r="Q36" s="279">
        <v>0</v>
      </c>
      <c r="R36" s="280">
        <v>0</v>
      </c>
      <c r="S36" s="280">
        <v>0</v>
      </c>
      <c r="T36" s="280">
        <v>0</v>
      </c>
      <c r="U36" s="280">
        <v>0</v>
      </c>
      <c r="V36" s="280">
        <v>0</v>
      </c>
      <c r="W36" s="277">
        <v>0</v>
      </c>
      <c r="X36" s="282">
        <v>0</v>
      </c>
      <c r="Y36" s="276">
        <v>0</v>
      </c>
      <c r="Z36" s="280">
        <v>0</v>
      </c>
      <c r="AA36" s="277">
        <v>0</v>
      </c>
      <c r="AB36" s="279">
        <v>0</v>
      </c>
      <c r="AC36" s="280">
        <v>0</v>
      </c>
      <c r="AD36" s="280">
        <v>0</v>
      </c>
      <c r="AE36" s="280">
        <v>0</v>
      </c>
      <c r="AF36" s="280">
        <v>0</v>
      </c>
      <c r="AG36" s="280">
        <v>0</v>
      </c>
      <c r="AH36" s="277">
        <v>0</v>
      </c>
      <c r="AI36" s="282">
        <v>0</v>
      </c>
      <c r="AJ36" s="276">
        <v>0</v>
      </c>
      <c r="AK36" s="280">
        <v>0</v>
      </c>
      <c r="AL36" s="277">
        <v>0</v>
      </c>
      <c r="AM36" s="279">
        <v>0</v>
      </c>
      <c r="AN36" s="280">
        <v>0</v>
      </c>
      <c r="AO36" s="280">
        <v>1</v>
      </c>
      <c r="AP36" s="280">
        <v>1</v>
      </c>
      <c r="AQ36" s="280">
        <v>0</v>
      </c>
      <c r="AR36" s="280">
        <v>0</v>
      </c>
      <c r="AS36" s="277">
        <v>2</v>
      </c>
      <c r="AT36" s="282">
        <v>2</v>
      </c>
      <c r="AU36" s="276">
        <v>0</v>
      </c>
      <c r="AV36" s="280">
        <v>0</v>
      </c>
      <c r="AW36" s="277">
        <v>0</v>
      </c>
      <c r="AX36" s="279">
        <v>0</v>
      </c>
      <c r="AY36" s="280">
        <v>1</v>
      </c>
      <c r="AZ36" s="280">
        <v>1</v>
      </c>
      <c r="BA36" s="280">
        <v>1</v>
      </c>
      <c r="BB36" s="280">
        <v>0</v>
      </c>
      <c r="BC36" s="280">
        <v>1</v>
      </c>
      <c r="BD36" s="281">
        <v>4</v>
      </c>
      <c r="BE36" s="282">
        <v>4</v>
      </c>
      <c r="BF36" s="276">
        <v>0</v>
      </c>
      <c r="BG36" s="280">
        <v>0</v>
      </c>
      <c r="BH36" s="277">
        <v>0</v>
      </c>
      <c r="BI36" s="279">
        <v>0</v>
      </c>
      <c r="BJ36" s="280">
        <v>0</v>
      </c>
      <c r="BK36" s="280">
        <v>0</v>
      </c>
      <c r="BL36" s="280">
        <v>0</v>
      </c>
      <c r="BM36" s="280">
        <v>1</v>
      </c>
      <c r="BN36" s="280">
        <v>0</v>
      </c>
      <c r="BO36" s="277">
        <v>1</v>
      </c>
      <c r="BP36" s="282">
        <v>1</v>
      </c>
      <c r="BQ36" s="276">
        <v>0</v>
      </c>
      <c r="BR36" s="280">
        <v>0</v>
      </c>
      <c r="BS36" s="277">
        <v>0</v>
      </c>
      <c r="BT36" s="279">
        <v>0</v>
      </c>
      <c r="BU36" s="280">
        <v>0</v>
      </c>
      <c r="BV36" s="280">
        <v>0</v>
      </c>
      <c r="BW36" s="280">
        <v>0</v>
      </c>
      <c r="BX36" s="280">
        <v>0</v>
      </c>
      <c r="BY36" s="280">
        <v>0</v>
      </c>
      <c r="BZ36" s="277">
        <v>0</v>
      </c>
      <c r="CA36" s="282">
        <v>0</v>
      </c>
      <c r="CB36" s="276">
        <v>0</v>
      </c>
      <c r="CC36" s="280">
        <v>0</v>
      </c>
      <c r="CD36" s="277">
        <v>0</v>
      </c>
      <c r="CE36" s="279">
        <v>0</v>
      </c>
      <c r="CF36" s="280">
        <v>0</v>
      </c>
      <c r="CG36" s="280">
        <v>0</v>
      </c>
      <c r="CH36" s="280">
        <v>0</v>
      </c>
      <c r="CI36" s="280">
        <v>0</v>
      </c>
      <c r="CJ36" s="280">
        <v>0</v>
      </c>
      <c r="CK36" s="277">
        <v>0</v>
      </c>
      <c r="CL36" s="282">
        <v>0</v>
      </c>
      <c r="CM36" s="276">
        <v>0</v>
      </c>
      <c r="CN36" s="280">
        <v>0</v>
      </c>
      <c r="CO36" s="277">
        <v>0</v>
      </c>
      <c r="CP36" s="279">
        <v>0</v>
      </c>
      <c r="CQ36" s="280">
        <v>0</v>
      </c>
      <c r="CR36" s="280">
        <v>0</v>
      </c>
      <c r="CS36" s="280">
        <v>0</v>
      </c>
      <c r="CT36" s="280">
        <v>0</v>
      </c>
      <c r="CU36" s="280">
        <v>0</v>
      </c>
      <c r="CV36" s="277">
        <v>0</v>
      </c>
      <c r="CW36" s="282">
        <v>0</v>
      </c>
      <c r="CX36" s="276">
        <v>0</v>
      </c>
      <c r="CY36" s="280">
        <v>0</v>
      </c>
      <c r="CZ36" s="277">
        <v>0</v>
      </c>
      <c r="DA36" s="279">
        <v>0</v>
      </c>
      <c r="DB36" s="280">
        <v>0</v>
      </c>
      <c r="DC36" s="280">
        <v>0</v>
      </c>
      <c r="DD36" s="280">
        <v>0</v>
      </c>
      <c r="DE36" s="280">
        <v>0</v>
      </c>
      <c r="DF36" s="280">
        <v>0</v>
      </c>
      <c r="DG36" s="277">
        <v>0</v>
      </c>
      <c r="DH36" s="282">
        <v>0</v>
      </c>
      <c r="DI36" s="276">
        <v>0</v>
      </c>
      <c r="DJ36" s="280">
        <v>0</v>
      </c>
      <c r="DK36" s="277">
        <v>0</v>
      </c>
      <c r="DL36" s="279">
        <v>0</v>
      </c>
      <c r="DM36" s="280">
        <v>0</v>
      </c>
      <c r="DN36" s="280">
        <v>0</v>
      </c>
      <c r="DO36" s="280">
        <v>0</v>
      </c>
      <c r="DP36" s="280">
        <v>0</v>
      </c>
      <c r="DQ36" s="280">
        <v>0</v>
      </c>
      <c r="DR36" s="277">
        <v>0</v>
      </c>
      <c r="DS36" s="282">
        <v>0</v>
      </c>
      <c r="DT36" s="276">
        <v>0</v>
      </c>
      <c r="DU36" s="280">
        <v>0</v>
      </c>
      <c r="DV36" s="277">
        <v>0</v>
      </c>
      <c r="DW36" s="279">
        <v>0</v>
      </c>
      <c r="DX36" s="280">
        <v>1</v>
      </c>
      <c r="DY36" s="280">
        <v>1</v>
      </c>
      <c r="DZ36" s="280">
        <v>3</v>
      </c>
      <c r="EA36" s="280">
        <v>1</v>
      </c>
      <c r="EB36" s="280">
        <v>0</v>
      </c>
      <c r="EC36" s="277">
        <v>6</v>
      </c>
      <c r="ED36" s="282">
        <v>6</v>
      </c>
      <c r="EE36" s="276">
        <v>0</v>
      </c>
      <c r="EF36" s="280">
        <v>0</v>
      </c>
      <c r="EG36" s="277">
        <v>0</v>
      </c>
      <c r="EH36" s="279">
        <v>0</v>
      </c>
      <c r="EI36" s="280">
        <v>0</v>
      </c>
      <c r="EJ36" s="280">
        <v>0</v>
      </c>
      <c r="EK36" s="280">
        <v>0</v>
      </c>
      <c r="EL36" s="280">
        <v>0</v>
      </c>
      <c r="EM36" s="280">
        <v>1</v>
      </c>
      <c r="EN36" s="277">
        <v>1</v>
      </c>
      <c r="EO36" s="282">
        <v>1</v>
      </c>
      <c r="EP36" s="276">
        <v>0</v>
      </c>
      <c r="EQ36" s="280">
        <v>0</v>
      </c>
      <c r="ER36" s="277">
        <v>0</v>
      </c>
      <c r="ES36" s="279">
        <v>0</v>
      </c>
      <c r="ET36" s="280">
        <v>2</v>
      </c>
      <c r="EU36" s="280">
        <v>1</v>
      </c>
      <c r="EV36" s="280">
        <v>3</v>
      </c>
      <c r="EW36" s="280">
        <v>1</v>
      </c>
      <c r="EX36" s="280">
        <v>0</v>
      </c>
      <c r="EY36" s="277">
        <v>7</v>
      </c>
      <c r="EZ36" s="282">
        <v>7</v>
      </c>
    </row>
    <row r="37" spans="2:156" ht="21" customHeight="1" x14ac:dyDescent="0.2">
      <c r="B37" s="261" t="s">
        <v>35</v>
      </c>
      <c r="C37" s="276">
        <v>0</v>
      </c>
      <c r="D37" s="280">
        <v>0</v>
      </c>
      <c r="E37" s="384">
        <v>0</v>
      </c>
      <c r="F37" s="279">
        <v>0</v>
      </c>
      <c r="G37" s="280">
        <v>7</v>
      </c>
      <c r="H37" s="280">
        <v>2</v>
      </c>
      <c r="I37" s="280">
        <v>0</v>
      </c>
      <c r="J37" s="280">
        <v>1</v>
      </c>
      <c r="K37" s="280">
        <v>1</v>
      </c>
      <c r="L37" s="281">
        <v>11</v>
      </c>
      <c r="M37" s="282">
        <v>11</v>
      </c>
      <c r="N37" s="276">
        <v>0</v>
      </c>
      <c r="O37" s="280">
        <v>0</v>
      </c>
      <c r="P37" s="277">
        <v>0</v>
      </c>
      <c r="Q37" s="279">
        <v>0</v>
      </c>
      <c r="R37" s="280">
        <v>0</v>
      </c>
      <c r="S37" s="280">
        <v>0</v>
      </c>
      <c r="T37" s="280">
        <v>0</v>
      </c>
      <c r="U37" s="280">
        <v>0</v>
      </c>
      <c r="V37" s="280">
        <v>2</v>
      </c>
      <c r="W37" s="277">
        <v>2</v>
      </c>
      <c r="X37" s="282">
        <v>2</v>
      </c>
      <c r="Y37" s="276">
        <v>0</v>
      </c>
      <c r="Z37" s="280">
        <v>1</v>
      </c>
      <c r="AA37" s="277">
        <v>1</v>
      </c>
      <c r="AB37" s="279">
        <v>0</v>
      </c>
      <c r="AC37" s="280">
        <v>1</v>
      </c>
      <c r="AD37" s="280">
        <v>2</v>
      </c>
      <c r="AE37" s="280">
        <v>0</v>
      </c>
      <c r="AF37" s="280">
        <v>0</v>
      </c>
      <c r="AG37" s="280">
        <v>1</v>
      </c>
      <c r="AH37" s="277">
        <v>4</v>
      </c>
      <c r="AI37" s="282">
        <v>5</v>
      </c>
      <c r="AJ37" s="276">
        <v>1</v>
      </c>
      <c r="AK37" s="280">
        <v>0</v>
      </c>
      <c r="AL37" s="277">
        <v>1</v>
      </c>
      <c r="AM37" s="279">
        <v>0</v>
      </c>
      <c r="AN37" s="280">
        <v>1</v>
      </c>
      <c r="AO37" s="280">
        <v>1</v>
      </c>
      <c r="AP37" s="280">
        <v>1</v>
      </c>
      <c r="AQ37" s="280">
        <v>1</v>
      </c>
      <c r="AR37" s="280">
        <v>0</v>
      </c>
      <c r="AS37" s="277">
        <v>4</v>
      </c>
      <c r="AT37" s="282">
        <v>5</v>
      </c>
      <c r="AU37" s="276">
        <v>2</v>
      </c>
      <c r="AV37" s="280">
        <v>1</v>
      </c>
      <c r="AW37" s="277">
        <v>3</v>
      </c>
      <c r="AX37" s="279">
        <v>0</v>
      </c>
      <c r="AY37" s="280">
        <v>10</v>
      </c>
      <c r="AZ37" s="280">
        <v>5</v>
      </c>
      <c r="BA37" s="280">
        <v>2</v>
      </c>
      <c r="BB37" s="280">
        <v>4</v>
      </c>
      <c r="BC37" s="280">
        <v>3</v>
      </c>
      <c r="BD37" s="281">
        <v>24</v>
      </c>
      <c r="BE37" s="282">
        <v>27</v>
      </c>
      <c r="BF37" s="276">
        <v>0</v>
      </c>
      <c r="BG37" s="280">
        <v>0</v>
      </c>
      <c r="BH37" s="277">
        <v>0</v>
      </c>
      <c r="BI37" s="279">
        <v>0</v>
      </c>
      <c r="BJ37" s="280">
        <v>5</v>
      </c>
      <c r="BK37" s="280">
        <v>3</v>
      </c>
      <c r="BL37" s="280">
        <v>2</v>
      </c>
      <c r="BM37" s="280">
        <v>0</v>
      </c>
      <c r="BN37" s="280">
        <v>0</v>
      </c>
      <c r="BO37" s="277">
        <v>10</v>
      </c>
      <c r="BP37" s="282">
        <v>10</v>
      </c>
      <c r="BQ37" s="276">
        <v>0</v>
      </c>
      <c r="BR37" s="280">
        <v>1</v>
      </c>
      <c r="BS37" s="277">
        <v>1</v>
      </c>
      <c r="BT37" s="279">
        <v>0</v>
      </c>
      <c r="BU37" s="280">
        <v>2</v>
      </c>
      <c r="BV37" s="280">
        <v>0</v>
      </c>
      <c r="BW37" s="280">
        <v>1</v>
      </c>
      <c r="BX37" s="280">
        <v>0</v>
      </c>
      <c r="BY37" s="280">
        <v>0</v>
      </c>
      <c r="BZ37" s="277">
        <v>3</v>
      </c>
      <c r="CA37" s="282">
        <v>4</v>
      </c>
      <c r="CB37" s="276">
        <v>0</v>
      </c>
      <c r="CC37" s="280">
        <v>0</v>
      </c>
      <c r="CD37" s="277">
        <v>0</v>
      </c>
      <c r="CE37" s="279">
        <v>0</v>
      </c>
      <c r="CF37" s="280">
        <v>0</v>
      </c>
      <c r="CG37" s="280">
        <v>1</v>
      </c>
      <c r="CH37" s="280">
        <v>0</v>
      </c>
      <c r="CI37" s="280">
        <v>0</v>
      </c>
      <c r="CJ37" s="280">
        <v>0</v>
      </c>
      <c r="CK37" s="277">
        <v>1</v>
      </c>
      <c r="CL37" s="282">
        <v>1</v>
      </c>
      <c r="CM37" s="276">
        <v>0</v>
      </c>
      <c r="CN37" s="280">
        <v>0</v>
      </c>
      <c r="CO37" s="277">
        <v>0</v>
      </c>
      <c r="CP37" s="279">
        <v>0</v>
      </c>
      <c r="CQ37" s="280">
        <v>0</v>
      </c>
      <c r="CR37" s="280">
        <v>0</v>
      </c>
      <c r="CS37" s="280">
        <v>0</v>
      </c>
      <c r="CT37" s="280">
        <v>0</v>
      </c>
      <c r="CU37" s="280">
        <v>0</v>
      </c>
      <c r="CV37" s="277">
        <v>0</v>
      </c>
      <c r="CW37" s="282">
        <v>0</v>
      </c>
      <c r="CX37" s="276">
        <v>0</v>
      </c>
      <c r="CY37" s="280">
        <v>0</v>
      </c>
      <c r="CZ37" s="277">
        <v>0</v>
      </c>
      <c r="DA37" s="279">
        <v>0</v>
      </c>
      <c r="DB37" s="280">
        <v>0</v>
      </c>
      <c r="DC37" s="280">
        <v>0</v>
      </c>
      <c r="DD37" s="280">
        <v>0</v>
      </c>
      <c r="DE37" s="280">
        <v>0</v>
      </c>
      <c r="DF37" s="280">
        <v>0</v>
      </c>
      <c r="DG37" s="277">
        <v>0</v>
      </c>
      <c r="DH37" s="282">
        <v>0</v>
      </c>
      <c r="DI37" s="276">
        <v>0</v>
      </c>
      <c r="DJ37" s="280">
        <v>0</v>
      </c>
      <c r="DK37" s="277">
        <v>0</v>
      </c>
      <c r="DL37" s="279">
        <v>0</v>
      </c>
      <c r="DM37" s="280">
        <v>0</v>
      </c>
      <c r="DN37" s="280">
        <v>0</v>
      </c>
      <c r="DO37" s="280">
        <v>0</v>
      </c>
      <c r="DP37" s="280">
        <v>0</v>
      </c>
      <c r="DQ37" s="280">
        <v>0</v>
      </c>
      <c r="DR37" s="277">
        <v>0</v>
      </c>
      <c r="DS37" s="282">
        <v>0</v>
      </c>
      <c r="DT37" s="276">
        <v>1</v>
      </c>
      <c r="DU37" s="280">
        <v>2</v>
      </c>
      <c r="DV37" s="277">
        <v>3</v>
      </c>
      <c r="DW37" s="279">
        <v>0</v>
      </c>
      <c r="DX37" s="280">
        <v>5</v>
      </c>
      <c r="DY37" s="280">
        <v>8</v>
      </c>
      <c r="DZ37" s="280">
        <v>4</v>
      </c>
      <c r="EA37" s="280">
        <v>2</v>
      </c>
      <c r="EB37" s="280">
        <v>2</v>
      </c>
      <c r="EC37" s="277">
        <v>21</v>
      </c>
      <c r="ED37" s="282">
        <v>24</v>
      </c>
      <c r="EE37" s="276">
        <v>3</v>
      </c>
      <c r="EF37" s="280">
        <v>1</v>
      </c>
      <c r="EG37" s="277">
        <v>4</v>
      </c>
      <c r="EH37" s="279">
        <v>0</v>
      </c>
      <c r="EI37" s="280">
        <v>3</v>
      </c>
      <c r="EJ37" s="280">
        <v>2</v>
      </c>
      <c r="EK37" s="280">
        <v>1</v>
      </c>
      <c r="EL37" s="280">
        <v>2</v>
      </c>
      <c r="EM37" s="280">
        <v>1</v>
      </c>
      <c r="EN37" s="277">
        <v>9</v>
      </c>
      <c r="EO37" s="282">
        <v>13</v>
      </c>
      <c r="EP37" s="276">
        <v>2</v>
      </c>
      <c r="EQ37" s="280">
        <v>4</v>
      </c>
      <c r="ER37" s="277">
        <v>6</v>
      </c>
      <c r="ES37" s="279">
        <v>0</v>
      </c>
      <c r="ET37" s="280">
        <v>13</v>
      </c>
      <c r="EU37" s="280">
        <v>8</v>
      </c>
      <c r="EV37" s="280">
        <v>4</v>
      </c>
      <c r="EW37" s="280">
        <v>2</v>
      </c>
      <c r="EX37" s="280">
        <v>2</v>
      </c>
      <c r="EY37" s="277">
        <v>29</v>
      </c>
      <c r="EZ37" s="282">
        <v>35</v>
      </c>
    </row>
    <row r="38" spans="2:156" ht="21" customHeight="1" x14ac:dyDescent="0.2">
      <c r="B38" s="261" t="s">
        <v>36</v>
      </c>
      <c r="C38" s="276">
        <v>0</v>
      </c>
      <c r="D38" s="280">
        <v>0</v>
      </c>
      <c r="E38" s="384">
        <v>0</v>
      </c>
      <c r="F38" s="279">
        <v>0</v>
      </c>
      <c r="G38" s="280">
        <v>2</v>
      </c>
      <c r="H38" s="280">
        <v>1</v>
      </c>
      <c r="I38" s="280">
        <v>1</v>
      </c>
      <c r="J38" s="280">
        <v>0</v>
      </c>
      <c r="K38" s="280">
        <v>1</v>
      </c>
      <c r="L38" s="281">
        <v>5</v>
      </c>
      <c r="M38" s="282">
        <v>5</v>
      </c>
      <c r="N38" s="276">
        <v>0</v>
      </c>
      <c r="O38" s="280">
        <v>0</v>
      </c>
      <c r="P38" s="277">
        <v>0</v>
      </c>
      <c r="Q38" s="279">
        <v>0</v>
      </c>
      <c r="R38" s="280">
        <v>0</v>
      </c>
      <c r="S38" s="280">
        <v>0</v>
      </c>
      <c r="T38" s="280">
        <v>0</v>
      </c>
      <c r="U38" s="280">
        <v>0</v>
      </c>
      <c r="V38" s="280">
        <v>0</v>
      </c>
      <c r="W38" s="277">
        <v>0</v>
      </c>
      <c r="X38" s="282">
        <v>0</v>
      </c>
      <c r="Y38" s="276">
        <v>0</v>
      </c>
      <c r="Z38" s="280">
        <v>1</v>
      </c>
      <c r="AA38" s="277">
        <v>1</v>
      </c>
      <c r="AB38" s="279">
        <v>0</v>
      </c>
      <c r="AC38" s="280">
        <v>4</v>
      </c>
      <c r="AD38" s="280">
        <v>0</v>
      </c>
      <c r="AE38" s="280">
        <v>1</v>
      </c>
      <c r="AF38" s="280">
        <v>0</v>
      </c>
      <c r="AG38" s="280">
        <v>0</v>
      </c>
      <c r="AH38" s="277">
        <v>5</v>
      </c>
      <c r="AI38" s="282">
        <v>6</v>
      </c>
      <c r="AJ38" s="276">
        <v>0</v>
      </c>
      <c r="AK38" s="280">
        <v>1</v>
      </c>
      <c r="AL38" s="277">
        <v>1</v>
      </c>
      <c r="AM38" s="279">
        <v>0</v>
      </c>
      <c r="AN38" s="280">
        <v>0</v>
      </c>
      <c r="AO38" s="280">
        <v>1</v>
      </c>
      <c r="AP38" s="280">
        <v>1</v>
      </c>
      <c r="AQ38" s="280">
        <v>0</v>
      </c>
      <c r="AR38" s="280">
        <v>0</v>
      </c>
      <c r="AS38" s="277">
        <v>2</v>
      </c>
      <c r="AT38" s="282">
        <v>3</v>
      </c>
      <c r="AU38" s="276">
        <v>0</v>
      </c>
      <c r="AV38" s="280">
        <v>0</v>
      </c>
      <c r="AW38" s="277">
        <v>0</v>
      </c>
      <c r="AX38" s="279">
        <v>0</v>
      </c>
      <c r="AY38" s="280">
        <v>2</v>
      </c>
      <c r="AZ38" s="280">
        <v>3</v>
      </c>
      <c r="BA38" s="280">
        <v>3</v>
      </c>
      <c r="BB38" s="280">
        <v>1</v>
      </c>
      <c r="BC38" s="280">
        <v>1</v>
      </c>
      <c r="BD38" s="281">
        <v>10</v>
      </c>
      <c r="BE38" s="282">
        <v>10</v>
      </c>
      <c r="BF38" s="276">
        <v>0</v>
      </c>
      <c r="BG38" s="280">
        <v>0</v>
      </c>
      <c r="BH38" s="277">
        <v>0</v>
      </c>
      <c r="BI38" s="279">
        <v>0</v>
      </c>
      <c r="BJ38" s="280">
        <v>2</v>
      </c>
      <c r="BK38" s="280">
        <v>4</v>
      </c>
      <c r="BL38" s="280">
        <v>2</v>
      </c>
      <c r="BM38" s="280">
        <v>0</v>
      </c>
      <c r="BN38" s="280">
        <v>0</v>
      </c>
      <c r="BO38" s="277">
        <v>8</v>
      </c>
      <c r="BP38" s="282">
        <v>8</v>
      </c>
      <c r="BQ38" s="276">
        <v>0</v>
      </c>
      <c r="BR38" s="280">
        <v>1</v>
      </c>
      <c r="BS38" s="277">
        <v>1</v>
      </c>
      <c r="BT38" s="279">
        <v>0</v>
      </c>
      <c r="BU38" s="280">
        <v>0</v>
      </c>
      <c r="BV38" s="280">
        <v>1</v>
      </c>
      <c r="BW38" s="280">
        <v>1</v>
      </c>
      <c r="BX38" s="280">
        <v>0</v>
      </c>
      <c r="BY38" s="280">
        <v>0</v>
      </c>
      <c r="BZ38" s="277">
        <v>2</v>
      </c>
      <c r="CA38" s="282">
        <v>3</v>
      </c>
      <c r="CB38" s="276">
        <v>0</v>
      </c>
      <c r="CC38" s="280">
        <v>0</v>
      </c>
      <c r="CD38" s="277">
        <v>0</v>
      </c>
      <c r="CE38" s="279">
        <v>0</v>
      </c>
      <c r="CF38" s="280">
        <v>0</v>
      </c>
      <c r="CG38" s="280">
        <v>0</v>
      </c>
      <c r="CH38" s="280">
        <v>1</v>
      </c>
      <c r="CI38" s="280">
        <v>0</v>
      </c>
      <c r="CJ38" s="280">
        <v>0</v>
      </c>
      <c r="CK38" s="277">
        <v>1</v>
      </c>
      <c r="CL38" s="282">
        <v>1</v>
      </c>
      <c r="CM38" s="276">
        <v>0</v>
      </c>
      <c r="CN38" s="280">
        <v>0</v>
      </c>
      <c r="CO38" s="277">
        <v>0</v>
      </c>
      <c r="CP38" s="279">
        <v>0</v>
      </c>
      <c r="CQ38" s="280">
        <v>0</v>
      </c>
      <c r="CR38" s="280">
        <v>0</v>
      </c>
      <c r="CS38" s="280">
        <v>0</v>
      </c>
      <c r="CT38" s="280">
        <v>0</v>
      </c>
      <c r="CU38" s="280">
        <v>0</v>
      </c>
      <c r="CV38" s="277">
        <v>0</v>
      </c>
      <c r="CW38" s="282">
        <v>0</v>
      </c>
      <c r="CX38" s="276">
        <v>0</v>
      </c>
      <c r="CY38" s="280">
        <v>0</v>
      </c>
      <c r="CZ38" s="277">
        <v>0</v>
      </c>
      <c r="DA38" s="279">
        <v>0</v>
      </c>
      <c r="DB38" s="280">
        <v>0</v>
      </c>
      <c r="DC38" s="280">
        <v>0</v>
      </c>
      <c r="DD38" s="280">
        <v>0</v>
      </c>
      <c r="DE38" s="280">
        <v>0</v>
      </c>
      <c r="DF38" s="280">
        <v>0</v>
      </c>
      <c r="DG38" s="277">
        <v>0</v>
      </c>
      <c r="DH38" s="282">
        <v>0</v>
      </c>
      <c r="DI38" s="276">
        <v>0</v>
      </c>
      <c r="DJ38" s="280">
        <v>0</v>
      </c>
      <c r="DK38" s="277">
        <v>0</v>
      </c>
      <c r="DL38" s="279">
        <v>0</v>
      </c>
      <c r="DM38" s="280">
        <v>0</v>
      </c>
      <c r="DN38" s="280">
        <v>0</v>
      </c>
      <c r="DO38" s="280">
        <v>0</v>
      </c>
      <c r="DP38" s="280">
        <v>0</v>
      </c>
      <c r="DQ38" s="280">
        <v>0</v>
      </c>
      <c r="DR38" s="277">
        <v>0</v>
      </c>
      <c r="DS38" s="282">
        <v>0</v>
      </c>
      <c r="DT38" s="276">
        <v>0</v>
      </c>
      <c r="DU38" s="280">
        <v>3</v>
      </c>
      <c r="DV38" s="277">
        <v>3</v>
      </c>
      <c r="DW38" s="279">
        <v>0</v>
      </c>
      <c r="DX38" s="280">
        <v>7</v>
      </c>
      <c r="DY38" s="280">
        <v>5</v>
      </c>
      <c r="DZ38" s="280">
        <v>1</v>
      </c>
      <c r="EA38" s="280">
        <v>0</v>
      </c>
      <c r="EB38" s="280">
        <v>1</v>
      </c>
      <c r="EC38" s="277">
        <v>14</v>
      </c>
      <c r="ED38" s="282">
        <v>17</v>
      </c>
      <c r="EE38" s="276">
        <v>0</v>
      </c>
      <c r="EF38" s="280">
        <v>0</v>
      </c>
      <c r="EG38" s="277">
        <v>0</v>
      </c>
      <c r="EH38" s="279">
        <v>0</v>
      </c>
      <c r="EI38" s="280">
        <v>1</v>
      </c>
      <c r="EJ38" s="280">
        <v>1</v>
      </c>
      <c r="EK38" s="280">
        <v>0</v>
      </c>
      <c r="EL38" s="280">
        <v>1</v>
      </c>
      <c r="EM38" s="280">
        <v>0</v>
      </c>
      <c r="EN38" s="277">
        <v>3</v>
      </c>
      <c r="EO38" s="282">
        <v>3</v>
      </c>
      <c r="EP38" s="276">
        <v>0</v>
      </c>
      <c r="EQ38" s="280">
        <v>5</v>
      </c>
      <c r="ER38" s="277">
        <v>5</v>
      </c>
      <c r="ES38" s="279">
        <v>0</v>
      </c>
      <c r="ET38" s="280">
        <v>11</v>
      </c>
      <c r="EU38" s="280">
        <v>8</v>
      </c>
      <c r="EV38" s="280">
        <v>3</v>
      </c>
      <c r="EW38" s="280">
        <v>0</v>
      </c>
      <c r="EX38" s="280">
        <v>1</v>
      </c>
      <c r="EY38" s="277">
        <v>23</v>
      </c>
      <c r="EZ38" s="282">
        <v>28</v>
      </c>
    </row>
    <row r="39" spans="2:156" ht="21" customHeight="1" thickBot="1" x14ac:dyDescent="0.25">
      <c r="B39" s="262" t="s">
        <v>37</v>
      </c>
      <c r="C39" s="283">
        <v>0</v>
      </c>
      <c r="D39" s="287">
        <v>0</v>
      </c>
      <c r="E39" s="385">
        <v>0</v>
      </c>
      <c r="F39" s="286">
        <v>0</v>
      </c>
      <c r="G39" s="287">
        <v>0</v>
      </c>
      <c r="H39" s="287">
        <v>0</v>
      </c>
      <c r="I39" s="287">
        <v>0</v>
      </c>
      <c r="J39" s="287">
        <v>0</v>
      </c>
      <c r="K39" s="287">
        <v>0</v>
      </c>
      <c r="L39" s="288">
        <v>0</v>
      </c>
      <c r="M39" s="289">
        <v>0</v>
      </c>
      <c r="N39" s="283">
        <v>0</v>
      </c>
      <c r="O39" s="287">
        <v>0</v>
      </c>
      <c r="P39" s="284">
        <v>0</v>
      </c>
      <c r="Q39" s="286">
        <v>0</v>
      </c>
      <c r="R39" s="287">
        <v>0</v>
      </c>
      <c r="S39" s="287">
        <v>0</v>
      </c>
      <c r="T39" s="287">
        <v>0</v>
      </c>
      <c r="U39" s="287">
        <v>0</v>
      </c>
      <c r="V39" s="287">
        <v>0</v>
      </c>
      <c r="W39" s="284">
        <v>0</v>
      </c>
      <c r="X39" s="289">
        <v>0</v>
      </c>
      <c r="Y39" s="283">
        <v>0</v>
      </c>
      <c r="Z39" s="287">
        <v>0</v>
      </c>
      <c r="AA39" s="284">
        <v>0</v>
      </c>
      <c r="AB39" s="286">
        <v>0</v>
      </c>
      <c r="AC39" s="287">
        <v>0</v>
      </c>
      <c r="AD39" s="287">
        <v>0</v>
      </c>
      <c r="AE39" s="287">
        <v>0</v>
      </c>
      <c r="AF39" s="287">
        <v>0</v>
      </c>
      <c r="AG39" s="287">
        <v>0</v>
      </c>
      <c r="AH39" s="284">
        <v>0</v>
      </c>
      <c r="AI39" s="289">
        <v>0</v>
      </c>
      <c r="AJ39" s="283">
        <v>0</v>
      </c>
      <c r="AK39" s="287">
        <v>0</v>
      </c>
      <c r="AL39" s="284">
        <v>0</v>
      </c>
      <c r="AM39" s="286">
        <v>0</v>
      </c>
      <c r="AN39" s="287">
        <v>0</v>
      </c>
      <c r="AO39" s="287">
        <v>1</v>
      </c>
      <c r="AP39" s="287">
        <v>0</v>
      </c>
      <c r="AQ39" s="287">
        <v>0</v>
      </c>
      <c r="AR39" s="287">
        <v>0</v>
      </c>
      <c r="AS39" s="284">
        <v>1</v>
      </c>
      <c r="AT39" s="289">
        <v>1</v>
      </c>
      <c r="AU39" s="283">
        <v>0</v>
      </c>
      <c r="AV39" s="287">
        <v>0</v>
      </c>
      <c r="AW39" s="284">
        <v>0</v>
      </c>
      <c r="AX39" s="286">
        <v>0</v>
      </c>
      <c r="AY39" s="287">
        <v>0</v>
      </c>
      <c r="AZ39" s="287">
        <v>0</v>
      </c>
      <c r="BA39" s="287">
        <v>0</v>
      </c>
      <c r="BB39" s="287">
        <v>1</v>
      </c>
      <c r="BC39" s="287">
        <v>0</v>
      </c>
      <c r="BD39" s="288">
        <v>1</v>
      </c>
      <c r="BE39" s="289">
        <v>1</v>
      </c>
      <c r="BF39" s="283">
        <v>0</v>
      </c>
      <c r="BG39" s="287">
        <v>0</v>
      </c>
      <c r="BH39" s="284">
        <v>0</v>
      </c>
      <c r="BI39" s="286">
        <v>0</v>
      </c>
      <c r="BJ39" s="287">
        <v>0</v>
      </c>
      <c r="BK39" s="287">
        <v>1</v>
      </c>
      <c r="BL39" s="287">
        <v>0</v>
      </c>
      <c r="BM39" s="287">
        <v>0</v>
      </c>
      <c r="BN39" s="287">
        <v>0</v>
      </c>
      <c r="BO39" s="284">
        <v>1</v>
      </c>
      <c r="BP39" s="289">
        <v>1</v>
      </c>
      <c r="BQ39" s="283">
        <v>0</v>
      </c>
      <c r="BR39" s="287">
        <v>1</v>
      </c>
      <c r="BS39" s="284">
        <v>1</v>
      </c>
      <c r="BT39" s="286">
        <v>0</v>
      </c>
      <c r="BU39" s="287">
        <v>0</v>
      </c>
      <c r="BV39" s="287">
        <v>0</v>
      </c>
      <c r="BW39" s="287">
        <v>0</v>
      </c>
      <c r="BX39" s="287">
        <v>0</v>
      </c>
      <c r="BY39" s="287">
        <v>0</v>
      </c>
      <c r="BZ39" s="284">
        <v>0</v>
      </c>
      <c r="CA39" s="289">
        <v>1</v>
      </c>
      <c r="CB39" s="283">
        <v>0</v>
      </c>
      <c r="CC39" s="287">
        <v>0</v>
      </c>
      <c r="CD39" s="284">
        <v>0</v>
      </c>
      <c r="CE39" s="286">
        <v>0</v>
      </c>
      <c r="CF39" s="287">
        <v>0</v>
      </c>
      <c r="CG39" s="287">
        <v>0</v>
      </c>
      <c r="CH39" s="287">
        <v>0</v>
      </c>
      <c r="CI39" s="287">
        <v>0</v>
      </c>
      <c r="CJ39" s="287">
        <v>0</v>
      </c>
      <c r="CK39" s="284">
        <v>0</v>
      </c>
      <c r="CL39" s="289">
        <v>0</v>
      </c>
      <c r="CM39" s="283">
        <v>0</v>
      </c>
      <c r="CN39" s="287">
        <v>0</v>
      </c>
      <c r="CO39" s="284">
        <v>0</v>
      </c>
      <c r="CP39" s="286">
        <v>0</v>
      </c>
      <c r="CQ39" s="287">
        <v>0</v>
      </c>
      <c r="CR39" s="287">
        <v>0</v>
      </c>
      <c r="CS39" s="287">
        <v>0</v>
      </c>
      <c r="CT39" s="287">
        <v>0</v>
      </c>
      <c r="CU39" s="287">
        <v>0</v>
      </c>
      <c r="CV39" s="284">
        <v>0</v>
      </c>
      <c r="CW39" s="289">
        <v>0</v>
      </c>
      <c r="CX39" s="283">
        <v>0</v>
      </c>
      <c r="CY39" s="287">
        <v>0</v>
      </c>
      <c r="CZ39" s="284">
        <v>0</v>
      </c>
      <c r="DA39" s="286">
        <v>0</v>
      </c>
      <c r="DB39" s="287">
        <v>0</v>
      </c>
      <c r="DC39" s="287">
        <v>0</v>
      </c>
      <c r="DD39" s="287">
        <v>0</v>
      </c>
      <c r="DE39" s="287">
        <v>0</v>
      </c>
      <c r="DF39" s="287">
        <v>0</v>
      </c>
      <c r="DG39" s="284">
        <v>0</v>
      </c>
      <c r="DH39" s="289">
        <v>0</v>
      </c>
      <c r="DI39" s="283">
        <v>0</v>
      </c>
      <c r="DJ39" s="287">
        <v>0</v>
      </c>
      <c r="DK39" s="284">
        <v>0</v>
      </c>
      <c r="DL39" s="286">
        <v>0</v>
      </c>
      <c r="DM39" s="287">
        <v>0</v>
      </c>
      <c r="DN39" s="287">
        <v>0</v>
      </c>
      <c r="DO39" s="287">
        <v>0</v>
      </c>
      <c r="DP39" s="287">
        <v>0</v>
      </c>
      <c r="DQ39" s="287">
        <v>0</v>
      </c>
      <c r="DR39" s="284">
        <v>0</v>
      </c>
      <c r="DS39" s="289">
        <v>0</v>
      </c>
      <c r="DT39" s="283">
        <v>0</v>
      </c>
      <c r="DU39" s="287">
        <v>1</v>
      </c>
      <c r="DV39" s="284">
        <v>1</v>
      </c>
      <c r="DW39" s="286">
        <v>0</v>
      </c>
      <c r="DX39" s="287">
        <v>0</v>
      </c>
      <c r="DY39" s="287">
        <v>1</v>
      </c>
      <c r="DZ39" s="287">
        <v>0</v>
      </c>
      <c r="EA39" s="287">
        <v>0</v>
      </c>
      <c r="EB39" s="287">
        <v>0</v>
      </c>
      <c r="EC39" s="284">
        <v>1</v>
      </c>
      <c r="ED39" s="289">
        <v>2</v>
      </c>
      <c r="EE39" s="283">
        <v>0</v>
      </c>
      <c r="EF39" s="287">
        <v>0</v>
      </c>
      <c r="EG39" s="284">
        <v>0</v>
      </c>
      <c r="EH39" s="286">
        <v>0</v>
      </c>
      <c r="EI39" s="287">
        <v>0</v>
      </c>
      <c r="EJ39" s="287">
        <v>0</v>
      </c>
      <c r="EK39" s="287">
        <v>0</v>
      </c>
      <c r="EL39" s="287">
        <v>1</v>
      </c>
      <c r="EM39" s="287">
        <v>0</v>
      </c>
      <c r="EN39" s="284">
        <v>1</v>
      </c>
      <c r="EO39" s="289">
        <v>1</v>
      </c>
      <c r="EP39" s="283">
        <v>0</v>
      </c>
      <c r="EQ39" s="287">
        <v>1</v>
      </c>
      <c r="ER39" s="284">
        <v>1</v>
      </c>
      <c r="ES39" s="286">
        <v>0</v>
      </c>
      <c r="ET39" s="287">
        <v>0</v>
      </c>
      <c r="EU39" s="287">
        <v>2</v>
      </c>
      <c r="EV39" s="287">
        <v>0</v>
      </c>
      <c r="EW39" s="287">
        <v>0</v>
      </c>
      <c r="EX39" s="287">
        <v>0</v>
      </c>
      <c r="EY39" s="284">
        <v>2</v>
      </c>
      <c r="EZ39" s="289">
        <v>3</v>
      </c>
    </row>
  </sheetData>
  <mergeCells count="59">
    <mergeCell ref="DL4:DR4"/>
    <mergeCell ref="DS4:DS5"/>
    <mergeCell ref="I1:J1"/>
    <mergeCell ref="L1:M1"/>
    <mergeCell ref="AU3:BE3"/>
    <mergeCell ref="BF3:BP3"/>
    <mergeCell ref="BQ3:CA3"/>
    <mergeCell ref="BE4:BE5"/>
    <mergeCell ref="CX3:DH3"/>
    <mergeCell ref="CW4:CW5"/>
    <mergeCell ref="BF4:BH4"/>
    <mergeCell ref="BI4:BO4"/>
    <mergeCell ref="BP4:BP5"/>
    <mergeCell ref="BQ4:BS4"/>
    <mergeCell ref="BT4:BZ4"/>
    <mergeCell ref="CA4:CA5"/>
    <mergeCell ref="B3:B5"/>
    <mergeCell ref="C3:M3"/>
    <mergeCell ref="N3:X3"/>
    <mergeCell ref="X4:X5"/>
    <mergeCell ref="AJ3:AT3"/>
    <mergeCell ref="Y3:AI3"/>
    <mergeCell ref="Y4:AA4"/>
    <mergeCell ref="AB4:AH4"/>
    <mergeCell ref="AI4:AI5"/>
    <mergeCell ref="C4:E4"/>
    <mergeCell ref="F4:L4"/>
    <mergeCell ref="M4:M5"/>
    <mergeCell ref="N4:P4"/>
    <mergeCell ref="Q4:W4"/>
    <mergeCell ref="DT3:ED3"/>
    <mergeCell ref="EE3:EO3"/>
    <mergeCell ref="EP3:EZ3"/>
    <mergeCell ref="CB3:CL3"/>
    <mergeCell ref="CM3:CW3"/>
    <mergeCell ref="DI3:DS3"/>
    <mergeCell ref="CB4:CD4"/>
    <mergeCell ref="CE4:CK4"/>
    <mergeCell ref="AJ4:AL4"/>
    <mergeCell ref="AM4:AS4"/>
    <mergeCell ref="AT4:AT5"/>
    <mergeCell ref="AU4:AW4"/>
    <mergeCell ref="AX4:BD4"/>
    <mergeCell ref="CL4:CL5"/>
    <mergeCell ref="CM4:CO4"/>
    <mergeCell ref="CP4:CV4"/>
    <mergeCell ref="EZ4:EZ5"/>
    <mergeCell ref="CX4:CZ4"/>
    <mergeCell ref="DA4:DG4"/>
    <mergeCell ref="DH4:DH5"/>
    <mergeCell ref="DT4:DV4"/>
    <mergeCell ref="DW4:EC4"/>
    <mergeCell ref="ED4:ED5"/>
    <mergeCell ref="EE4:EG4"/>
    <mergeCell ref="EH4:EN4"/>
    <mergeCell ref="EO4:EO5"/>
    <mergeCell ref="EP4:ER4"/>
    <mergeCell ref="ES4:EY4"/>
    <mergeCell ref="DI4:DK4"/>
  </mergeCells>
  <phoneticPr fontId="4"/>
  <pageMargins left="0.70866141732283472" right="0.70866141732283472" top="0.74803149606299213" bottom="0.74803149606299213" header="0.31496062992125984" footer="0.31496062992125984"/>
  <pageSetup paperSize="9" scale="64" orientation="landscape" r:id="rId1"/>
  <headerFooter>
    <oddFooter>&amp;L&amp;20&amp;A&amp;C&amp;P/&amp;N</oddFooter>
  </headerFooter>
  <colBreaks count="6" manualBreakCount="6">
    <brk id="24" max="1048575" man="1"/>
    <brk id="46" max="1048575" man="1"/>
    <brk id="68" max="1048575" man="1"/>
    <brk id="90" max="1048575" man="1"/>
    <brk id="123" max="1048575" man="1"/>
    <brk id="145" max="1048575" man="1"/>
  </colBreaks>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sheetPr>
  <dimension ref="A1:EZ39"/>
  <sheetViews>
    <sheetView zoomScaleNormal="100" workbookViewId="0">
      <pane xSplit="2" ySplit="6" topLeftCell="C7" activePane="bottomRight" state="frozen"/>
      <selection pane="topRight" activeCell="B1" sqref="B1"/>
      <selection pane="bottomLeft" activeCell="A7" sqref="A7"/>
      <selection pane="bottomRight" activeCell="B1" sqref="B1"/>
    </sheetView>
  </sheetViews>
  <sheetFormatPr defaultColWidth="9" defaultRowHeight="13.2" x14ac:dyDescent="0.2"/>
  <cols>
    <col min="1" max="1" width="2.77734375" style="44" customWidth="1"/>
    <col min="2" max="4" width="9" style="255"/>
    <col min="5" max="5" width="10.33203125" style="255" customWidth="1"/>
    <col min="6" max="6" width="7.6640625" style="255" customWidth="1"/>
    <col min="7" max="7" width="10.21875" style="255" customWidth="1"/>
    <col min="8" max="8" width="10.44140625" style="255" customWidth="1"/>
    <col min="9" max="16" width="9" style="255"/>
    <col min="17" max="17" width="7.21875" style="255" customWidth="1"/>
    <col min="18" max="27" width="9" style="255"/>
    <col min="28" max="28" width="7.6640625" style="255" customWidth="1"/>
    <col min="29" max="38" width="9" style="255"/>
    <col min="39" max="39" width="7.6640625" style="255" customWidth="1"/>
    <col min="40" max="49" width="9" style="255"/>
    <col min="50" max="50" width="7.21875" style="255" customWidth="1"/>
    <col min="51" max="60" width="9" style="255"/>
    <col min="61" max="61" width="7.21875" style="255" customWidth="1"/>
    <col min="62" max="71" width="9" style="255"/>
    <col min="72" max="72" width="7.33203125" style="255" customWidth="1"/>
    <col min="73" max="82" width="9" style="255"/>
    <col min="83" max="83" width="7.44140625" style="255" customWidth="1"/>
    <col min="84" max="93" width="9" style="255"/>
    <col min="94" max="94" width="7.6640625" style="255" customWidth="1"/>
    <col min="95" max="104" width="9" style="255"/>
    <col min="105" max="105" width="7.44140625" style="255" customWidth="1"/>
    <col min="106" max="115" width="9" style="255"/>
    <col min="116" max="116" width="7.44140625" style="255" customWidth="1"/>
    <col min="117" max="126" width="9" style="255"/>
    <col min="127" max="127" width="7.44140625" style="255" customWidth="1"/>
    <col min="128" max="137" width="9" style="255"/>
    <col min="138" max="138" width="7.33203125" style="255" customWidth="1"/>
    <col min="139" max="148" width="9" style="255"/>
    <col min="149" max="149" width="7.77734375" style="255" customWidth="1"/>
    <col min="150" max="16384" width="9" style="255"/>
  </cols>
  <sheetData>
    <row r="1" spans="2:156" ht="24" customHeight="1" x14ac:dyDescent="0.2">
      <c r="B1" s="290" t="s">
        <v>122</v>
      </c>
      <c r="I1" s="524">
        <f>第１表!F2</f>
        <v>5</v>
      </c>
      <c r="J1" s="524"/>
      <c r="K1" s="248">
        <f>第１表!G2</f>
        <v>2</v>
      </c>
      <c r="L1" s="529">
        <f>IF(K1&lt;3,K1+12-2,K1-2)</f>
        <v>12</v>
      </c>
      <c r="M1" s="529"/>
    </row>
    <row r="2" spans="2:156" ht="24" customHeight="1" thickBot="1" x14ac:dyDescent="0.25">
      <c r="B2" s="290" t="s">
        <v>154</v>
      </c>
      <c r="G2" s="247"/>
      <c r="H2" s="248"/>
      <c r="J2" s="349"/>
      <c r="K2" s="349"/>
    </row>
    <row r="3" spans="2:156" ht="21" customHeight="1" thickBot="1" x14ac:dyDescent="0.25">
      <c r="B3" s="537"/>
      <c r="C3" s="540" t="s">
        <v>70</v>
      </c>
      <c r="D3" s="541"/>
      <c r="E3" s="541"/>
      <c r="F3" s="541"/>
      <c r="G3" s="541"/>
      <c r="H3" s="541"/>
      <c r="I3" s="541"/>
      <c r="J3" s="541"/>
      <c r="K3" s="541"/>
      <c r="L3" s="541"/>
      <c r="M3" s="542"/>
      <c r="N3" s="540" t="s">
        <v>71</v>
      </c>
      <c r="O3" s="541"/>
      <c r="P3" s="541"/>
      <c r="Q3" s="541"/>
      <c r="R3" s="541"/>
      <c r="S3" s="541"/>
      <c r="T3" s="541"/>
      <c r="U3" s="541"/>
      <c r="V3" s="541"/>
      <c r="W3" s="541"/>
      <c r="X3" s="542"/>
      <c r="Y3" s="540" t="s">
        <v>72</v>
      </c>
      <c r="Z3" s="541"/>
      <c r="AA3" s="541"/>
      <c r="AB3" s="541"/>
      <c r="AC3" s="541"/>
      <c r="AD3" s="541"/>
      <c r="AE3" s="541"/>
      <c r="AF3" s="541"/>
      <c r="AG3" s="541"/>
      <c r="AH3" s="541"/>
      <c r="AI3" s="542"/>
      <c r="AJ3" s="540" t="s">
        <v>73</v>
      </c>
      <c r="AK3" s="541"/>
      <c r="AL3" s="541"/>
      <c r="AM3" s="541"/>
      <c r="AN3" s="541"/>
      <c r="AO3" s="541"/>
      <c r="AP3" s="541"/>
      <c r="AQ3" s="541"/>
      <c r="AR3" s="541"/>
      <c r="AS3" s="541"/>
      <c r="AT3" s="542"/>
      <c r="AU3" s="540" t="s">
        <v>74</v>
      </c>
      <c r="AV3" s="541"/>
      <c r="AW3" s="541"/>
      <c r="AX3" s="541"/>
      <c r="AY3" s="541"/>
      <c r="AZ3" s="541"/>
      <c r="BA3" s="541"/>
      <c r="BB3" s="541"/>
      <c r="BC3" s="541"/>
      <c r="BD3" s="541"/>
      <c r="BE3" s="542"/>
      <c r="BF3" s="540" t="s">
        <v>75</v>
      </c>
      <c r="BG3" s="541"/>
      <c r="BH3" s="541"/>
      <c r="BI3" s="541"/>
      <c r="BJ3" s="541"/>
      <c r="BK3" s="541"/>
      <c r="BL3" s="541"/>
      <c r="BM3" s="541"/>
      <c r="BN3" s="541"/>
      <c r="BO3" s="541"/>
      <c r="BP3" s="542"/>
      <c r="BQ3" s="540" t="s">
        <v>76</v>
      </c>
      <c r="BR3" s="541"/>
      <c r="BS3" s="541"/>
      <c r="BT3" s="541"/>
      <c r="BU3" s="541"/>
      <c r="BV3" s="541"/>
      <c r="BW3" s="541"/>
      <c r="BX3" s="541"/>
      <c r="BY3" s="541"/>
      <c r="BZ3" s="541"/>
      <c r="CA3" s="542"/>
      <c r="CB3" s="540" t="s">
        <v>77</v>
      </c>
      <c r="CC3" s="541"/>
      <c r="CD3" s="541"/>
      <c r="CE3" s="541"/>
      <c r="CF3" s="541"/>
      <c r="CG3" s="541"/>
      <c r="CH3" s="541"/>
      <c r="CI3" s="541"/>
      <c r="CJ3" s="541"/>
      <c r="CK3" s="541"/>
      <c r="CL3" s="542"/>
      <c r="CM3" s="540" t="s">
        <v>78</v>
      </c>
      <c r="CN3" s="541"/>
      <c r="CO3" s="541"/>
      <c r="CP3" s="541"/>
      <c r="CQ3" s="541"/>
      <c r="CR3" s="541"/>
      <c r="CS3" s="541"/>
      <c r="CT3" s="541"/>
      <c r="CU3" s="541"/>
      <c r="CV3" s="541"/>
      <c r="CW3" s="542"/>
      <c r="CX3" s="540" t="s">
        <v>79</v>
      </c>
      <c r="CY3" s="541"/>
      <c r="CZ3" s="541"/>
      <c r="DA3" s="541"/>
      <c r="DB3" s="541"/>
      <c r="DC3" s="541"/>
      <c r="DD3" s="541"/>
      <c r="DE3" s="541"/>
      <c r="DF3" s="541"/>
      <c r="DG3" s="541"/>
      <c r="DH3" s="542"/>
      <c r="DI3" s="540" t="s">
        <v>152</v>
      </c>
      <c r="DJ3" s="541"/>
      <c r="DK3" s="541"/>
      <c r="DL3" s="541"/>
      <c r="DM3" s="541"/>
      <c r="DN3" s="541"/>
      <c r="DO3" s="541"/>
      <c r="DP3" s="541"/>
      <c r="DQ3" s="541"/>
      <c r="DR3" s="541"/>
      <c r="DS3" s="542"/>
      <c r="DT3" s="540" t="s">
        <v>80</v>
      </c>
      <c r="DU3" s="541"/>
      <c r="DV3" s="541"/>
      <c r="DW3" s="541"/>
      <c r="DX3" s="541"/>
      <c r="DY3" s="541"/>
      <c r="DZ3" s="541"/>
      <c r="EA3" s="541"/>
      <c r="EB3" s="541"/>
      <c r="EC3" s="541"/>
      <c r="ED3" s="542"/>
      <c r="EE3" s="540" t="s">
        <v>68</v>
      </c>
      <c r="EF3" s="541"/>
      <c r="EG3" s="541"/>
      <c r="EH3" s="541"/>
      <c r="EI3" s="541"/>
      <c r="EJ3" s="541"/>
      <c r="EK3" s="541"/>
      <c r="EL3" s="541"/>
      <c r="EM3" s="541"/>
      <c r="EN3" s="541"/>
      <c r="EO3" s="542"/>
      <c r="EP3" s="543" t="s">
        <v>69</v>
      </c>
      <c r="EQ3" s="544"/>
      <c r="ER3" s="544"/>
      <c r="ES3" s="544"/>
      <c r="ET3" s="544"/>
      <c r="EU3" s="544"/>
      <c r="EV3" s="544"/>
      <c r="EW3" s="544"/>
      <c r="EX3" s="544"/>
      <c r="EY3" s="544"/>
      <c r="EZ3" s="545"/>
    </row>
    <row r="4" spans="2:156" ht="21" customHeight="1" x14ac:dyDescent="0.2">
      <c r="B4" s="538"/>
      <c r="C4" s="532" t="s">
        <v>61</v>
      </c>
      <c r="D4" s="533"/>
      <c r="E4" s="534"/>
      <c r="F4" s="535" t="s">
        <v>62</v>
      </c>
      <c r="G4" s="533"/>
      <c r="H4" s="533"/>
      <c r="I4" s="533"/>
      <c r="J4" s="533"/>
      <c r="K4" s="533"/>
      <c r="L4" s="536"/>
      <c r="M4" s="530" t="s">
        <v>52</v>
      </c>
      <c r="N4" s="532" t="s">
        <v>61</v>
      </c>
      <c r="O4" s="533"/>
      <c r="P4" s="534"/>
      <c r="Q4" s="535" t="s">
        <v>62</v>
      </c>
      <c r="R4" s="533"/>
      <c r="S4" s="533"/>
      <c r="T4" s="533"/>
      <c r="U4" s="533"/>
      <c r="V4" s="533"/>
      <c r="W4" s="534"/>
      <c r="X4" s="530" t="s">
        <v>52</v>
      </c>
      <c r="Y4" s="532" t="s">
        <v>61</v>
      </c>
      <c r="Z4" s="533"/>
      <c r="AA4" s="534"/>
      <c r="AB4" s="535" t="s">
        <v>62</v>
      </c>
      <c r="AC4" s="533"/>
      <c r="AD4" s="533"/>
      <c r="AE4" s="533"/>
      <c r="AF4" s="533"/>
      <c r="AG4" s="533"/>
      <c r="AH4" s="534"/>
      <c r="AI4" s="530" t="s">
        <v>52</v>
      </c>
      <c r="AJ4" s="532" t="s">
        <v>61</v>
      </c>
      <c r="AK4" s="533"/>
      <c r="AL4" s="534"/>
      <c r="AM4" s="535" t="s">
        <v>62</v>
      </c>
      <c r="AN4" s="533"/>
      <c r="AO4" s="533"/>
      <c r="AP4" s="533"/>
      <c r="AQ4" s="533"/>
      <c r="AR4" s="533"/>
      <c r="AS4" s="534"/>
      <c r="AT4" s="530" t="s">
        <v>52</v>
      </c>
      <c r="AU4" s="532" t="s">
        <v>61</v>
      </c>
      <c r="AV4" s="533"/>
      <c r="AW4" s="534"/>
      <c r="AX4" s="535" t="s">
        <v>62</v>
      </c>
      <c r="AY4" s="533"/>
      <c r="AZ4" s="533"/>
      <c r="BA4" s="533"/>
      <c r="BB4" s="533"/>
      <c r="BC4" s="533"/>
      <c r="BD4" s="536"/>
      <c r="BE4" s="530" t="s">
        <v>52</v>
      </c>
      <c r="BF4" s="532" t="s">
        <v>61</v>
      </c>
      <c r="BG4" s="533"/>
      <c r="BH4" s="534"/>
      <c r="BI4" s="535" t="s">
        <v>62</v>
      </c>
      <c r="BJ4" s="533"/>
      <c r="BK4" s="533"/>
      <c r="BL4" s="533"/>
      <c r="BM4" s="533"/>
      <c r="BN4" s="533"/>
      <c r="BO4" s="534"/>
      <c r="BP4" s="530" t="s">
        <v>52</v>
      </c>
      <c r="BQ4" s="532" t="s">
        <v>61</v>
      </c>
      <c r="BR4" s="533"/>
      <c r="BS4" s="534"/>
      <c r="BT4" s="535" t="s">
        <v>62</v>
      </c>
      <c r="BU4" s="533"/>
      <c r="BV4" s="533"/>
      <c r="BW4" s="533"/>
      <c r="BX4" s="533"/>
      <c r="BY4" s="533"/>
      <c r="BZ4" s="534"/>
      <c r="CA4" s="530" t="s">
        <v>52</v>
      </c>
      <c r="CB4" s="532" t="s">
        <v>61</v>
      </c>
      <c r="CC4" s="533"/>
      <c r="CD4" s="534"/>
      <c r="CE4" s="535" t="s">
        <v>62</v>
      </c>
      <c r="CF4" s="533"/>
      <c r="CG4" s="533"/>
      <c r="CH4" s="533"/>
      <c r="CI4" s="533"/>
      <c r="CJ4" s="533"/>
      <c r="CK4" s="534"/>
      <c r="CL4" s="530" t="s">
        <v>52</v>
      </c>
      <c r="CM4" s="532" t="s">
        <v>61</v>
      </c>
      <c r="CN4" s="533"/>
      <c r="CO4" s="534"/>
      <c r="CP4" s="535" t="s">
        <v>62</v>
      </c>
      <c r="CQ4" s="533"/>
      <c r="CR4" s="533"/>
      <c r="CS4" s="533"/>
      <c r="CT4" s="533"/>
      <c r="CU4" s="533"/>
      <c r="CV4" s="534"/>
      <c r="CW4" s="530" t="s">
        <v>52</v>
      </c>
      <c r="CX4" s="532" t="s">
        <v>61</v>
      </c>
      <c r="CY4" s="533"/>
      <c r="CZ4" s="534"/>
      <c r="DA4" s="535" t="s">
        <v>62</v>
      </c>
      <c r="DB4" s="533"/>
      <c r="DC4" s="533"/>
      <c r="DD4" s="533"/>
      <c r="DE4" s="533"/>
      <c r="DF4" s="533"/>
      <c r="DG4" s="534"/>
      <c r="DH4" s="530" t="s">
        <v>52</v>
      </c>
      <c r="DI4" s="532" t="s">
        <v>61</v>
      </c>
      <c r="DJ4" s="533"/>
      <c r="DK4" s="534"/>
      <c r="DL4" s="535" t="s">
        <v>62</v>
      </c>
      <c r="DM4" s="533"/>
      <c r="DN4" s="533"/>
      <c r="DO4" s="533"/>
      <c r="DP4" s="533"/>
      <c r="DQ4" s="533"/>
      <c r="DR4" s="534"/>
      <c r="DS4" s="530" t="s">
        <v>52</v>
      </c>
      <c r="DT4" s="532" t="s">
        <v>61</v>
      </c>
      <c r="DU4" s="533"/>
      <c r="DV4" s="534"/>
      <c r="DW4" s="535" t="s">
        <v>62</v>
      </c>
      <c r="DX4" s="533"/>
      <c r="DY4" s="533"/>
      <c r="DZ4" s="533"/>
      <c r="EA4" s="533"/>
      <c r="EB4" s="533"/>
      <c r="EC4" s="534"/>
      <c r="ED4" s="530" t="s">
        <v>52</v>
      </c>
      <c r="EE4" s="532" t="s">
        <v>61</v>
      </c>
      <c r="EF4" s="533"/>
      <c r="EG4" s="534"/>
      <c r="EH4" s="535" t="s">
        <v>62</v>
      </c>
      <c r="EI4" s="533"/>
      <c r="EJ4" s="533"/>
      <c r="EK4" s="533"/>
      <c r="EL4" s="533"/>
      <c r="EM4" s="533"/>
      <c r="EN4" s="534"/>
      <c r="EO4" s="530" t="s">
        <v>52</v>
      </c>
      <c r="EP4" s="532" t="s">
        <v>61</v>
      </c>
      <c r="EQ4" s="533"/>
      <c r="ER4" s="534"/>
      <c r="ES4" s="535" t="s">
        <v>62</v>
      </c>
      <c r="ET4" s="533"/>
      <c r="EU4" s="533"/>
      <c r="EV4" s="533"/>
      <c r="EW4" s="533"/>
      <c r="EX4" s="533"/>
      <c r="EY4" s="534"/>
      <c r="EZ4" s="530" t="s">
        <v>52</v>
      </c>
    </row>
    <row r="5" spans="2:156" ht="30" customHeight="1" thickBot="1" x14ac:dyDescent="0.25">
      <c r="B5" s="539"/>
      <c r="C5" s="350" t="s">
        <v>43</v>
      </c>
      <c r="D5" s="259" t="s">
        <v>162</v>
      </c>
      <c r="E5" s="382" t="s">
        <v>45</v>
      </c>
      <c r="F5" s="267" t="s">
        <v>83</v>
      </c>
      <c r="G5" s="259" t="s">
        <v>47</v>
      </c>
      <c r="H5" s="259" t="s">
        <v>48</v>
      </c>
      <c r="I5" s="259" t="s">
        <v>49</v>
      </c>
      <c r="J5" s="259" t="s">
        <v>50</v>
      </c>
      <c r="K5" s="259" t="s">
        <v>51</v>
      </c>
      <c r="L5" s="268" t="s">
        <v>45</v>
      </c>
      <c r="M5" s="531"/>
      <c r="N5" s="350" t="s">
        <v>43</v>
      </c>
      <c r="O5" s="259" t="s">
        <v>44</v>
      </c>
      <c r="P5" s="265" t="s">
        <v>45</v>
      </c>
      <c r="Q5" s="267" t="s">
        <v>83</v>
      </c>
      <c r="R5" s="259" t="s">
        <v>47</v>
      </c>
      <c r="S5" s="259" t="s">
        <v>48</v>
      </c>
      <c r="T5" s="259" t="s">
        <v>49</v>
      </c>
      <c r="U5" s="259" t="s">
        <v>50</v>
      </c>
      <c r="V5" s="259" t="s">
        <v>51</v>
      </c>
      <c r="W5" s="265" t="s">
        <v>45</v>
      </c>
      <c r="X5" s="531"/>
      <c r="Y5" s="350" t="s">
        <v>43</v>
      </c>
      <c r="Z5" s="259" t="s">
        <v>44</v>
      </c>
      <c r="AA5" s="265" t="s">
        <v>45</v>
      </c>
      <c r="AB5" s="267" t="s">
        <v>83</v>
      </c>
      <c r="AC5" s="259" t="s">
        <v>47</v>
      </c>
      <c r="AD5" s="259" t="s">
        <v>48</v>
      </c>
      <c r="AE5" s="259" t="s">
        <v>49</v>
      </c>
      <c r="AF5" s="259" t="s">
        <v>50</v>
      </c>
      <c r="AG5" s="259" t="s">
        <v>51</v>
      </c>
      <c r="AH5" s="265" t="s">
        <v>45</v>
      </c>
      <c r="AI5" s="531"/>
      <c r="AJ5" s="350" t="s">
        <v>43</v>
      </c>
      <c r="AK5" s="259" t="s">
        <v>44</v>
      </c>
      <c r="AL5" s="265" t="s">
        <v>45</v>
      </c>
      <c r="AM5" s="267" t="s">
        <v>83</v>
      </c>
      <c r="AN5" s="259" t="s">
        <v>47</v>
      </c>
      <c r="AO5" s="259" t="s">
        <v>48</v>
      </c>
      <c r="AP5" s="259" t="s">
        <v>49</v>
      </c>
      <c r="AQ5" s="259" t="s">
        <v>50</v>
      </c>
      <c r="AR5" s="259" t="s">
        <v>51</v>
      </c>
      <c r="AS5" s="265" t="s">
        <v>45</v>
      </c>
      <c r="AT5" s="531"/>
      <c r="AU5" s="350" t="s">
        <v>43</v>
      </c>
      <c r="AV5" s="259" t="s">
        <v>44</v>
      </c>
      <c r="AW5" s="265" t="s">
        <v>45</v>
      </c>
      <c r="AX5" s="267" t="s">
        <v>83</v>
      </c>
      <c r="AY5" s="259" t="s">
        <v>47</v>
      </c>
      <c r="AZ5" s="259" t="s">
        <v>48</v>
      </c>
      <c r="BA5" s="259" t="s">
        <v>49</v>
      </c>
      <c r="BB5" s="259" t="s">
        <v>50</v>
      </c>
      <c r="BC5" s="259" t="s">
        <v>51</v>
      </c>
      <c r="BD5" s="268" t="s">
        <v>45</v>
      </c>
      <c r="BE5" s="531"/>
      <c r="BF5" s="350" t="s">
        <v>43</v>
      </c>
      <c r="BG5" s="259" t="s">
        <v>44</v>
      </c>
      <c r="BH5" s="265" t="s">
        <v>45</v>
      </c>
      <c r="BI5" s="267" t="s">
        <v>83</v>
      </c>
      <c r="BJ5" s="259" t="s">
        <v>47</v>
      </c>
      <c r="BK5" s="259" t="s">
        <v>48</v>
      </c>
      <c r="BL5" s="259" t="s">
        <v>49</v>
      </c>
      <c r="BM5" s="259" t="s">
        <v>50</v>
      </c>
      <c r="BN5" s="259" t="s">
        <v>51</v>
      </c>
      <c r="BO5" s="265" t="s">
        <v>45</v>
      </c>
      <c r="BP5" s="531"/>
      <c r="BQ5" s="350" t="s">
        <v>43</v>
      </c>
      <c r="BR5" s="259" t="s">
        <v>44</v>
      </c>
      <c r="BS5" s="265" t="s">
        <v>45</v>
      </c>
      <c r="BT5" s="267" t="s">
        <v>83</v>
      </c>
      <c r="BU5" s="259" t="s">
        <v>47</v>
      </c>
      <c r="BV5" s="259" t="s">
        <v>48</v>
      </c>
      <c r="BW5" s="259" t="s">
        <v>49</v>
      </c>
      <c r="BX5" s="259" t="s">
        <v>50</v>
      </c>
      <c r="BY5" s="259" t="s">
        <v>51</v>
      </c>
      <c r="BZ5" s="265" t="s">
        <v>45</v>
      </c>
      <c r="CA5" s="531"/>
      <c r="CB5" s="350" t="s">
        <v>43</v>
      </c>
      <c r="CC5" s="259" t="s">
        <v>44</v>
      </c>
      <c r="CD5" s="265" t="s">
        <v>45</v>
      </c>
      <c r="CE5" s="267" t="s">
        <v>83</v>
      </c>
      <c r="CF5" s="259" t="s">
        <v>47</v>
      </c>
      <c r="CG5" s="259" t="s">
        <v>48</v>
      </c>
      <c r="CH5" s="259" t="s">
        <v>49</v>
      </c>
      <c r="CI5" s="259" t="s">
        <v>50</v>
      </c>
      <c r="CJ5" s="259" t="s">
        <v>51</v>
      </c>
      <c r="CK5" s="265" t="s">
        <v>45</v>
      </c>
      <c r="CL5" s="531"/>
      <c r="CM5" s="350" t="s">
        <v>43</v>
      </c>
      <c r="CN5" s="259" t="s">
        <v>44</v>
      </c>
      <c r="CO5" s="265" t="s">
        <v>45</v>
      </c>
      <c r="CP5" s="267" t="s">
        <v>83</v>
      </c>
      <c r="CQ5" s="259" t="s">
        <v>47</v>
      </c>
      <c r="CR5" s="259" t="s">
        <v>48</v>
      </c>
      <c r="CS5" s="259" t="s">
        <v>49</v>
      </c>
      <c r="CT5" s="259" t="s">
        <v>50</v>
      </c>
      <c r="CU5" s="259" t="s">
        <v>51</v>
      </c>
      <c r="CV5" s="265" t="s">
        <v>45</v>
      </c>
      <c r="CW5" s="531"/>
      <c r="CX5" s="350" t="s">
        <v>43</v>
      </c>
      <c r="CY5" s="259" t="s">
        <v>44</v>
      </c>
      <c r="CZ5" s="265" t="s">
        <v>45</v>
      </c>
      <c r="DA5" s="267" t="s">
        <v>83</v>
      </c>
      <c r="DB5" s="259" t="s">
        <v>47</v>
      </c>
      <c r="DC5" s="259" t="s">
        <v>48</v>
      </c>
      <c r="DD5" s="259" t="s">
        <v>49</v>
      </c>
      <c r="DE5" s="259" t="s">
        <v>50</v>
      </c>
      <c r="DF5" s="259" t="s">
        <v>51</v>
      </c>
      <c r="DG5" s="265" t="s">
        <v>45</v>
      </c>
      <c r="DH5" s="531"/>
      <c r="DI5" s="350" t="s">
        <v>43</v>
      </c>
      <c r="DJ5" s="259" t="s">
        <v>44</v>
      </c>
      <c r="DK5" s="265" t="s">
        <v>45</v>
      </c>
      <c r="DL5" s="267" t="s">
        <v>83</v>
      </c>
      <c r="DM5" s="259" t="s">
        <v>47</v>
      </c>
      <c r="DN5" s="259" t="s">
        <v>48</v>
      </c>
      <c r="DO5" s="259" t="s">
        <v>49</v>
      </c>
      <c r="DP5" s="259" t="s">
        <v>50</v>
      </c>
      <c r="DQ5" s="259" t="s">
        <v>51</v>
      </c>
      <c r="DR5" s="265" t="s">
        <v>45</v>
      </c>
      <c r="DS5" s="531"/>
      <c r="DT5" s="350" t="s">
        <v>43</v>
      </c>
      <c r="DU5" s="259" t="s">
        <v>44</v>
      </c>
      <c r="DV5" s="265" t="s">
        <v>45</v>
      </c>
      <c r="DW5" s="267" t="s">
        <v>83</v>
      </c>
      <c r="DX5" s="259" t="s">
        <v>47</v>
      </c>
      <c r="DY5" s="259" t="s">
        <v>48</v>
      </c>
      <c r="DZ5" s="259" t="s">
        <v>49</v>
      </c>
      <c r="EA5" s="259" t="s">
        <v>50</v>
      </c>
      <c r="EB5" s="259" t="s">
        <v>51</v>
      </c>
      <c r="EC5" s="265" t="s">
        <v>45</v>
      </c>
      <c r="ED5" s="531"/>
      <c r="EE5" s="350" t="s">
        <v>43</v>
      </c>
      <c r="EF5" s="259" t="s">
        <v>44</v>
      </c>
      <c r="EG5" s="265" t="s">
        <v>45</v>
      </c>
      <c r="EH5" s="267" t="s">
        <v>83</v>
      </c>
      <c r="EI5" s="259" t="s">
        <v>47</v>
      </c>
      <c r="EJ5" s="259" t="s">
        <v>48</v>
      </c>
      <c r="EK5" s="259" t="s">
        <v>49</v>
      </c>
      <c r="EL5" s="259" t="s">
        <v>50</v>
      </c>
      <c r="EM5" s="259" t="s">
        <v>51</v>
      </c>
      <c r="EN5" s="265" t="s">
        <v>45</v>
      </c>
      <c r="EO5" s="531"/>
      <c r="EP5" s="350" t="s">
        <v>43</v>
      </c>
      <c r="EQ5" s="259" t="s">
        <v>44</v>
      </c>
      <c r="ER5" s="265" t="s">
        <v>45</v>
      </c>
      <c r="ES5" s="267" t="s">
        <v>83</v>
      </c>
      <c r="ET5" s="259" t="s">
        <v>47</v>
      </c>
      <c r="EU5" s="259" t="s">
        <v>48</v>
      </c>
      <c r="EV5" s="259" t="s">
        <v>49</v>
      </c>
      <c r="EW5" s="259" t="s">
        <v>50</v>
      </c>
      <c r="EX5" s="259" t="s">
        <v>51</v>
      </c>
      <c r="EY5" s="265" t="s">
        <v>45</v>
      </c>
      <c r="EZ5" s="531"/>
    </row>
    <row r="6" spans="2:156" ht="21" customHeight="1" x14ac:dyDescent="0.2">
      <c r="B6" s="260" t="s">
        <v>4</v>
      </c>
      <c r="C6" s="269">
        <v>0</v>
      </c>
      <c r="D6" s="273">
        <v>0</v>
      </c>
      <c r="E6" s="383">
        <v>0</v>
      </c>
      <c r="F6" s="272">
        <v>0</v>
      </c>
      <c r="G6" s="273">
        <v>1175</v>
      </c>
      <c r="H6" s="273">
        <v>1279</v>
      </c>
      <c r="I6" s="273">
        <v>673</v>
      </c>
      <c r="J6" s="273">
        <v>554</v>
      </c>
      <c r="K6" s="273">
        <v>433</v>
      </c>
      <c r="L6" s="274">
        <v>4114</v>
      </c>
      <c r="M6" s="275">
        <v>4114</v>
      </c>
      <c r="N6" s="269">
        <v>1</v>
      </c>
      <c r="O6" s="273">
        <v>2</v>
      </c>
      <c r="P6" s="270">
        <v>3</v>
      </c>
      <c r="Q6" s="272">
        <v>0</v>
      </c>
      <c r="R6" s="273">
        <v>13</v>
      </c>
      <c r="S6" s="273">
        <v>40</v>
      </c>
      <c r="T6" s="273">
        <v>66</v>
      </c>
      <c r="U6" s="273">
        <v>144</v>
      </c>
      <c r="V6" s="273">
        <v>232</v>
      </c>
      <c r="W6" s="270">
        <v>495</v>
      </c>
      <c r="X6" s="275">
        <v>498</v>
      </c>
      <c r="Y6" s="269">
        <v>229</v>
      </c>
      <c r="Z6" s="273">
        <v>408</v>
      </c>
      <c r="AA6" s="270">
        <v>637</v>
      </c>
      <c r="AB6" s="272">
        <v>0</v>
      </c>
      <c r="AC6" s="273">
        <v>903</v>
      </c>
      <c r="AD6" s="273">
        <v>1177</v>
      </c>
      <c r="AE6" s="273">
        <v>693</v>
      </c>
      <c r="AF6" s="273">
        <v>602</v>
      </c>
      <c r="AG6" s="273">
        <v>416</v>
      </c>
      <c r="AH6" s="270">
        <v>3791</v>
      </c>
      <c r="AI6" s="275">
        <v>4428</v>
      </c>
      <c r="AJ6" s="269">
        <v>21</v>
      </c>
      <c r="AK6" s="273">
        <v>60</v>
      </c>
      <c r="AL6" s="270">
        <v>81</v>
      </c>
      <c r="AM6" s="272">
        <v>0</v>
      </c>
      <c r="AN6" s="273">
        <v>110</v>
      </c>
      <c r="AO6" s="273">
        <v>146</v>
      </c>
      <c r="AP6" s="273">
        <v>89</v>
      </c>
      <c r="AQ6" s="273">
        <v>97</v>
      </c>
      <c r="AR6" s="273">
        <v>50</v>
      </c>
      <c r="AS6" s="270">
        <v>492</v>
      </c>
      <c r="AT6" s="275">
        <v>573</v>
      </c>
      <c r="AU6" s="269">
        <v>301</v>
      </c>
      <c r="AV6" s="273">
        <v>331</v>
      </c>
      <c r="AW6" s="270">
        <v>632</v>
      </c>
      <c r="AX6" s="272">
        <v>0</v>
      </c>
      <c r="AY6" s="273">
        <v>1238</v>
      </c>
      <c r="AZ6" s="273">
        <v>1511</v>
      </c>
      <c r="BA6" s="273">
        <v>1337</v>
      </c>
      <c r="BB6" s="273">
        <v>1456</v>
      </c>
      <c r="BC6" s="273">
        <v>1012</v>
      </c>
      <c r="BD6" s="274">
        <v>6554</v>
      </c>
      <c r="BE6" s="275">
        <v>7186</v>
      </c>
      <c r="BF6" s="269">
        <v>0</v>
      </c>
      <c r="BG6" s="273">
        <v>0</v>
      </c>
      <c r="BH6" s="270">
        <v>0</v>
      </c>
      <c r="BI6" s="272">
        <v>0</v>
      </c>
      <c r="BJ6" s="273">
        <v>1343</v>
      </c>
      <c r="BK6" s="273">
        <v>1138</v>
      </c>
      <c r="BL6" s="273">
        <v>566</v>
      </c>
      <c r="BM6" s="273">
        <v>331</v>
      </c>
      <c r="BN6" s="273">
        <v>161</v>
      </c>
      <c r="BO6" s="270">
        <v>3539</v>
      </c>
      <c r="BP6" s="275">
        <v>3539</v>
      </c>
      <c r="BQ6" s="269">
        <v>120</v>
      </c>
      <c r="BR6" s="273">
        <v>158</v>
      </c>
      <c r="BS6" s="270">
        <v>278</v>
      </c>
      <c r="BT6" s="272">
        <v>0</v>
      </c>
      <c r="BU6" s="273">
        <v>338</v>
      </c>
      <c r="BV6" s="273">
        <v>461</v>
      </c>
      <c r="BW6" s="273">
        <v>273</v>
      </c>
      <c r="BX6" s="273">
        <v>193</v>
      </c>
      <c r="BY6" s="273">
        <v>75</v>
      </c>
      <c r="BZ6" s="270">
        <v>1340</v>
      </c>
      <c r="CA6" s="275">
        <v>1618</v>
      </c>
      <c r="CB6" s="269">
        <v>4</v>
      </c>
      <c r="CC6" s="273">
        <v>17</v>
      </c>
      <c r="CD6" s="270">
        <v>21</v>
      </c>
      <c r="CE6" s="272">
        <v>0</v>
      </c>
      <c r="CF6" s="273">
        <v>125</v>
      </c>
      <c r="CG6" s="273">
        <v>204</v>
      </c>
      <c r="CH6" s="273">
        <v>265</v>
      </c>
      <c r="CI6" s="273">
        <v>181</v>
      </c>
      <c r="CJ6" s="273">
        <v>110</v>
      </c>
      <c r="CK6" s="270">
        <v>885</v>
      </c>
      <c r="CL6" s="275">
        <v>906</v>
      </c>
      <c r="CM6" s="269">
        <v>0</v>
      </c>
      <c r="CN6" s="273">
        <v>4</v>
      </c>
      <c r="CO6" s="270">
        <v>4</v>
      </c>
      <c r="CP6" s="272">
        <v>0</v>
      </c>
      <c r="CQ6" s="273">
        <v>19</v>
      </c>
      <c r="CR6" s="273">
        <v>33</v>
      </c>
      <c r="CS6" s="273">
        <v>40</v>
      </c>
      <c r="CT6" s="273">
        <v>39</v>
      </c>
      <c r="CU6" s="273">
        <v>27</v>
      </c>
      <c r="CV6" s="270">
        <v>158</v>
      </c>
      <c r="CW6" s="275">
        <v>162</v>
      </c>
      <c r="CX6" s="269">
        <v>0</v>
      </c>
      <c r="CY6" s="273">
        <v>0</v>
      </c>
      <c r="CZ6" s="270">
        <v>0</v>
      </c>
      <c r="DA6" s="272">
        <v>0</v>
      </c>
      <c r="DB6" s="273">
        <v>0</v>
      </c>
      <c r="DC6" s="273">
        <v>0</v>
      </c>
      <c r="DD6" s="273">
        <v>0</v>
      </c>
      <c r="DE6" s="273">
        <v>0</v>
      </c>
      <c r="DF6" s="273">
        <v>0</v>
      </c>
      <c r="DG6" s="270">
        <v>0</v>
      </c>
      <c r="DH6" s="275">
        <v>0</v>
      </c>
      <c r="DI6" s="269">
        <v>0</v>
      </c>
      <c r="DJ6" s="273">
        <v>0</v>
      </c>
      <c r="DK6" s="270">
        <v>0</v>
      </c>
      <c r="DL6" s="272">
        <v>0</v>
      </c>
      <c r="DM6" s="273">
        <v>0</v>
      </c>
      <c r="DN6" s="273">
        <v>0</v>
      </c>
      <c r="DO6" s="273">
        <v>0</v>
      </c>
      <c r="DP6" s="273">
        <v>0</v>
      </c>
      <c r="DQ6" s="273">
        <v>0</v>
      </c>
      <c r="DR6" s="270">
        <v>0</v>
      </c>
      <c r="DS6" s="275">
        <v>0</v>
      </c>
      <c r="DT6" s="269">
        <v>593</v>
      </c>
      <c r="DU6" s="273">
        <v>1187</v>
      </c>
      <c r="DV6" s="270">
        <v>1780</v>
      </c>
      <c r="DW6" s="272">
        <v>0</v>
      </c>
      <c r="DX6" s="273">
        <v>1627</v>
      </c>
      <c r="DY6" s="273">
        <v>2739</v>
      </c>
      <c r="DZ6" s="273">
        <v>1639</v>
      </c>
      <c r="EA6" s="273">
        <v>1269</v>
      </c>
      <c r="EB6" s="273">
        <v>775</v>
      </c>
      <c r="EC6" s="270">
        <v>8049</v>
      </c>
      <c r="ED6" s="275">
        <v>9829</v>
      </c>
      <c r="EE6" s="269">
        <v>217</v>
      </c>
      <c r="EF6" s="273">
        <v>156</v>
      </c>
      <c r="EG6" s="270">
        <v>373</v>
      </c>
      <c r="EH6" s="272">
        <v>0</v>
      </c>
      <c r="EI6" s="273">
        <v>613</v>
      </c>
      <c r="EJ6" s="273">
        <v>628</v>
      </c>
      <c r="EK6" s="273">
        <v>545</v>
      </c>
      <c r="EL6" s="273">
        <v>662</v>
      </c>
      <c r="EM6" s="273">
        <v>374</v>
      </c>
      <c r="EN6" s="270">
        <v>2822</v>
      </c>
      <c r="EO6" s="275">
        <v>3195</v>
      </c>
      <c r="EP6" s="269">
        <v>888</v>
      </c>
      <c r="EQ6" s="273">
        <v>1553</v>
      </c>
      <c r="ER6" s="270">
        <v>2441</v>
      </c>
      <c r="ES6" s="272">
        <v>0</v>
      </c>
      <c r="ET6" s="273">
        <v>3797</v>
      </c>
      <c r="EU6" s="273">
        <v>3848</v>
      </c>
      <c r="EV6" s="273">
        <v>1982</v>
      </c>
      <c r="EW6" s="273">
        <v>1369</v>
      </c>
      <c r="EX6" s="273">
        <v>834</v>
      </c>
      <c r="EY6" s="270">
        <v>11830</v>
      </c>
      <c r="EZ6" s="275">
        <v>14271</v>
      </c>
    </row>
    <row r="7" spans="2:156" ht="21" customHeight="1" x14ac:dyDescent="0.2">
      <c r="B7" s="261" t="s">
        <v>5</v>
      </c>
      <c r="C7" s="276">
        <v>0</v>
      </c>
      <c r="D7" s="280">
        <v>0</v>
      </c>
      <c r="E7" s="384">
        <v>0</v>
      </c>
      <c r="F7" s="279">
        <v>0</v>
      </c>
      <c r="G7" s="280">
        <v>452</v>
      </c>
      <c r="H7" s="280">
        <v>709</v>
      </c>
      <c r="I7" s="280">
        <v>300</v>
      </c>
      <c r="J7" s="280">
        <v>240</v>
      </c>
      <c r="K7" s="280">
        <v>179</v>
      </c>
      <c r="L7" s="281">
        <v>1880</v>
      </c>
      <c r="M7" s="282">
        <v>1880</v>
      </c>
      <c r="N7" s="276">
        <v>1</v>
      </c>
      <c r="O7" s="280">
        <v>2</v>
      </c>
      <c r="P7" s="277">
        <v>3</v>
      </c>
      <c r="Q7" s="279">
        <v>0</v>
      </c>
      <c r="R7" s="280">
        <v>2</v>
      </c>
      <c r="S7" s="280">
        <v>17</v>
      </c>
      <c r="T7" s="280">
        <v>31</v>
      </c>
      <c r="U7" s="280">
        <v>59</v>
      </c>
      <c r="V7" s="280">
        <v>100</v>
      </c>
      <c r="W7" s="277">
        <v>209</v>
      </c>
      <c r="X7" s="282">
        <v>212</v>
      </c>
      <c r="Y7" s="276">
        <v>116</v>
      </c>
      <c r="Z7" s="280">
        <v>210</v>
      </c>
      <c r="AA7" s="277">
        <v>326</v>
      </c>
      <c r="AB7" s="279">
        <v>0</v>
      </c>
      <c r="AC7" s="280">
        <v>341</v>
      </c>
      <c r="AD7" s="280">
        <v>661</v>
      </c>
      <c r="AE7" s="280">
        <v>324</v>
      </c>
      <c r="AF7" s="280">
        <v>273</v>
      </c>
      <c r="AG7" s="280">
        <v>185</v>
      </c>
      <c r="AH7" s="277">
        <v>1784</v>
      </c>
      <c r="AI7" s="282">
        <v>2110</v>
      </c>
      <c r="AJ7" s="276">
        <v>8</v>
      </c>
      <c r="AK7" s="280">
        <v>42</v>
      </c>
      <c r="AL7" s="277">
        <v>50</v>
      </c>
      <c r="AM7" s="279">
        <v>0</v>
      </c>
      <c r="AN7" s="280">
        <v>32</v>
      </c>
      <c r="AO7" s="280">
        <v>67</v>
      </c>
      <c r="AP7" s="280">
        <v>39</v>
      </c>
      <c r="AQ7" s="280">
        <v>49</v>
      </c>
      <c r="AR7" s="280">
        <v>23</v>
      </c>
      <c r="AS7" s="277">
        <v>210</v>
      </c>
      <c r="AT7" s="282">
        <v>260</v>
      </c>
      <c r="AU7" s="276">
        <v>141</v>
      </c>
      <c r="AV7" s="280">
        <v>185</v>
      </c>
      <c r="AW7" s="277">
        <v>326</v>
      </c>
      <c r="AX7" s="279">
        <v>0</v>
      </c>
      <c r="AY7" s="280">
        <v>475</v>
      </c>
      <c r="AZ7" s="280">
        <v>744</v>
      </c>
      <c r="BA7" s="280">
        <v>614</v>
      </c>
      <c r="BB7" s="280">
        <v>634</v>
      </c>
      <c r="BC7" s="280">
        <v>416</v>
      </c>
      <c r="BD7" s="281">
        <v>2883</v>
      </c>
      <c r="BE7" s="282">
        <v>3209</v>
      </c>
      <c r="BF7" s="276">
        <v>0</v>
      </c>
      <c r="BG7" s="280">
        <v>0</v>
      </c>
      <c r="BH7" s="277">
        <v>0</v>
      </c>
      <c r="BI7" s="279">
        <v>0</v>
      </c>
      <c r="BJ7" s="280">
        <v>459</v>
      </c>
      <c r="BK7" s="280">
        <v>480</v>
      </c>
      <c r="BL7" s="280">
        <v>241</v>
      </c>
      <c r="BM7" s="280">
        <v>123</v>
      </c>
      <c r="BN7" s="280">
        <v>61</v>
      </c>
      <c r="BO7" s="277">
        <v>1364</v>
      </c>
      <c r="BP7" s="282">
        <v>1364</v>
      </c>
      <c r="BQ7" s="276">
        <v>65</v>
      </c>
      <c r="BR7" s="280">
        <v>73</v>
      </c>
      <c r="BS7" s="277">
        <v>138</v>
      </c>
      <c r="BT7" s="279">
        <v>0</v>
      </c>
      <c r="BU7" s="280">
        <v>115</v>
      </c>
      <c r="BV7" s="280">
        <v>224</v>
      </c>
      <c r="BW7" s="280">
        <v>128</v>
      </c>
      <c r="BX7" s="280">
        <v>87</v>
      </c>
      <c r="BY7" s="280">
        <v>43</v>
      </c>
      <c r="BZ7" s="277">
        <v>597</v>
      </c>
      <c r="CA7" s="282">
        <v>735</v>
      </c>
      <c r="CB7" s="276">
        <v>0</v>
      </c>
      <c r="CC7" s="280">
        <v>7</v>
      </c>
      <c r="CD7" s="277">
        <v>7</v>
      </c>
      <c r="CE7" s="279">
        <v>0</v>
      </c>
      <c r="CF7" s="280">
        <v>35</v>
      </c>
      <c r="CG7" s="280">
        <v>87</v>
      </c>
      <c r="CH7" s="280">
        <v>86</v>
      </c>
      <c r="CI7" s="280">
        <v>71</v>
      </c>
      <c r="CJ7" s="280">
        <v>44</v>
      </c>
      <c r="CK7" s="277">
        <v>323</v>
      </c>
      <c r="CL7" s="282">
        <v>330</v>
      </c>
      <c r="CM7" s="276">
        <v>0</v>
      </c>
      <c r="CN7" s="280">
        <v>3</v>
      </c>
      <c r="CO7" s="277">
        <v>3</v>
      </c>
      <c r="CP7" s="279">
        <v>0</v>
      </c>
      <c r="CQ7" s="280">
        <v>6</v>
      </c>
      <c r="CR7" s="280">
        <v>20</v>
      </c>
      <c r="CS7" s="280">
        <v>26</v>
      </c>
      <c r="CT7" s="280">
        <v>21</v>
      </c>
      <c r="CU7" s="280">
        <v>19</v>
      </c>
      <c r="CV7" s="277">
        <v>92</v>
      </c>
      <c r="CW7" s="282">
        <v>95</v>
      </c>
      <c r="CX7" s="276">
        <v>0</v>
      </c>
      <c r="CY7" s="280">
        <v>0</v>
      </c>
      <c r="CZ7" s="277">
        <v>0</v>
      </c>
      <c r="DA7" s="279">
        <v>0</v>
      </c>
      <c r="DB7" s="280">
        <v>0</v>
      </c>
      <c r="DC7" s="280">
        <v>0</v>
      </c>
      <c r="DD7" s="280">
        <v>0</v>
      </c>
      <c r="DE7" s="280">
        <v>0</v>
      </c>
      <c r="DF7" s="280">
        <v>0</v>
      </c>
      <c r="DG7" s="277">
        <v>0</v>
      </c>
      <c r="DH7" s="282">
        <v>0</v>
      </c>
      <c r="DI7" s="276">
        <v>0</v>
      </c>
      <c r="DJ7" s="280">
        <v>0</v>
      </c>
      <c r="DK7" s="277">
        <v>0</v>
      </c>
      <c r="DL7" s="279">
        <v>0</v>
      </c>
      <c r="DM7" s="280">
        <v>0</v>
      </c>
      <c r="DN7" s="280">
        <v>0</v>
      </c>
      <c r="DO7" s="280">
        <v>0</v>
      </c>
      <c r="DP7" s="280">
        <v>0</v>
      </c>
      <c r="DQ7" s="280">
        <v>0</v>
      </c>
      <c r="DR7" s="277">
        <v>0</v>
      </c>
      <c r="DS7" s="282">
        <v>0</v>
      </c>
      <c r="DT7" s="276">
        <v>219</v>
      </c>
      <c r="DU7" s="280">
        <v>539</v>
      </c>
      <c r="DV7" s="277">
        <v>758</v>
      </c>
      <c r="DW7" s="279">
        <v>0</v>
      </c>
      <c r="DX7" s="280">
        <v>497</v>
      </c>
      <c r="DY7" s="280">
        <v>1365</v>
      </c>
      <c r="DZ7" s="280">
        <v>693</v>
      </c>
      <c r="EA7" s="280">
        <v>535</v>
      </c>
      <c r="EB7" s="280">
        <v>323</v>
      </c>
      <c r="EC7" s="277">
        <v>3413</v>
      </c>
      <c r="ED7" s="282">
        <v>4171</v>
      </c>
      <c r="EE7" s="276">
        <v>103</v>
      </c>
      <c r="EF7" s="280">
        <v>80</v>
      </c>
      <c r="EG7" s="277">
        <v>183</v>
      </c>
      <c r="EH7" s="279">
        <v>0</v>
      </c>
      <c r="EI7" s="280">
        <v>256</v>
      </c>
      <c r="EJ7" s="280">
        <v>327</v>
      </c>
      <c r="EK7" s="280">
        <v>274</v>
      </c>
      <c r="EL7" s="280">
        <v>304</v>
      </c>
      <c r="EM7" s="280">
        <v>161</v>
      </c>
      <c r="EN7" s="277">
        <v>1322</v>
      </c>
      <c r="EO7" s="282">
        <v>1505</v>
      </c>
      <c r="EP7" s="276">
        <v>374</v>
      </c>
      <c r="EQ7" s="280">
        <v>747</v>
      </c>
      <c r="ER7" s="277">
        <v>1121</v>
      </c>
      <c r="ES7" s="279">
        <v>0</v>
      </c>
      <c r="ET7" s="280">
        <v>1340</v>
      </c>
      <c r="EU7" s="280">
        <v>1914</v>
      </c>
      <c r="EV7" s="280">
        <v>853</v>
      </c>
      <c r="EW7" s="280">
        <v>586</v>
      </c>
      <c r="EX7" s="280">
        <v>354</v>
      </c>
      <c r="EY7" s="277">
        <v>5047</v>
      </c>
      <c r="EZ7" s="282">
        <v>6168</v>
      </c>
    </row>
    <row r="8" spans="2:156" ht="21" customHeight="1" x14ac:dyDescent="0.2">
      <c r="B8" s="261" t="s">
        <v>6</v>
      </c>
      <c r="C8" s="276">
        <v>0</v>
      </c>
      <c r="D8" s="280">
        <v>0</v>
      </c>
      <c r="E8" s="384">
        <v>0</v>
      </c>
      <c r="F8" s="279">
        <v>0</v>
      </c>
      <c r="G8" s="280">
        <v>244</v>
      </c>
      <c r="H8" s="280">
        <v>163</v>
      </c>
      <c r="I8" s="280">
        <v>104</v>
      </c>
      <c r="J8" s="280">
        <v>100</v>
      </c>
      <c r="K8" s="280">
        <v>79</v>
      </c>
      <c r="L8" s="281">
        <v>690</v>
      </c>
      <c r="M8" s="282">
        <v>690</v>
      </c>
      <c r="N8" s="276">
        <v>0</v>
      </c>
      <c r="O8" s="280">
        <v>0</v>
      </c>
      <c r="P8" s="277">
        <v>0</v>
      </c>
      <c r="Q8" s="279">
        <v>0</v>
      </c>
      <c r="R8" s="280">
        <v>3</v>
      </c>
      <c r="S8" s="280">
        <v>5</v>
      </c>
      <c r="T8" s="280">
        <v>11</v>
      </c>
      <c r="U8" s="280">
        <v>24</v>
      </c>
      <c r="V8" s="280">
        <v>33</v>
      </c>
      <c r="W8" s="277">
        <v>76</v>
      </c>
      <c r="X8" s="282">
        <v>76</v>
      </c>
      <c r="Y8" s="276">
        <v>32</v>
      </c>
      <c r="Z8" s="280">
        <v>71</v>
      </c>
      <c r="AA8" s="277">
        <v>103</v>
      </c>
      <c r="AB8" s="279">
        <v>0</v>
      </c>
      <c r="AC8" s="280">
        <v>211</v>
      </c>
      <c r="AD8" s="280">
        <v>155</v>
      </c>
      <c r="AE8" s="280">
        <v>118</v>
      </c>
      <c r="AF8" s="280">
        <v>110</v>
      </c>
      <c r="AG8" s="280">
        <v>73</v>
      </c>
      <c r="AH8" s="277">
        <v>667</v>
      </c>
      <c r="AI8" s="282">
        <v>770</v>
      </c>
      <c r="AJ8" s="276">
        <v>2</v>
      </c>
      <c r="AK8" s="280">
        <v>0</v>
      </c>
      <c r="AL8" s="277">
        <v>2</v>
      </c>
      <c r="AM8" s="279">
        <v>0</v>
      </c>
      <c r="AN8" s="280">
        <v>20</v>
      </c>
      <c r="AO8" s="280">
        <v>17</v>
      </c>
      <c r="AP8" s="280">
        <v>18</v>
      </c>
      <c r="AQ8" s="280">
        <v>7</v>
      </c>
      <c r="AR8" s="280">
        <v>6</v>
      </c>
      <c r="AS8" s="277">
        <v>68</v>
      </c>
      <c r="AT8" s="282">
        <v>70</v>
      </c>
      <c r="AU8" s="276">
        <v>45</v>
      </c>
      <c r="AV8" s="280">
        <v>49</v>
      </c>
      <c r="AW8" s="277">
        <v>94</v>
      </c>
      <c r="AX8" s="279">
        <v>0</v>
      </c>
      <c r="AY8" s="280">
        <v>264</v>
      </c>
      <c r="AZ8" s="280">
        <v>247</v>
      </c>
      <c r="BA8" s="280">
        <v>247</v>
      </c>
      <c r="BB8" s="280">
        <v>265</v>
      </c>
      <c r="BC8" s="280">
        <v>191</v>
      </c>
      <c r="BD8" s="281">
        <v>1214</v>
      </c>
      <c r="BE8" s="282">
        <v>1308</v>
      </c>
      <c r="BF8" s="276">
        <v>0</v>
      </c>
      <c r="BG8" s="280">
        <v>0</v>
      </c>
      <c r="BH8" s="277">
        <v>0</v>
      </c>
      <c r="BI8" s="279">
        <v>0</v>
      </c>
      <c r="BJ8" s="280">
        <v>276</v>
      </c>
      <c r="BK8" s="280">
        <v>169</v>
      </c>
      <c r="BL8" s="280">
        <v>83</v>
      </c>
      <c r="BM8" s="280">
        <v>63</v>
      </c>
      <c r="BN8" s="280">
        <v>29</v>
      </c>
      <c r="BO8" s="277">
        <v>620</v>
      </c>
      <c r="BP8" s="282">
        <v>620</v>
      </c>
      <c r="BQ8" s="276">
        <v>10</v>
      </c>
      <c r="BR8" s="280">
        <v>13</v>
      </c>
      <c r="BS8" s="277">
        <v>23</v>
      </c>
      <c r="BT8" s="279">
        <v>0</v>
      </c>
      <c r="BU8" s="280">
        <v>52</v>
      </c>
      <c r="BV8" s="280">
        <v>57</v>
      </c>
      <c r="BW8" s="280">
        <v>37</v>
      </c>
      <c r="BX8" s="280">
        <v>39</v>
      </c>
      <c r="BY8" s="280">
        <v>7</v>
      </c>
      <c r="BZ8" s="277">
        <v>192</v>
      </c>
      <c r="CA8" s="282">
        <v>215</v>
      </c>
      <c r="CB8" s="276">
        <v>0</v>
      </c>
      <c r="CC8" s="280">
        <v>0</v>
      </c>
      <c r="CD8" s="277">
        <v>0</v>
      </c>
      <c r="CE8" s="279">
        <v>0</v>
      </c>
      <c r="CF8" s="280">
        <v>18</v>
      </c>
      <c r="CG8" s="280">
        <v>15</v>
      </c>
      <c r="CH8" s="280">
        <v>43</v>
      </c>
      <c r="CI8" s="280">
        <v>25</v>
      </c>
      <c r="CJ8" s="280">
        <v>12</v>
      </c>
      <c r="CK8" s="277">
        <v>113</v>
      </c>
      <c r="CL8" s="282">
        <v>113</v>
      </c>
      <c r="CM8" s="276">
        <v>0</v>
      </c>
      <c r="CN8" s="280">
        <v>0</v>
      </c>
      <c r="CO8" s="277">
        <v>0</v>
      </c>
      <c r="CP8" s="279">
        <v>0</v>
      </c>
      <c r="CQ8" s="280">
        <v>6</v>
      </c>
      <c r="CR8" s="280">
        <v>5</v>
      </c>
      <c r="CS8" s="280">
        <v>5</v>
      </c>
      <c r="CT8" s="280">
        <v>9</v>
      </c>
      <c r="CU8" s="280">
        <v>3</v>
      </c>
      <c r="CV8" s="277">
        <v>28</v>
      </c>
      <c r="CW8" s="282">
        <v>28</v>
      </c>
      <c r="CX8" s="276">
        <v>0</v>
      </c>
      <c r="CY8" s="280">
        <v>0</v>
      </c>
      <c r="CZ8" s="277">
        <v>0</v>
      </c>
      <c r="DA8" s="279">
        <v>0</v>
      </c>
      <c r="DB8" s="280">
        <v>0</v>
      </c>
      <c r="DC8" s="280">
        <v>0</v>
      </c>
      <c r="DD8" s="280">
        <v>0</v>
      </c>
      <c r="DE8" s="280">
        <v>0</v>
      </c>
      <c r="DF8" s="280">
        <v>0</v>
      </c>
      <c r="DG8" s="277">
        <v>0</v>
      </c>
      <c r="DH8" s="282">
        <v>0</v>
      </c>
      <c r="DI8" s="276">
        <v>0</v>
      </c>
      <c r="DJ8" s="280">
        <v>0</v>
      </c>
      <c r="DK8" s="277">
        <v>0</v>
      </c>
      <c r="DL8" s="279">
        <v>0</v>
      </c>
      <c r="DM8" s="280">
        <v>0</v>
      </c>
      <c r="DN8" s="280">
        <v>0</v>
      </c>
      <c r="DO8" s="280">
        <v>0</v>
      </c>
      <c r="DP8" s="280">
        <v>0</v>
      </c>
      <c r="DQ8" s="280">
        <v>0</v>
      </c>
      <c r="DR8" s="277">
        <v>0</v>
      </c>
      <c r="DS8" s="282">
        <v>0</v>
      </c>
      <c r="DT8" s="276">
        <v>98</v>
      </c>
      <c r="DU8" s="280">
        <v>175</v>
      </c>
      <c r="DV8" s="277">
        <v>273</v>
      </c>
      <c r="DW8" s="279">
        <v>0</v>
      </c>
      <c r="DX8" s="280">
        <v>346</v>
      </c>
      <c r="DY8" s="280">
        <v>369</v>
      </c>
      <c r="DZ8" s="280">
        <v>277</v>
      </c>
      <c r="EA8" s="280">
        <v>230</v>
      </c>
      <c r="EB8" s="280">
        <v>132</v>
      </c>
      <c r="EC8" s="277">
        <v>1354</v>
      </c>
      <c r="ED8" s="282">
        <v>1627</v>
      </c>
      <c r="EE8" s="276">
        <v>34</v>
      </c>
      <c r="EF8" s="280">
        <v>20</v>
      </c>
      <c r="EG8" s="277">
        <v>54</v>
      </c>
      <c r="EH8" s="279">
        <v>0</v>
      </c>
      <c r="EI8" s="280">
        <v>110</v>
      </c>
      <c r="EJ8" s="280">
        <v>84</v>
      </c>
      <c r="EK8" s="280">
        <v>90</v>
      </c>
      <c r="EL8" s="280">
        <v>104</v>
      </c>
      <c r="EM8" s="280">
        <v>67</v>
      </c>
      <c r="EN8" s="277">
        <v>455</v>
      </c>
      <c r="EO8" s="282">
        <v>509</v>
      </c>
      <c r="EP8" s="276">
        <v>131</v>
      </c>
      <c r="EQ8" s="280">
        <v>215</v>
      </c>
      <c r="ER8" s="277">
        <v>346</v>
      </c>
      <c r="ES8" s="279">
        <v>0</v>
      </c>
      <c r="ET8" s="280">
        <v>764</v>
      </c>
      <c r="EU8" s="280">
        <v>518</v>
      </c>
      <c r="EV8" s="280">
        <v>327</v>
      </c>
      <c r="EW8" s="280">
        <v>245</v>
      </c>
      <c r="EX8" s="280">
        <v>142</v>
      </c>
      <c r="EY8" s="277">
        <v>1996</v>
      </c>
      <c r="EZ8" s="282">
        <v>2342</v>
      </c>
    </row>
    <row r="9" spans="2:156" ht="21" customHeight="1" x14ac:dyDescent="0.2">
      <c r="B9" s="261" t="s">
        <v>14</v>
      </c>
      <c r="C9" s="276">
        <v>0</v>
      </c>
      <c r="D9" s="280">
        <v>0</v>
      </c>
      <c r="E9" s="384">
        <v>0</v>
      </c>
      <c r="F9" s="279">
        <v>0</v>
      </c>
      <c r="G9" s="280">
        <v>54</v>
      </c>
      <c r="H9" s="280">
        <v>70</v>
      </c>
      <c r="I9" s="280">
        <v>49</v>
      </c>
      <c r="J9" s="280">
        <v>29</v>
      </c>
      <c r="K9" s="280">
        <v>22</v>
      </c>
      <c r="L9" s="281">
        <v>224</v>
      </c>
      <c r="M9" s="282">
        <v>224</v>
      </c>
      <c r="N9" s="276">
        <v>0</v>
      </c>
      <c r="O9" s="280">
        <v>0</v>
      </c>
      <c r="P9" s="277">
        <v>0</v>
      </c>
      <c r="Q9" s="279">
        <v>0</v>
      </c>
      <c r="R9" s="280">
        <v>0</v>
      </c>
      <c r="S9" s="280">
        <v>3</v>
      </c>
      <c r="T9" s="280">
        <v>4</v>
      </c>
      <c r="U9" s="280">
        <v>13</v>
      </c>
      <c r="V9" s="280">
        <v>13</v>
      </c>
      <c r="W9" s="277">
        <v>33</v>
      </c>
      <c r="X9" s="282">
        <v>33</v>
      </c>
      <c r="Y9" s="276">
        <v>6</v>
      </c>
      <c r="Z9" s="280">
        <v>29</v>
      </c>
      <c r="AA9" s="277">
        <v>35</v>
      </c>
      <c r="AB9" s="279">
        <v>0</v>
      </c>
      <c r="AC9" s="280">
        <v>34</v>
      </c>
      <c r="AD9" s="280">
        <v>72</v>
      </c>
      <c r="AE9" s="280">
        <v>42</v>
      </c>
      <c r="AF9" s="280">
        <v>42</v>
      </c>
      <c r="AG9" s="280">
        <v>26</v>
      </c>
      <c r="AH9" s="277">
        <v>216</v>
      </c>
      <c r="AI9" s="282">
        <v>251</v>
      </c>
      <c r="AJ9" s="276">
        <v>0</v>
      </c>
      <c r="AK9" s="280">
        <v>3</v>
      </c>
      <c r="AL9" s="277">
        <v>3</v>
      </c>
      <c r="AM9" s="279">
        <v>0</v>
      </c>
      <c r="AN9" s="280">
        <v>2</v>
      </c>
      <c r="AO9" s="280">
        <v>7</v>
      </c>
      <c r="AP9" s="280">
        <v>3</v>
      </c>
      <c r="AQ9" s="280">
        <v>3</v>
      </c>
      <c r="AR9" s="280">
        <v>1</v>
      </c>
      <c r="AS9" s="277">
        <v>16</v>
      </c>
      <c r="AT9" s="282">
        <v>19</v>
      </c>
      <c r="AU9" s="276">
        <v>8</v>
      </c>
      <c r="AV9" s="280">
        <v>21</v>
      </c>
      <c r="AW9" s="277">
        <v>29</v>
      </c>
      <c r="AX9" s="279">
        <v>0</v>
      </c>
      <c r="AY9" s="280">
        <v>74</v>
      </c>
      <c r="AZ9" s="280">
        <v>87</v>
      </c>
      <c r="BA9" s="280">
        <v>78</v>
      </c>
      <c r="BB9" s="280">
        <v>79</v>
      </c>
      <c r="BC9" s="280">
        <v>61</v>
      </c>
      <c r="BD9" s="281">
        <v>379</v>
      </c>
      <c r="BE9" s="282">
        <v>408</v>
      </c>
      <c r="BF9" s="276">
        <v>0</v>
      </c>
      <c r="BG9" s="280">
        <v>0</v>
      </c>
      <c r="BH9" s="277">
        <v>0</v>
      </c>
      <c r="BI9" s="279">
        <v>0</v>
      </c>
      <c r="BJ9" s="280">
        <v>91</v>
      </c>
      <c r="BK9" s="280">
        <v>86</v>
      </c>
      <c r="BL9" s="280">
        <v>54</v>
      </c>
      <c r="BM9" s="280">
        <v>28</v>
      </c>
      <c r="BN9" s="280">
        <v>12</v>
      </c>
      <c r="BO9" s="277">
        <v>271</v>
      </c>
      <c r="BP9" s="282">
        <v>271</v>
      </c>
      <c r="BQ9" s="276">
        <v>3</v>
      </c>
      <c r="BR9" s="280">
        <v>7</v>
      </c>
      <c r="BS9" s="277">
        <v>10</v>
      </c>
      <c r="BT9" s="279">
        <v>0</v>
      </c>
      <c r="BU9" s="280">
        <v>12</v>
      </c>
      <c r="BV9" s="280">
        <v>24</v>
      </c>
      <c r="BW9" s="280">
        <v>10</v>
      </c>
      <c r="BX9" s="280">
        <v>11</v>
      </c>
      <c r="BY9" s="280">
        <v>1</v>
      </c>
      <c r="BZ9" s="277">
        <v>58</v>
      </c>
      <c r="CA9" s="282">
        <v>68</v>
      </c>
      <c r="CB9" s="276">
        <v>0</v>
      </c>
      <c r="CC9" s="280">
        <v>2</v>
      </c>
      <c r="CD9" s="277">
        <v>2</v>
      </c>
      <c r="CE9" s="279">
        <v>0</v>
      </c>
      <c r="CF9" s="280">
        <v>11</v>
      </c>
      <c r="CG9" s="280">
        <v>18</v>
      </c>
      <c r="CH9" s="280">
        <v>23</v>
      </c>
      <c r="CI9" s="280">
        <v>15</v>
      </c>
      <c r="CJ9" s="280">
        <v>12</v>
      </c>
      <c r="CK9" s="277">
        <v>79</v>
      </c>
      <c r="CL9" s="282">
        <v>81</v>
      </c>
      <c r="CM9" s="276">
        <v>0</v>
      </c>
      <c r="CN9" s="280">
        <v>0</v>
      </c>
      <c r="CO9" s="277">
        <v>0</v>
      </c>
      <c r="CP9" s="279">
        <v>0</v>
      </c>
      <c r="CQ9" s="280">
        <v>0</v>
      </c>
      <c r="CR9" s="280">
        <v>2</v>
      </c>
      <c r="CS9" s="280">
        <v>0</v>
      </c>
      <c r="CT9" s="280">
        <v>0</v>
      </c>
      <c r="CU9" s="280">
        <v>0</v>
      </c>
      <c r="CV9" s="277">
        <v>2</v>
      </c>
      <c r="CW9" s="282">
        <v>2</v>
      </c>
      <c r="CX9" s="276">
        <v>0</v>
      </c>
      <c r="CY9" s="280">
        <v>0</v>
      </c>
      <c r="CZ9" s="277">
        <v>0</v>
      </c>
      <c r="DA9" s="279">
        <v>0</v>
      </c>
      <c r="DB9" s="280">
        <v>0</v>
      </c>
      <c r="DC9" s="280">
        <v>0</v>
      </c>
      <c r="DD9" s="280">
        <v>0</v>
      </c>
      <c r="DE9" s="280">
        <v>0</v>
      </c>
      <c r="DF9" s="280">
        <v>0</v>
      </c>
      <c r="DG9" s="277">
        <v>0</v>
      </c>
      <c r="DH9" s="282">
        <v>0</v>
      </c>
      <c r="DI9" s="276">
        <v>0</v>
      </c>
      <c r="DJ9" s="280">
        <v>0</v>
      </c>
      <c r="DK9" s="277">
        <v>0</v>
      </c>
      <c r="DL9" s="279">
        <v>0</v>
      </c>
      <c r="DM9" s="280">
        <v>0</v>
      </c>
      <c r="DN9" s="280">
        <v>0</v>
      </c>
      <c r="DO9" s="280">
        <v>0</v>
      </c>
      <c r="DP9" s="280">
        <v>0</v>
      </c>
      <c r="DQ9" s="280">
        <v>0</v>
      </c>
      <c r="DR9" s="277">
        <v>0</v>
      </c>
      <c r="DS9" s="282">
        <v>0</v>
      </c>
      <c r="DT9" s="276">
        <v>32</v>
      </c>
      <c r="DU9" s="280">
        <v>87</v>
      </c>
      <c r="DV9" s="277">
        <v>119</v>
      </c>
      <c r="DW9" s="279">
        <v>0</v>
      </c>
      <c r="DX9" s="280">
        <v>71</v>
      </c>
      <c r="DY9" s="280">
        <v>190</v>
      </c>
      <c r="DZ9" s="280">
        <v>119</v>
      </c>
      <c r="EA9" s="280">
        <v>84</v>
      </c>
      <c r="EB9" s="280">
        <v>49</v>
      </c>
      <c r="EC9" s="277">
        <v>513</v>
      </c>
      <c r="ED9" s="282">
        <v>632</v>
      </c>
      <c r="EE9" s="276">
        <v>8</v>
      </c>
      <c r="EF9" s="280">
        <v>9</v>
      </c>
      <c r="EG9" s="277">
        <v>17</v>
      </c>
      <c r="EH9" s="279">
        <v>0</v>
      </c>
      <c r="EI9" s="280">
        <v>35</v>
      </c>
      <c r="EJ9" s="280">
        <v>27</v>
      </c>
      <c r="EK9" s="280">
        <v>25</v>
      </c>
      <c r="EL9" s="280">
        <v>27</v>
      </c>
      <c r="EM9" s="280">
        <v>16</v>
      </c>
      <c r="EN9" s="277">
        <v>130</v>
      </c>
      <c r="EO9" s="282">
        <v>147</v>
      </c>
      <c r="EP9" s="276">
        <v>38</v>
      </c>
      <c r="EQ9" s="280">
        <v>112</v>
      </c>
      <c r="ER9" s="277">
        <v>150</v>
      </c>
      <c r="ES9" s="279">
        <v>0</v>
      </c>
      <c r="ET9" s="280">
        <v>212</v>
      </c>
      <c r="EU9" s="280">
        <v>268</v>
      </c>
      <c r="EV9" s="280">
        <v>144</v>
      </c>
      <c r="EW9" s="280">
        <v>91</v>
      </c>
      <c r="EX9" s="280">
        <v>52</v>
      </c>
      <c r="EY9" s="277">
        <v>767</v>
      </c>
      <c r="EZ9" s="282">
        <v>917</v>
      </c>
    </row>
    <row r="10" spans="2:156" ht="21" customHeight="1" x14ac:dyDescent="0.2">
      <c r="B10" s="261" t="s">
        <v>7</v>
      </c>
      <c r="C10" s="276">
        <v>0</v>
      </c>
      <c r="D10" s="280">
        <v>0</v>
      </c>
      <c r="E10" s="384">
        <v>0</v>
      </c>
      <c r="F10" s="279">
        <v>0</v>
      </c>
      <c r="G10" s="280">
        <v>55</v>
      </c>
      <c r="H10" s="280">
        <v>35</v>
      </c>
      <c r="I10" s="280">
        <v>23</v>
      </c>
      <c r="J10" s="280">
        <v>16</v>
      </c>
      <c r="K10" s="280">
        <v>17</v>
      </c>
      <c r="L10" s="281">
        <v>146</v>
      </c>
      <c r="M10" s="282">
        <v>146</v>
      </c>
      <c r="N10" s="276">
        <v>0</v>
      </c>
      <c r="O10" s="280">
        <v>0</v>
      </c>
      <c r="P10" s="277">
        <v>0</v>
      </c>
      <c r="Q10" s="279">
        <v>0</v>
      </c>
      <c r="R10" s="280">
        <v>1</v>
      </c>
      <c r="S10" s="280">
        <v>5</v>
      </c>
      <c r="T10" s="280">
        <v>2</v>
      </c>
      <c r="U10" s="280">
        <v>1</v>
      </c>
      <c r="V10" s="280">
        <v>10</v>
      </c>
      <c r="W10" s="277">
        <v>19</v>
      </c>
      <c r="X10" s="282">
        <v>19</v>
      </c>
      <c r="Y10" s="276">
        <v>1</v>
      </c>
      <c r="Z10" s="280">
        <v>0</v>
      </c>
      <c r="AA10" s="277">
        <v>1</v>
      </c>
      <c r="AB10" s="279">
        <v>0</v>
      </c>
      <c r="AC10" s="280">
        <v>34</v>
      </c>
      <c r="AD10" s="280">
        <v>26</v>
      </c>
      <c r="AE10" s="280">
        <v>19</v>
      </c>
      <c r="AF10" s="280">
        <v>11</v>
      </c>
      <c r="AG10" s="280">
        <v>14</v>
      </c>
      <c r="AH10" s="277">
        <v>104</v>
      </c>
      <c r="AI10" s="282">
        <v>105</v>
      </c>
      <c r="AJ10" s="276">
        <v>1</v>
      </c>
      <c r="AK10" s="280">
        <v>0</v>
      </c>
      <c r="AL10" s="277">
        <v>1</v>
      </c>
      <c r="AM10" s="279">
        <v>0</v>
      </c>
      <c r="AN10" s="280">
        <v>7</v>
      </c>
      <c r="AO10" s="280">
        <v>3</v>
      </c>
      <c r="AP10" s="280">
        <v>3</v>
      </c>
      <c r="AQ10" s="280">
        <v>2</v>
      </c>
      <c r="AR10" s="280">
        <v>1</v>
      </c>
      <c r="AS10" s="277">
        <v>16</v>
      </c>
      <c r="AT10" s="282">
        <v>17</v>
      </c>
      <c r="AU10" s="276">
        <v>11</v>
      </c>
      <c r="AV10" s="280">
        <v>4</v>
      </c>
      <c r="AW10" s="277">
        <v>15</v>
      </c>
      <c r="AX10" s="279">
        <v>0</v>
      </c>
      <c r="AY10" s="280">
        <v>60</v>
      </c>
      <c r="AZ10" s="280">
        <v>44</v>
      </c>
      <c r="BA10" s="280">
        <v>49</v>
      </c>
      <c r="BB10" s="280">
        <v>48</v>
      </c>
      <c r="BC10" s="280">
        <v>26</v>
      </c>
      <c r="BD10" s="281">
        <v>227</v>
      </c>
      <c r="BE10" s="282">
        <v>242</v>
      </c>
      <c r="BF10" s="276">
        <v>0</v>
      </c>
      <c r="BG10" s="280">
        <v>0</v>
      </c>
      <c r="BH10" s="277">
        <v>0</v>
      </c>
      <c r="BI10" s="279">
        <v>0</v>
      </c>
      <c r="BJ10" s="280">
        <v>72</v>
      </c>
      <c r="BK10" s="280">
        <v>39</v>
      </c>
      <c r="BL10" s="280">
        <v>19</v>
      </c>
      <c r="BM10" s="280">
        <v>11</v>
      </c>
      <c r="BN10" s="280">
        <v>6</v>
      </c>
      <c r="BO10" s="277">
        <v>147</v>
      </c>
      <c r="BP10" s="282">
        <v>147</v>
      </c>
      <c r="BQ10" s="276">
        <v>1</v>
      </c>
      <c r="BR10" s="280">
        <v>2</v>
      </c>
      <c r="BS10" s="277">
        <v>3</v>
      </c>
      <c r="BT10" s="279">
        <v>0</v>
      </c>
      <c r="BU10" s="280">
        <v>22</v>
      </c>
      <c r="BV10" s="280">
        <v>9</v>
      </c>
      <c r="BW10" s="280">
        <v>8</v>
      </c>
      <c r="BX10" s="280">
        <v>2</v>
      </c>
      <c r="BY10" s="280">
        <v>2</v>
      </c>
      <c r="BZ10" s="277">
        <v>43</v>
      </c>
      <c r="CA10" s="282">
        <v>46</v>
      </c>
      <c r="CB10" s="276">
        <v>0</v>
      </c>
      <c r="CC10" s="280">
        <v>0</v>
      </c>
      <c r="CD10" s="277">
        <v>0</v>
      </c>
      <c r="CE10" s="279">
        <v>0</v>
      </c>
      <c r="CF10" s="280">
        <v>6</v>
      </c>
      <c r="CG10" s="280">
        <v>10</v>
      </c>
      <c r="CH10" s="280">
        <v>13</v>
      </c>
      <c r="CI10" s="280">
        <v>6</v>
      </c>
      <c r="CJ10" s="280">
        <v>3</v>
      </c>
      <c r="CK10" s="277">
        <v>38</v>
      </c>
      <c r="CL10" s="282">
        <v>38</v>
      </c>
      <c r="CM10" s="276">
        <v>0</v>
      </c>
      <c r="CN10" s="280">
        <v>0</v>
      </c>
      <c r="CO10" s="277">
        <v>0</v>
      </c>
      <c r="CP10" s="279">
        <v>0</v>
      </c>
      <c r="CQ10" s="280">
        <v>2</v>
      </c>
      <c r="CR10" s="280">
        <v>0</v>
      </c>
      <c r="CS10" s="280">
        <v>0</v>
      </c>
      <c r="CT10" s="280">
        <v>2</v>
      </c>
      <c r="CU10" s="280">
        <v>0</v>
      </c>
      <c r="CV10" s="277">
        <v>4</v>
      </c>
      <c r="CW10" s="282">
        <v>4</v>
      </c>
      <c r="CX10" s="276">
        <v>0</v>
      </c>
      <c r="CY10" s="280">
        <v>0</v>
      </c>
      <c r="CZ10" s="277">
        <v>0</v>
      </c>
      <c r="DA10" s="279">
        <v>0</v>
      </c>
      <c r="DB10" s="280">
        <v>0</v>
      </c>
      <c r="DC10" s="280">
        <v>0</v>
      </c>
      <c r="DD10" s="280">
        <v>0</v>
      </c>
      <c r="DE10" s="280">
        <v>0</v>
      </c>
      <c r="DF10" s="280">
        <v>0</v>
      </c>
      <c r="DG10" s="277">
        <v>0</v>
      </c>
      <c r="DH10" s="282">
        <v>0</v>
      </c>
      <c r="DI10" s="276">
        <v>0</v>
      </c>
      <c r="DJ10" s="280">
        <v>0</v>
      </c>
      <c r="DK10" s="277">
        <v>0</v>
      </c>
      <c r="DL10" s="279">
        <v>0</v>
      </c>
      <c r="DM10" s="280">
        <v>0</v>
      </c>
      <c r="DN10" s="280">
        <v>0</v>
      </c>
      <c r="DO10" s="280">
        <v>0</v>
      </c>
      <c r="DP10" s="280">
        <v>0</v>
      </c>
      <c r="DQ10" s="280">
        <v>0</v>
      </c>
      <c r="DR10" s="277">
        <v>0</v>
      </c>
      <c r="DS10" s="282">
        <v>0</v>
      </c>
      <c r="DT10" s="276">
        <v>16</v>
      </c>
      <c r="DU10" s="280">
        <v>24</v>
      </c>
      <c r="DV10" s="277">
        <v>40</v>
      </c>
      <c r="DW10" s="279">
        <v>0</v>
      </c>
      <c r="DX10" s="280">
        <v>81</v>
      </c>
      <c r="DY10" s="280">
        <v>89</v>
      </c>
      <c r="DZ10" s="280">
        <v>57</v>
      </c>
      <c r="EA10" s="280">
        <v>31</v>
      </c>
      <c r="EB10" s="280">
        <v>29</v>
      </c>
      <c r="EC10" s="277">
        <v>287</v>
      </c>
      <c r="ED10" s="282">
        <v>327</v>
      </c>
      <c r="EE10" s="276">
        <v>6</v>
      </c>
      <c r="EF10" s="280">
        <v>5</v>
      </c>
      <c r="EG10" s="277">
        <v>11</v>
      </c>
      <c r="EH10" s="279">
        <v>0</v>
      </c>
      <c r="EI10" s="280">
        <v>25</v>
      </c>
      <c r="EJ10" s="280">
        <v>17</v>
      </c>
      <c r="EK10" s="280">
        <v>24</v>
      </c>
      <c r="EL10" s="280">
        <v>29</v>
      </c>
      <c r="EM10" s="280">
        <v>7</v>
      </c>
      <c r="EN10" s="277">
        <v>102</v>
      </c>
      <c r="EO10" s="282">
        <v>113</v>
      </c>
      <c r="EP10" s="276">
        <v>17</v>
      </c>
      <c r="EQ10" s="280">
        <v>25</v>
      </c>
      <c r="ER10" s="277">
        <v>42</v>
      </c>
      <c r="ES10" s="279">
        <v>0</v>
      </c>
      <c r="ET10" s="280">
        <v>185</v>
      </c>
      <c r="EU10" s="280">
        <v>128</v>
      </c>
      <c r="EV10" s="280">
        <v>73</v>
      </c>
      <c r="EW10" s="280">
        <v>35</v>
      </c>
      <c r="EX10" s="280">
        <v>31</v>
      </c>
      <c r="EY10" s="277">
        <v>452</v>
      </c>
      <c r="EZ10" s="282">
        <v>494</v>
      </c>
    </row>
    <row r="11" spans="2:156" ht="21" customHeight="1" x14ac:dyDescent="0.2">
      <c r="B11" s="261" t="s">
        <v>8</v>
      </c>
      <c r="C11" s="276">
        <v>0</v>
      </c>
      <c r="D11" s="280">
        <v>0</v>
      </c>
      <c r="E11" s="384">
        <v>0</v>
      </c>
      <c r="F11" s="279">
        <v>0</v>
      </c>
      <c r="G11" s="280">
        <v>22</v>
      </c>
      <c r="H11" s="280">
        <v>26</v>
      </c>
      <c r="I11" s="280">
        <v>11</v>
      </c>
      <c r="J11" s="280">
        <v>12</v>
      </c>
      <c r="K11" s="280">
        <v>7</v>
      </c>
      <c r="L11" s="281">
        <v>78</v>
      </c>
      <c r="M11" s="282">
        <v>78</v>
      </c>
      <c r="N11" s="276">
        <v>0</v>
      </c>
      <c r="O11" s="280">
        <v>0</v>
      </c>
      <c r="P11" s="277">
        <v>0</v>
      </c>
      <c r="Q11" s="279">
        <v>0</v>
      </c>
      <c r="R11" s="280">
        <v>0</v>
      </c>
      <c r="S11" s="280">
        <v>1</v>
      </c>
      <c r="T11" s="280">
        <v>1</v>
      </c>
      <c r="U11" s="280">
        <v>6</v>
      </c>
      <c r="V11" s="280">
        <v>4</v>
      </c>
      <c r="W11" s="277">
        <v>12</v>
      </c>
      <c r="X11" s="282">
        <v>12</v>
      </c>
      <c r="Y11" s="276">
        <v>5</v>
      </c>
      <c r="Z11" s="280">
        <v>3</v>
      </c>
      <c r="AA11" s="277">
        <v>8</v>
      </c>
      <c r="AB11" s="279">
        <v>0</v>
      </c>
      <c r="AC11" s="280">
        <v>15</v>
      </c>
      <c r="AD11" s="280">
        <v>17</v>
      </c>
      <c r="AE11" s="280">
        <v>8</v>
      </c>
      <c r="AF11" s="280">
        <v>15</v>
      </c>
      <c r="AG11" s="280">
        <v>6</v>
      </c>
      <c r="AH11" s="277">
        <v>61</v>
      </c>
      <c r="AI11" s="282">
        <v>69</v>
      </c>
      <c r="AJ11" s="276">
        <v>1</v>
      </c>
      <c r="AK11" s="280">
        <v>1</v>
      </c>
      <c r="AL11" s="277">
        <v>2</v>
      </c>
      <c r="AM11" s="279">
        <v>0</v>
      </c>
      <c r="AN11" s="280">
        <v>4</v>
      </c>
      <c r="AO11" s="280">
        <v>3</v>
      </c>
      <c r="AP11" s="280">
        <v>2</v>
      </c>
      <c r="AQ11" s="280">
        <v>7</v>
      </c>
      <c r="AR11" s="280">
        <v>1</v>
      </c>
      <c r="AS11" s="277">
        <v>17</v>
      </c>
      <c r="AT11" s="282">
        <v>19</v>
      </c>
      <c r="AU11" s="276">
        <v>7</v>
      </c>
      <c r="AV11" s="280">
        <v>3</v>
      </c>
      <c r="AW11" s="277">
        <v>10</v>
      </c>
      <c r="AX11" s="279">
        <v>0</v>
      </c>
      <c r="AY11" s="280">
        <v>14</v>
      </c>
      <c r="AZ11" s="280">
        <v>17</v>
      </c>
      <c r="BA11" s="280">
        <v>12</v>
      </c>
      <c r="BB11" s="280">
        <v>34</v>
      </c>
      <c r="BC11" s="280">
        <v>20</v>
      </c>
      <c r="BD11" s="281">
        <v>97</v>
      </c>
      <c r="BE11" s="282">
        <v>107</v>
      </c>
      <c r="BF11" s="276">
        <v>0</v>
      </c>
      <c r="BG11" s="280">
        <v>0</v>
      </c>
      <c r="BH11" s="277">
        <v>0</v>
      </c>
      <c r="BI11" s="279">
        <v>0</v>
      </c>
      <c r="BJ11" s="280">
        <v>29</v>
      </c>
      <c r="BK11" s="280">
        <v>23</v>
      </c>
      <c r="BL11" s="280">
        <v>6</v>
      </c>
      <c r="BM11" s="280">
        <v>8</v>
      </c>
      <c r="BN11" s="280">
        <v>3</v>
      </c>
      <c r="BO11" s="277">
        <v>69</v>
      </c>
      <c r="BP11" s="282">
        <v>69</v>
      </c>
      <c r="BQ11" s="276">
        <v>1</v>
      </c>
      <c r="BR11" s="280">
        <v>5</v>
      </c>
      <c r="BS11" s="277">
        <v>6</v>
      </c>
      <c r="BT11" s="279">
        <v>0</v>
      </c>
      <c r="BU11" s="280">
        <v>12</v>
      </c>
      <c r="BV11" s="280">
        <v>12</v>
      </c>
      <c r="BW11" s="280">
        <v>8</v>
      </c>
      <c r="BX11" s="280">
        <v>5</v>
      </c>
      <c r="BY11" s="280">
        <v>2</v>
      </c>
      <c r="BZ11" s="277">
        <v>39</v>
      </c>
      <c r="CA11" s="282">
        <v>45</v>
      </c>
      <c r="CB11" s="276">
        <v>1</v>
      </c>
      <c r="CC11" s="280">
        <v>1</v>
      </c>
      <c r="CD11" s="277">
        <v>2</v>
      </c>
      <c r="CE11" s="279">
        <v>0</v>
      </c>
      <c r="CF11" s="280">
        <v>4</v>
      </c>
      <c r="CG11" s="280">
        <v>8</v>
      </c>
      <c r="CH11" s="280">
        <v>10</v>
      </c>
      <c r="CI11" s="280">
        <v>2</v>
      </c>
      <c r="CJ11" s="280">
        <v>1</v>
      </c>
      <c r="CK11" s="277">
        <v>25</v>
      </c>
      <c r="CL11" s="282">
        <v>27</v>
      </c>
      <c r="CM11" s="276">
        <v>0</v>
      </c>
      <c r="CN11" s="280">
        <v>0</v>
      </c>
      <c r="CO11" s="277">
        <v>0</v>
      </c>
      <c r="CP11" s="279">
        <v>0</v>
      </c>
      <c r="CQ11" s="280">
        <v>0</v>
      </c>
      <c r="CR11" s="280">
        <v>0</v>
      </c>
      <c r="CS11" s="280">
        <v>0</v>
      </c>
      <c r="CT11" s="280">
        <v>0</v>
      </c>
      <c r="CU11" s="280">
        <v>0</v>
      </c>
      <c r="CV11" s="277">
        <v>0</v>
      </c>
      <c r="CW11" s="282">
        <v>0</v>
      </c>
      <c r="CX11" s="276">
        <v>0</v>
      </c>
      <c r="CY11" s="280">
        <v>0</v>
      </c>
      <c r="CZ11" s="277">
        <v>0</v>
      </c>
      <c r="DA11" s="279">
        <v>0</v>
      </c>
      <c r="DB11" s="280">
        <v>0</v>
      </c>
      <c r="DC11" s="280">
        <v>0</v>
      </c>
      <c r="DD11" s="280">
        <v>0</v>
      </c>
      <c r="DE11" s="280">
        <v>0</v>
      </c>
      <c r="DF11" s="280">
        <v>0</v>
      </c>
      <c r="DG11" s="277">
        <v>0</v>
      </c>
      <c r="DH11" s="282">
        <v>0</v>
      </c>
      <c r="DI11" s="276">
        <v>0</v>
      </c>
      <c r="DJ11" s="280">
        <v>0</v>
      </c>
      <c r="DK11" s="277">
        <v>0</v>
      </c>
      <c r="DL11" s="279">
        <v>0</v>
      </c>
      <c r="DM11" s="280">
        <v>0</v>
      </c>
      <c r="DN11" s="280">
        <v>0</v>
      </c>
      <c r="DO11" s="280">
        <v>0</v>
      </c>
      <c r="DP11" s="280">
        <v>0</v>
      </c>
      <c r="DQ11" s="280">
        <v>0</v>
      </c>
      <c r="DR11" s="277">
        <v>0</v>
      </c>
      <c r="DS11" s="282">
        <v>0</v>
      </c>
      <c r="DT11" s="276">
        <v>13</v>
      </c>
      <c r="DU11" s="280">
        <v>15</v>
      </c>
      <c r="DV11" s="277">
        <v>28</v>
      </c>
      <c r="DW11" s="279">
        <v>0</v>
      </c>
      <c r="DX11" s="280">
        <v>47</v>
      </c>
      <c r="DY11" s="280">
        <v>58</v>
      </c>
      <c r="DZ11" s="280">
        <v>32</v>
      </c>
      <c r="EA11" s="280">
        <v>33</v>
      </c>
      <c r="EB11" s="280">
        <v>15</v>
      </c>
      <c r="EC11" s="277">
        <v>185</v>
      </c>
      <c r="ED11" s="282">
        <v>213</v>
      </c>
      <c r="EE11" s="276">
        <v>7</v>
      </c>
      <c r="EF11" s="280">
        <v>2</v>
      </c>
      <c r="EG11" s="277">
        <v>9</v>
      </c>
      <c r="EH11" s="279">
        <v>0</v>
      </c>
      <c r="EI11" s="280">
        <v>10</v>
      </c>
      <c r="EJ11" s="280">
        <v>10</v>
      </c>
      <c r="EK11" s="280">
        <v>6</v>
      </c>
      <c r="EL11" s="280">
        <v>10</v>
      </c>
      <c r="EM11" s="280">
        <v>11</v>
      </c>
      <c r="EN11" s="277">
        <v>47</v>
      </c>
      <c r="EO11" s="282">
        <v>56</v>
      </c>
      <c r="EP11" s="276">
        <v>21</v>
      </c>
      <c r="EQ11" s="280">
        <v>22</v>
      </c>
      <c r="ER11" s="277">
        <v>43</v>
      </c>
      <c r="ES11" s="279">
        <v>0</v>
      </c>
      <c r="ET11" s="280">
        <v>101</v>
      </c>
      <c r="EU11" s="280">
        <v>84</v>
      </c>
      <c r="EV11" s="280">
        <v>38</v>
      </c>
      <c r="EW11" s="280">
        <v>34</v>
      </c>
      <c r="EX11" s="280">
        <v>16</v>
      </c>
      <c r="EY11" s="277">
        <v>273</v>
      </c>
      <c r="EZ11" s="282">
        <v>316</v>
      </c>
    </row>
    <row r="12" spans="2:156" ht="21" customHeight="1" x14ac:dyDescent="0.2">
      <c r="B12" s="261" t="s">
        <v>9</v>
      </c>
      <c r="C12" s="276">
        <v>0</v>
      </c>
      <c r="D12" s="280">
        <v>0</v>
      </c>
      <c r="E12" s="384">
        <v>0</v>
      </c>
      <c r="F12" s="279">
        <v>0</v>
      </c>
      <c r="G12" s="280">
        <v>65</v>
      </c>
      <c r="H12" s="280">
        <v>46</v>
      </c>
      <c r="I12" s="280">
        <v>33</v>
      </c>
      <c r="J12" s="280">
        <v>33</v>
      </c>
      <c r="K12" s="280">
        <v>26</v>
      </c>
      <c r="L12" s="281">
        <v>203</v>
      </c>
      <c r="M12" s="282">
        <v>203</v>
      </c>
      <c r="N12" s="276">
        <v>0</v>
      </c>
      <c r="O12" s="280">
        <v>0</v>
      </c>
      <c r="P12" s="277">
        <v>0</v>
      </c>
      <c r="Q12" s="279">
        <v>0</v>
      </c>
      <c r="R12" s="280">
        <v>2</v>
      </c>
      <c r="S12" s="280">
        <v>1</v>
      </c>
      <c r="T12" s="280">
        <v>0</v>
      </c>
      <c r="U12" s="280">
        <v>10</v>
      </c>
      <c r="V12" s="280">
        <v>17</v>
      </c>
      <c r="W12" s="277">
        <v>30</v>
      </c>
      <c r="X12" s="282">
        <v>30</v>
      </c>
      <c r="Y12" s="276">
        <v>6</v>
      </c>
      <c r="Z12" s="280">
        <v>11</v>
      </c>
      <c r="AA12" s="277">
        <v>17</v>
      </c>
      <c r="AB12" s="279">
        <v>0</v>
      </c>
      <c r="AC12" s="280">
        <v>58</v>
      </c>
      <c r="AD12" s="280">
        <v>31</v>
      </c>
      <c r="AE12" s="280">
        <v>27</v>
      </c>
      <c r="AF12" s="280">
        <v>25</v>
      </c>
      <c r="AG12" s="280">
        <v>18</v>
      </c>
      <c r="AH12" s="277">
        <v>159</v>
      </c>
      <c r="AI12" s="282">
        <v>176</v>
      </c>
      <c r="AJ12" s="276">
        <v>1</v>
      </c>
      <c r="AK12" s="280">
        <v>3</v>
      </c>
      <c r="AL12" s="277">
        <v>4</v>
      </c>
      <c r="AM12" s="279">
        <v>0</v>
      </c>
      <c r="AN12" s="280">
        <v>6</v>
      </c>
      <c r="AO12" s="280">
        <v>10</v>
      </c>
      <c r="AP12" s="280">
        <v>4</v>
      </c>
      <c r="AQ12" s="280">
        <v>9</v>
      </c>
      <c r="AR12" s="280">
        <v>6</v>
      </c>
      <c r="AS12" s="277">
        <v>35</v>
      </c>
      <c r="AT12" s="282">
        <v>39</v>
      </c>
      <c r="AU12" s="276">
        <v>13</v>
      </c>
      <c r="AV12" s="280">
        <v>8</v>
      </c>
      <c r="AW12" s="277">
        <v>21</v>
      </c>
      <c r="AX12" s="279">
        <v>0</v>
      </c>
      <c r="AY12" s="280">
        <v>60</v>
      </c>
      <c r="AZ12" s="280">
        <v>60</v>
      </c>
      <c r="BA12" s="280">
        <v>60</v>
      </c>
      <c r="BB12" s="280">
        <v>68</v>
      </c>
      <c r="BC12" s="280">
        <v>45</v>
      </c>
      <c r="BD12" s="281">
        <v>293</v>
      </c>
      <c r="BE12" s="282">
        <v>314</v>
      </c>
      <c r="BF12" s="276">
        <v>0</v>
      </c>
      <c r="BG12" s="280">
        <v>0</v>
      </c>
      <c r="BH12" s="277">
        <v>0</v>
      </c>
      <c r="BI12" s="279">
        <v>0</v>
      </c>
      <c r="BJ12" s="280">
        <v>55</v>
      </c>
      <c r="BK12" s="280">
        <v>33</v>
      </c>
      <c r="BL12" s="280">
        <v>22</v>
      </c>
      <c r="BM12" s="280">
        <v>16</v>
      </c>
      <c r="BN12" s="280">
        <v>5</v>
      </c>
      <c r="BO12" s="277">
        <v>131</v>
      </c>
      <c r="BP12" s="282">
        <v>131</v>
      </c>
      <c r="BQ12" s="276">
        <v>3</v>
      </c>
      <c r="BR12" s="280">
        <v>8</v>
      </c>
      <c r="BS12" s="277">
        <v>11</v>
      </c>
      <c r="BT12" s="279">
        <v>0</v>
      </c>
      <c r="BU12" s="280">
        <v>14</v>
      </c>
      <c r="BV12" s="280">
        <v>13</v>
      </c>
      <c r="BW12" s="280">
        <v>6</v>
      </c>
      <c r="BX12" s="280">
        <v>10</v>
      </c>
      <c r="BY12" s="280">
        <v>0</v>
      </c>
      <c r="BZ12" s="277">
        <v>43</v>
      </c>
      <c r="CA12" s="282">
        <v>54</v>
      </c>
      <c r="CB12" s="276">
        <v>1</v>
      </c>
      <c r="CC12" s="280">
        <v>0</v>
      </c>
      <c r="CD12" s="277">
        <v>1</v>
      </c>
      <c r="CE12" s="279">
        <v>0</v>
      </c>
      <c r="CF12" s="280">
        <v>6</v>
      </c>
      <c r="CG12" s="280">
        <v>12</v>
      </c>
      <c r="CH12" s="280">
        <v>12</v>
      </c>
      <c r="CI12" s="280">
        <v>12</v>
      </c>
      <c r="CJ12" s="280">
        <v>6</v>
      </c>
      <c r="CK12" s="277">
        <v>48</v>
      </c>
      <c r="CL12" s="282">
        <v>49</v>
      </c>
      <c r="CM12" s="276">
        <v>0</v>
      </c>
      <c r="CN12" s="280">
        <v>0</v>
      </c>
      <c r="CO12" s="277">
        <v>0</v>
      </c>
      <c r="CP12" s="279">
        <v>0</v>
      </c>
      <c r="CQ12" s="280">
        <v>0</v>
      </c>
      <c r="CR12" s="280">
        <v>2</v>
      </c>
      <c r="CS12" s="280">
        <v>1</v>
      </c>
      <c r="CT12" s="280">
        <v>2</v>
      </c>
      <c r="CU12" s="280">
        <v>0</v>
      </c>
      <c r="CV12" s="277">
        <v>5</v>
      </c>
      <c r="CW12" s="282">
        <v>5</v>
      </c>
      <c r="CX12" s="276">
        <v>0</v>
      </c>
      <c r="CY12" s="280">
        <v>0</v>
      </c>
      <c r="CZ12" s="277">
        <v>0</v>
      </c>
      <c r="DA12" s="279">
        <v>0</v>
      </c>
      <c r="DB12" s="280">
        <v>0</v>
      </c>
      <c r="DC12" s="280">
        <v>0</v>
      </c>
      <c r="DD12" s="280">
        <v>0</v>
      </c>
      <c r="DE12" s="280">
        <v>0</v>
      </c>
      <c r="DF12" s="280">
        <v>0</v>
      </c>
      <c r="DG12" s="277">
        <v>0</v>
      </c>
      <c r="DH12" s="282">
        <v>0</v>
      </c>
      <c r="DI12" s="276">
        <v>0</v>
      </c>
      <c r="DJ12" s="280">
        <v>0</v>
      </c>
      <c r="DK12" s="277">
        <v>0</v>
      </c>
      <c r="DL12" s="279">
        <v>0</v>
      </c>
      <c r="DM12" s="280">
        <v>0</v>
      </c>
      <c r="DN12" s="280">
        <v>0</v>
      </c>
      <c r="DO12" s="280">
        <v>0</v>
      </c>
      <c r="DP12" s="280">
        <v>0</v>
      </c>
      <c r="DQ12" s="280">
        <v>0</v>
      </c>
      <c r="DR12" s="277">
        <v>0</v>
      </c>
      <c r="DS12" s="282">
        <v>0</v>
      </c>
      <c r="DT12" s="276">
        <v>26</v>
      </c>
      <c r="DU12" s="280">
        <v>38</v>
      </c>
      <c r="DV12" s="277">
        <v>64</v>
      </c>
      <c r="DW12" s="279">
        <v>0</v>
      </c>
      <c r="DX12" s="280">
        <v>89</v>
      </c>
      <c r="DY12" s="280">
        <v>100</v>
      </c>
      <c r="DZ12" s="280">
        <v>68</v>
      </c>
      <c r="EA12" s="280">
        <v>62</v>
      </c>
      <c r="EB12" s="280">
        <v>40</v>
      </c>
      <c r="EC12" s="277">
        <v>359</v>
      </c>
      <c r="ED12" s="282">
        <v>423</v>
      </c>
      <c r="EE12" s="276">
        <v>10</v>
      </c>
      <c r="EF12" s="280">
        <v>6</v>
      </c>
      <c r="EG12" s="277">
        <v>16</v>
      </c>
      <c r="EH12" s="279">
        <v>0</v>
      </c>
      <c r="EI12" s="280">
        <v>33</v>
      </c>
      <c r="EJ12" s="280">
        <v>22</v>
      </c>
      <c r="EK12" s="280">
        <v>16</v>
      </c>
      <c r="EL12" s="280">
        <v>28</v>
      </c>
      <c r="EM12" s="280">
        <v>17</v>
      </c>
      <c r="EN12" s="277">
        <v>116</v>
      </c>
      <c r="EO12" s="282">
        <v>132</v>
      </c>
      <c r="EP12" s="276">
        <v>35</v>
      </c>
      <c r="EQ12" s="280">
        <v>51</v>
      </c>
      <c r="ER12" s="277">
        <v>86</v>
      </c>
      <c r="ES12" s="279">
        <v>0</v>
      </c>
      <c r="ET12" s="280">
        <v>188</v>
      </c>
      <c r="EU12" s="280">
        <v>131</v>
      </c>
      <c r="EV12" s="280">
        <v>79</v>
      </c>
      <c r="EW12" s="280">
        <v>66</v>
      </c>
      <c r="EX12" s="280">
        <v>42</v>
      </c>
      <c r="EY12" s="277">
        <v>506</v>
      </c>
      <c r="EZ12" s="282">
        <v>592</v>
      </c>
    </row>
    <row r="13" spans="2:156" ht="21" customHeight="1" x14ac:dyDescent="0.2">
      <c r="B13" s="261" t="s">
        <v>10</v>
      </c>
      <c r="C13" s="276">
        <v>0</v>
      </c>
      <c r="D13" s="280">
        <v>0</v>
      </c>
      <c r="E13" s="384">
        <v>0</v>
      </c>
      <c r="F13" s="279">
        <v>0</v>
      </c>
      <c r="G13" s="280">
        <v>97</v>
      </c>
      <c r="H13" s="280">
        <v>52</v>
      </c>
      <c r="I13" s="280">
        <v>29</v>
      </c>
      <c r="J13" s="280">
        <v>28</v>
      </c>
      <c r="K13" s="280">
        <v>27</v>
      </c>
      <c r="L13" s="281">
        <v>233</v>
      </c>
      <c r="M13" s="282">
        <v>233</v>
      </c>
      <c r="N13" s="276">
        <v>0</v>
      </c>
      <c r="O13" s="280">
        <v>0</v>
      </c>
      <c r="P13" s="277">
        <v>0</v>
      </c>
      <c r="Q13" s="279">
        <v>0</v>
      </c>
      <c r="R13" s="280">
        <v>1</v>
      </c>
      <c r="S13" s="280">
        <v>1</v>
      </c>
      <c r="T13" s="280">
        <v>3</v>
      </c>
      <c r="U13" s="280">
        <v>6</v>
      </c>
      <c r="V13" s="280">
        <v>13</v>
      </c>
      <c r="W13" s="277">
        <v>24</v>
      </c>
      <c r="X13" s="282">
        <v>24</v>
      </c>
      <c r="Y13" s="276">
        <v>19</v>
      </c>
      <c r="Z13" s="280">
        <v>22</v>
      </c>
      <c r="AA13" s="277">
        <v>41</v>
      </c>
      <c r="AB13" s="279">
        <v>0</v>
      </c>
      <c r="AC13" s="280">
        <v>54</v>
      </c>
      <c r="AD13" s="280">
        <v>39</v>
      </c>
      <c r="AE13" s="280">
        <v>23</v>
      </c>
      <c r="AF13" s="280">
        <v>16</v>
      </c>
      <c r="AG13" s="280">
        <v>19</v>
      </c>
      <c r="AH13" s="277">
        <v>151</v>
      </c>
      <c r="AI13" s="282">
        <v>192</v>
      </c>
      <c r="AJ13" s="276">
        <v>2</v>
      </c>
      <c r="AK13" s="280">
        <v>3</v>
      </c>
      <c r="AL13" s="277">
        <v>5</v>
      </c>
      <c r="AM13" s="279">
        <v>0</v>
      </c>
      <c r="AN13" s="280">
        <v>10</v>
      </c>
      <c r="AO13" s="280">
        <v>11</v>
      </c>
      <c r="AP13" s="280">
        <v>6</v>
      </c>
      <c r="AQ13" s="280">
        <v>2</v>
      </c>
      <c r="AR13" s="280">
        <v>3</v>
      </c>
      <c r="AS13" s="277">
        <v>32</v>
      </c>
      <c r="AT13" s="282">
        <v>37</v>
      </c>
      <c r="AU13" s="276">
        <v>24</v>
      </c>
      <c r="AV13" s="280">
        <v>21</v>
      </c>
      <c r="AW13" s="277">
        <v>45</v>
      </c>
      <c r="AX13" s="279">
        <v>0</v>
      </c>
      <c r="AY13" s="280">
        <v>95</v>
      </c>
      <c r="AZ13" s="280">
        <v>79</v>
      </c>
      <c r="BA13" s="280">
        <v>72</v>
      </c>
      <c r="BB13" s="280">
        <v>74</v>
      </c>
      <c r="BC13" s="280">
        <v>68</v>
      </c>
      <c r="BD13" s="281">
        <v>388</v>
      </c>
      <c r="BE13" s="282">
        <v>433</v>
      </c>
      <c r="BF13" s="276">
        <v>0</v>
      </c>
      <c r="BG13" s="280">
        <v>0</v>
      </c>
      <c r="BH13" s="277">
        <v>0</v>
      </c>
      <c r="BI13" s="279">
        <v>0</v>
      </c>
      <c r="BJ13" s="280">
        <v>111</v>
      </c>
      <c r="BK13" s="280">
        <v>71</v>
      </c>
      <c r="BL13" s="280">
        <v>33</v>
      </c>
      <c r="BM13" s="280">
        <v>12</v>
      </c>
      <c r="BN13" s="280">
        <v>5</v>
      </c>
      <c r="BO13" s="277">
        <v>232</v>
      </c>
      <c r="BP13" s="282">
        <v>232</v>
      </c>
      <c r="BQ13" s="276">
        <v>4</v>
      </c>
      <c r="BR13" s="280">
        <v>6</v>
      </c>
      <c r="BS13" s="277">
        <v>10</v>
      </c>
      <c r="BT13" s="279">
        <v>0</v>
      </c>
      <c r="BU13" s="280">
        <v>23</v>
      </c>
      <c r="BV13" s="280">
        <v>16</v>
      </c>
      <c r="BW13" s="280">
        <v>7</v>
      </c>
      <c r="BX13" s="280">
        <v>2</v>
      </c>
      <c r="BY13" s="280">
        <v>1</v>
      </c>
      <c r="BZ13" s="277">
        <v>49</v>
      </c>
      <c r="CA13" s="282">
        <v>59</v>
      </c>
      <c r="CB13" s="276">
        <v>0</v>
      </c>
      <c r="CC13" s="280">
        <v>1</v>
      </c>
      <c r="CD13" s="277">
        <v>1</v>
      </c>
      <c r="CE13" s="279">
        <v>0</v>
      </c>
      <c r="CF13" s="280">
        <v>11</v>
      </c>
      <c r="CG13" s="280">
        <v>8</v>
      </c>
      <c r="CH13" s="280">
        <v>16</v>
      </c>
      <c r="CI13" s="280">
        <v>8</v>
      </c>
      <c r="CJ13" s="280">
        <v>5</v>
      </c>
      <c r="CK13" s="277">
        <v>48</v>
      </c>
      <c r="CL13" s="282">
        <v>49</v>
      </c>
      <c r="CM13" s="276">
        <v>0</v>
      </c>
      <c r="CN13" s="280">
        <v>0</v>
      </c>
      <c r="CO13" s="277">
        <v>0</v>
      </c>
      <c r="CP13" s="279">
        <v>0</v>
      </c>
      <c r="CQ13" s="280">
        <v>2</v>
      </c>
      <c r="CR13" s="280">
        <v>0</v>
      </c>
      <c r="CS13" s="280">
        <v>0</v>
      </c>
      <c r="CT13" s="280">
        <v>0</v>
      </c>
      <c r="CU13" s="280">
        <v>0</v>
      </c>
      <c r="CV13" s="277">
        <v>2</v>
      </c>
      <c r="CW13" s="282">
        <v>2</v>
      </c>
      <c r="CX13" s="276">
        <v>0</v>
      </c>
      <c r="CY13" s="280">
        <v>0</v>
      </c>
      <c r="CZ13" s="277">
        <v>0</v>
      </c>
      <c r="DA13" s="279">
        <v>0</v>
      </c>
      <c r="DB13" s="280">
        <v>0</v>
      </c>
      <c r="DC13" s="280">
        <v>0</v>
      </c>
      <c r="DD13" s="280">
        <v>0</v>
      </c>
      <c r="DE13" s="280">
        <v>0</v>
      </c>
      <c r="DF13" s="280">
        <v>0</v>
      </c>
      <c r="DG13" s="277">
        <v>0</v>
      </c>
      <c r="DH13" s="282">
        <v>0</v>
      </c>
      <c r="DI13" s="276">
        <v>0</v>
      </c>
      <c r="DJ13" s="280">
        <v>0</v>
      </c>
      <c r="DK13" s="277">
        <v>0</v>
      </c>
      <c r="DL13" s="279">
        <v>0</v>
      </c>
      <c r="DM13" s="280">
        <v>0</v>
      </c>
      <c r="DN13" s="280">
        <v>0</v>
      </c>
      <c r="DO13" s="280">
        <v>0</v>
      </c>
      <c r="DP13" s="280">
        <v>0</v>
      </c>
      <c r="DQ13" s="280">
        <v>0</v>
      </c>
      <c r="DR13" s="277">
        <v>0</v>
      </c>
      <c r="DS13" s="282">
        <v>0</v>
      </c>
      <c r="DT13" s="276">
        <v>49</v>
      </c>
      <c r="DU13" s="280">
        <v>88</v>
      </c>
      <c r="DV13" s="277">
        <v>137</v>
      </c>
      <c r="DW13" s="279">
        <v>0</v>
      </c>
      <c r="DX13" s="280">
        <v>145</v>
      </c>
      <c r="DY13" s="280">
        <v>109</v>
      </c>
      <c r="DZ13" s="280">
        <v>69</v>
      </c>
      <c r="EA13" s="280">
        <v>48</v>
      </c>
      <c r="EB13" s="280">
        <v>38</v>
      </c>
      <c r="EC13" s="277">
        <v>409</v>
      </c>
      <c r="ED13" s="282">
        <v>546</v>
      </c>
      <c r="EE13" s="276">
        <v>11</v>
      </c>
      <c r="EF13" s="280">
        <v>6</v>
      </c>
      <c r="EG13" s="277">
        <v>17</v>
      </c>
      <c r="EH13" s="279">
        <v>0</v>
      </c>
      <c r="EI13" s="280">
        <v>30</v>
      </c>
      <c r="EJ13" s="280">
        <v>34</v>
      </c>
      <c r="EK13" s="280">
        <v>24</v>
      </c>
      <c r="EL13" s="280">
        <v>29</v>
      </c>
      <c r="EM13" s="280">
        <v>28</v>
      </c>
      <c r="EN13" s="277">
        <v>145</v>
      </c>
      <c r="EO13" s="282">
        <v>162</v>
      </c>
      <c r="EP13" s="276">
        <v>66</v>
      </c>
      <c r="EQ13" s="280">
        <v>98</v>
      </c>
      <c r="ER13" s="277">
        <v>164</v>
      </c>
      <c r="ES13" s="279">
        <v>0</v>
      </c>
      <c r="ET13" s="280">
        <v>254</v>
      </c>
      <c r="EU13" s="280">
        <v>148</v>
      </c>
      <c r="EV13" s="280">
        <v>79</v>
      </c>
      <c r="EW13" s="280">
        <v>49</v>
      </c>
      <c r="EX13" s="280">
        <v>38</v>
      </c>
      <c r="EY13" s="277">
        <v>568</v>
      </c>
      <c r="EZ13" s="282">
        <v>732</v>
      </c>
    </row>
    <row r="14" spans="2:156" ht="21" customHeight="1" x14ac:dyDescent="0.2">
      <c r="B14" s="261" t="s">
        <v>11</v>
      </c>
      <c r="C14" s="276">
        <v>0</v>
      </c>
      <c r="D14" s="280">
        <v>0</v>
      </c>
      <c r="E14" s="384">
        <v>0</v>
      </c>
      <c r="F14" s="279">
        <v>0</v>
      </c>
      <c r="G14" s="280">
        <v>12</v>
      </c>
      <c r="H14" s="280">
        <v>10</v>
      </c>
      <c r="I14" s="280">
        <v>8</v>
      </c>
      <c r="J14" s="280">
        <v>10</v>
      </c>
      <c r="K14" s="280">
        <v>5</v>
      </c>
      <c r="L14" s="281">
        <v>45</v>
      </c>
      <c r="M14" s="282">
        <v>45</v>
      </c>
      <c r="N14" s="276">
        <v>0</v>
      </c>
      <c r="O14" s="280">
        <v>0</v>
      </c>
      <c r="P14" s="277">
        <v>0</v>
      </c>
      <c r="Q14" s="279">
        <v>0</v>
      </c>
      <c r="R14" s="280">
        <v>1</v>
      </c>
      <c r="S14" s="280">
        <v>0</v>
      </c>
      <c r="T14" s="280">
        <v>1</v>
      </c>
      <c r="U14" s="280">
        <v>2</v>
      </c>
      <c r="V14" s="280">
        <v>3</v>
      </c>
      <c r="W14" s="277">
        <v>7</v>
      </c>
      <c r="X14" s="282">
        <v>7</v>
      </c>
      <c r="Y14" s="276">
        <v>2</v>
      </c>
      <c r="Z14" s="280">
        <v>2</v>
      </c>
      <c r="AA14" s="277">
        <v>4</v>
      </c>
      <c r="AB14" s="279">
        <v>0</v>
      </c>
      <c r="AC14" s="280">
        <v>19</v>
      </c>
      <c r="AD14" s="280">
        <v>15</v>
      </c>
      <c r="AE14" s="280">
        <v>8</v>
      </c>
      <c r="AF14" s="280">
        <v>14</v>
      </c>
      <c r="AG14" s="280">
        <v>5</v>
      </c>
      <c r="AH14" s="277">
        <v>61</v>
      </c>
      <c r="AI14" s="282">
        <v>65</v>
      </c>
      <c r="AJ14" s="276">
        <v>1</v>
      </c>
      <c r="AK14" s="280">
        <v>0</v>
      </c>
      <c r="AL14" s="277">
        <v>1</v>
      </c>
      <c r="AM14" s="279">
        <v>0</v>
      </c>
      <c r="AN14" s="280">
        <v>3</v>
      </c>
      <c r="AO14" s="280">
        <v>1</v>
      </c>
      <c r="AP14" s="280">
        <v>0</v>
      </c>
      <c r="AQ14" s="280">
        <v>2</v>
      </c>
      <c r="AR14" s="280">
        <v>1</v>
      </c>
      <c r="AS14" s="277">
        <v>7</v>
      </c>
      <c r="AT14" s="282">
        <v>8</v>
      </c>
      <c r="AU14" s="276">
        <v>5</v>
      </c>
      <c r="AV14" s="280">
        <v>0</v>
      </c>
      <c r="AW14" s="277">
        <v>5</v>
      </c>
      <c r="AX14" s="279">
        <v>0</v>
      </c>
      <c r="AY14" s="280">
        <v>22</v>
      </c>
      <c r="AZ14" s="280">
        <v>20</v>
      </c>
      <c r="BA14" s="280">
        <v>20</v>
      </c>
      <c r="BB14" s="280">
        <v>27</v>
      </c>
      <c r="BC14" s="280">
        <v>15</v>
      </c>
      <c r="BD14" s="281">
        <v>104</v>
      </c>
      <c r="BE14" s="282">
        <v>109</v>
      </c>
      <c r="BF14" s="276">
        <v>0</v>
      </c>
      <c r="BG14" s="280">
        <v>0</v>
      </c>
      <c r="BH14" s="277">
        <v>0</v>
      </c>
      <c r="BI14" s="279">
        <v>0</v>
      </c>
      <c r="BJ14" s="280">
        <v>20</v>
      </c>
      <c r="BK14" s="280">
        <v>13</v>
      </c>
      <c r="BL14" s="280">
        <v>7</v>
      </c>
      <c r="BM14" s="280">
        <v>10</v>
      </c>
      <c r="BN14" s="280">
        <v>3</v>
      </c>
      <c r="BO14" s="277">
        <v>53</v>
      </c>
      <c r="BP14" s="282">
        <v>53</v>
      </c>
      <c r="BQ14" s="276">
        <v>3</v>
      </c>
      <c r="BR14" s="280">
        <v>4</v>
      </c>
      <c r="BS14" s="277">
        <v>7</v>
      </c>
      <c r="BT14" s="279">
        <v>0</v>
      </c>
      <c r="BU14" s="280">
        <v>13</v>
      </c>
      <c r="BV14" s="280">
        <v>8</v>
      </c>
      <c r="BW14" s="280">
        <v>8</v>
      </c>
      <c r="BX14" s="280">
        <v>2</v>
      </c>
      <c r="BY14" s="280">
        <v>2</v>
      </c>
      <c r="BZ14" s="277">
        <v>33</v>
      </c>
      <c r="CA14" s="282">
        <v>40</v>
      </c>
      <c r="CB14" s="276">
        <v>0</v>
      </c>
      <c r="CC14" s="280">
        <v>0</v>
      </c>
      <c r="CD14" s="277">
        <v>0</v>
      </c>
      <c r="CE14" s="279">
        <v>0</v>
      </c>
      <c r="CF14" s="280">
        <v>5</v>
      </c>
      <c r="CG14" s="280">
        <v>2</v>
      </c>
      <c r="CH14" s="280">
        <v>4</v>
      </c>
      <c r="CI14" s="280">
        <v>2</v>
      </c>
      <c r="CJ14" s="280">
        <v>2</v>
      </c>
      <c r="CK14" s="277">
        <v>15</v>
      </c>
      <c r="CL14" s="282">
        <v>15</v>
      </c>
      <c r="CM14" s="276">
        <v>0</v>
      </c>
      <c r="CN14" s="280">
        <v>0</v>
      </c>
      <c r="CO14" s="277">
        <v>0</v>
      </c>
      <c r="CP14" s="279">
        <v>0</v>
      </c>
      <c r="CQ14" s="280">
        <v>0</v>
      </c>
      <c r="CR14" s="280">
        <v>0</v>
      </c>
      <c r="CS14" s="280">
        <v>1</v>
      </c>
      <c r="CT14" s="280">
        <v>1</v>
      </c>
      <c r="CU14" s="280">
        <v>2</v>
      </c>
      <c r="CV14" s="277">
        <v>4</v>
      </c>
      <c r="CW14" s="282">
        <v>4</v>
      </c>
      <c r="CX14" s="276">
        <v>0</v>
      </c>
      <c r="CY14" s="280">
        <v>0</v>
      </c>
      <c r="CZ14" s="277">
        <v>0</v>
      </c>
      <c r="DA14" s="279">
        <v>0</v>
      </c>
      <c r="DB14" s="280">
        <v>0</v>
      </c>
      <c r="DC14" s="280">
        <v>0</v>
      </c>
      <c r="DD14" s="280">
        <v>0</v>
      </c>
      <c r="DE14" s="280">
        <v>0</v>
      </c>
      <c r="DF14" s="280">
        <v>0</v>
      </c>
      <c r="DG14" s="277">
        <v>0</v>
      </c>
      <c r="DH14" s="282">
        <v>0</v>
      </c>
      <c r="DI14" s="276">
        <v>0</v>
      </c>
      <c r="DJ14" s="280">
        <v>0</v>
      </c>
      <c r="DK14" s="277">
        <v>0</v>
      </c>
      <c r="DL14" s="279">
        <v>0</v>
      </c>
      <c r="DM14" s="280">
        <v>0</v>
      </c>
      <c r="DN14" s="280">
        <v>0</v>
      </c>
      <c r="DO14" s="280">
        <v>0</v>
      </c>
      <c r="DP14" s="280">
        <v>0</v>
      </c>
      <c r="DQ14" s="280">
        <v>0</v>
      </c>
      <c r="DR14" s="277">
        <v>0</v>
      </c>
      <c r="DS14" s="282">
        <v>0</v>
      </c>
      <c r="DT14" s="276">
        <v>11</v>
      </c>
      <c r="DU14" s="280">
        <v>13</v>
      </c>
      <c r="DV14" s="277">
        <v>24</v>
      </c>
      <c r="DW14" s="279">
        <v>0</v>
      </c>
      <c r="DX14" s="280">
        <v>46</v>
      </c>
      <c r="DY14" s="280">
        <v>30</v>
      </c>
      <c r="DZ14" s="280">
        <v>29</v>
      </c>
      <c r="EA14" s="280">
        <v>25</v>
      </c>
      <c r="EB14" s="280">
        <v>10</v>
      </c>
      <c r="EC14" s="277">
        <v>140</v>
      </c>
      <c r="ED14" s="282">
        <v>164</v>
      </c>
      <c r="EE14" s="276">
        <v>2</v>
      </c>
      <c r="EF14" s="280">
        <v>3</v>
      </c>
      <c r="EG14" s="277">
        <v>5</v>
      </c>
      <c r="EH14" s="279">
        <v>0</v>
      </c>
      <c r="EI14" s="280">
        <v>19</v>
      </c>
      <c r="EJ14" s="280">
        <v>7</v>
      </c>
      <c r="EK14" s="280">
        <v>15</v>
      </c>
      <c r="EL14" s="280">
        <v>15</v>
      </c>
      <c r="EM14" s="280">
        <v>7</v>
      </c>
      <c r="EN14" s="277">
        <v>63</v>
      </c>
      <c r="EO14" s="282">
        <v>68</v>
      </c>
      <c r="EP14" s="276">
        <v>15</v>
      </c>
      <c r="EQ14" s="280">
        <v>18</v>
      </c>
      <c r="ER14" s="277">
        <v>33</v>
      </c>
      <c r="ES14" s="279">
        <v>0</v>
      </c>
      <c r="ET14" s="280">
        <v>90</v>
      </c>
      <c r="EU14" s="280">
        <v>39</v>
      </c>
      <c r="EV14" s="280">
        <v>30</v>
      </c>
      <c r="EW14" s="280">
        <v>24</v>
      </c>
      <c r="EX14" s="280">
        <v>12</v>
      </c>
      <c r="EY14" s="277">
        <v>195</v>
      </c>
      <c r="EZ14" s="282">
        <v>228</v>
      </c>
    </row>
    <row r="15" spans="2:156" ht="21" customHeight="1" x14ac:dyDescent="0.2">
      <c r="B15" s="261" t="s">
        <v>12</v>
      </c>
      <c r="C15" s="276">
        <v>0</v>
      </c>
      <c r="D15" s="280">
        <v>0</v>
      </c>
      <c r="E15" s="384">
        <v>0</v>
      </c>
      <c r="F15" s="279">
        <v>0</v>
      </c>
      <c r="G15" s="280">
        <v>42</v>
      </c>
      <c r="H15" s="280">
        <v>19</v>
      </c>
      <c r="I15" s="280">
        <v>29</v>
      </c>
      <c r="J15" s="280">
        <v>15</v>
      </c>
      <c r="K15" s="280">
        <v>9</v>
      </c>
      <c r="L15" s="281">
        <v>114</v>
      </c>
      <c r="M15" s="282">
        <v>114</v>
      </c>
      <c r="N15" s="276">
        <v>0</v>
      </c>
      <c r="O15" s="280">
        <v>0</v>
      </c>
      <c r="P15" s="277">
        <v>0</v>
      </c>
      <c r="Q15" s="279">
        <v>0</v>
      </c>
      <c r="R15" s="280">
        <v>0</v>
      </c>
      <c r="S15" s="280">
        <v>2</v>
      </c>
      <c r="T15" s="280">
        <v>1</v>
      </c>
      <c r="U15" s="280">
        <v>2</v>
      </c>
      <c r="V15" s="280">
        <v>7</v>
      </c>
      <c r="W15" s="277">
        <v>12</v>
      </c>
      <c r="X15" s="282">
        <v>12</v>
      </c>
      <c r="Y15" s="276">
        <v>8</v>
      </c>
      <c r="Z15" s="280">
        <v>12</v>
      </c>
      <c r="AA15" s="277">
        <v>20</v>
      </c>
      <c r="AB15" s="279">
        <v>0</v>
      </c>
      <c r="AC15" s="280">
        <v>17</v>
      </c>
      <c r="AD15" s="280">
        <v>20</v>
      </c>
      <c r="AE15" s="280">
        <v>20</v>
      </c>
      <c r="AF15" s="280">
        <v>13</v>
      </c>
      <c r="AG15" s="280">
        <v>8</v>
      </c>
      <c r="AH15" s="277">
        <v>78</v>
      </c>
      <c r="AI15" s="282">
        <v>98</v>
      </c>
      <c r="AJ15" s="276">
        <v>0</v>
      </c>
      <c r="AK15" s="280">
        <v>2</v>
      </c>
      <c r="AL15" s="277">
        <v>2</v>
      </c>
      <c r="AM15" s="279">
        <v>0</v>
      </c>
      <c r="AN15" s="280">
        <v>4</v>
      </c>
      <c r="AO15" s="280">
        <v>1</v>
      </c>
      <c r="AP15" s="280">
        <v>2</v>
      </c>
      <c r="AQ15" s="280">
        <v>0</v>
      </c>
      <c r="AR15" s="280">
        <v>0</v>
      </c>
      <c r="AS15" s="277">
        <v>7</v>
      </c>
      <c r="AT15" s="282">
        <v>9</v>
      </c>
      <c r="AU15" s="276">
        <v>10</v>
      </c>
      <c r="AV15" s="280">
        <v>10</v>
      </c>
      <c r="AW15" s="277">
        <v>20</v>
      </c>
      <c r="AX15" s="279">
        <v>0</v>
      </c>
      <c r="AY15" s="280">
        <v>21</v>
      </c>
      <c r="AZ15" s="280">
        <v>21</v>
      </c>
      <c r="BA15" s="280">
        <v>23</v>
      </c>
      <c r="BB15" s="280">
        <v>33</v>
      </c>
      <c r="BC15" s="280">
        <v>13</v>
      </c>
      <c r="BD15" s="281">
        <v>111</v>
      </c>
      <c r="BE15" s="282">
        <v>131</v>
      </c>
      <c r="BF15" s="276">
        <v>0</v>
      </c>
      <c r="BG15" s="280">
        <v>0</v>
      </c>
      <c r="BH15" s="277">
        <v>0</v>
      </c>
      <c r="BI15" s="279">
        <v>0</v>
      </c>
      <c r="BJ15" s="280">
        <v>39</v>
      </c>
      <c r="BK15" s="280">
        <v>25</v>
      </c>
      <c r="BL15" s="280">
        <v>11</v>
      </c>
      <c r="BM15" s="280">
        <v>6</v>
      </c>
      <c r="BN15" s="280">
        <v>5</v>
      </c>
      <c r="BO15" s="277">
        <v>86</v>
      </c>
      <c r="BP15" s="282">
        <v>86</v>
      </c>
      <c r="BQ15" s="276">
        <v>16</v>
      </c>
      <c r="BR15" s="280">
        <v>8</v>
      </c>
      <c r="BS15" s="277">
        <v>24</v>
      </c>
      <c r="BT15" s="279">
        <v>0</v>
      </c>
      <c r="BU15" s="280">
        <v>10</v>
      </c>
      <c r="BV15" s="280">
        <v>12</v>
      </c>
      <c r="BW15" s="280">
        <v>13</v>
      </c>
      <c r="BX15" s="280">
        <v>6</v>
      </c>
      <c r="BY15" s="280">
        <v>0</v>
      </c>
      <c r="BZ15" s="277">
        <v>41</v>
      </c>
      <c r="CA15" s="282">
        <v>65</v>
      </c>
      <c r="CB15" s="276">
        <v>0</v>
      </c>
      <c r="CC15" s="280">
        <v>1</v>
      </c>
      <c r="CD15" s="277">
        <v>1</v>
      </c>
      <c r="CE15" s="279">
        <v>0</v>
      </c>
      <c r="CF15" s="280">
        <v>9</v>
      </c>
      <c r="CG15" s="280">
        <v>2</v>
      </c>
      <c r="CH15" s="280">
        <v>10</v>
      </c>
      <c r="CI15" s="280">
        <v>5</v>
      </c>
      <c r="CJ15" s="280">
        <v>2</v>
      </c>
      <c r="CK15" s="277">
        <v>28</v>
      </c>
      <c r="CL15" s="282">
        <v>29</v>
      </c>
      <c r="CM15" s="276">
        <v>0</v>
      </c>
      <c r="CN15" s="280">
        <v>0</v>
      </c>
      <c r="CO15" s="277">
        <v>0</v>
      </c>
      <c r="CP15" s="279">
        <v>0</v>
      </c>
      <c r="CQ15" s="280">
        <v>0</v>
      </c>
      <c r="CR15" s="280">
        <v>0</v>
      </c>
      <c r="CS15" s="280">
        <v>0</v>
      </c>
      <c r="CT15" s="280">
        <v>1</v>
      </c>
      <c r="CU15" s="280">
        <v>0</v>
      </c>
      <c r="CV15" s="277">
        <v>1</v>
      </c>
      <c r="CW15" s="282">
        <v>1</v>
      </c>
      <c r="CX15" s="276">
        <v>0</v>
      </c>
      <c r="CY15" s="280">
        <v>0</v>
      </c>
      <c r="CZ15" s="277">
        <v>0</v>
      </c>
      <c r="DA15" s="279">
        <v>0</v>
      </c>
      <c r="DB15" s="280">
        <v>0</v>
      </c>
      <c r="DC15" s="280">
        <v>0</v>
      </c>
      <c r="DD15" s="280">
        <v>0</v>
      </c>
      <c r="DE15" s="280">
        <v>0</v>
      </c>
      <c r="DF15" s="280">
        <v>0</v>
      </c>
      <c r="DG15" s="277">
        <v>0</v>
      </c>
      <c r="DH15" s="282">
        <v>0</v>
      </c>
      <c r="DI15" s="276">
        <v>0</v>
      </c>
      <c r="DJ15" s="280">
        <v>0</v>
      </c>
      <c r="DK15" s="277">
        <v>0</v>
      </c>
      <c r="DL15" s="279">
        <v>0</v>
      </c>
      <c r="DM15" s="280">
        <v>0</v>
      </c>
      <c r="DN15" s="280">
        <v>0</v>
      </c>
      <c r="DO15" s="280">
        <v>0</v>
      </c>
      <c r="DP15" s="280">
        <v>0</v>
      </c>
      <c r="DQ15" s="280">
        <v>0</v>
      </c>
      <c r="DR15" s="277">
        <v>0</v>
      </c>
      <c r="DS15" s="282">
        <v>0</v>
      </c>
      <c r="DT15" s="276">
        <v>24</v>
      </c>
      <c r="DU15" s="280">
        <v>45</v>
      </c>
      <c r="DV15" s="277">
        <v>69</v>
      </c>
      <c r="DW15" s="279">
        <v>0</v>
      </c>
      <c r="DX15" s="280">
        <v>46</v>
      </c>
      <c r="DY15" s="280">
        <v>47</v>
      </c>
      <c r="DZ15" s="280">
        <v>47</v>
      </c>
      <c r="EA15" s="280">
        <v>48</v>
      </c>
      <c r="EB15" s="280">
        <v>12</v>
      </c>
      <c r="EC15" s="277">
        <v>200</v>
      </c>
      <c r="ED15" s="282">
        <v>269</v>
      </c>
      <c r="EE15" s="276">
        <v>7</v>
      </c>
      <c r="EF15" s="280">
        <v>5</v>
      </c>
      <c r="EG15" s="277">
        <v>12</v>
      </c>
      <c r="EH15" s="279">
        <v>0</v>
      </c>
      <c r="EI15" s="280">
        <v>7</v>
      </c>
      <c r="EJ15" s="280">
        <v>9</v>
      </c>
      <c r="EK15" s="280">
        <v>5</v>
      </c>
      <c r="EL15" s="280">
        <v>14</v>
      </c>
      <c r="EM15" s="280">
        <v>5</v>
      </c>
      <c r="EN15" s="277">
        <v>40</v>
      </c>
      <c r="EO15" s="282">
        <v>52</v>
      </c>
      <c r="EP15" s="276">
        <v>46</v>
      </c>
      <c r="EQ15" s="280">
        <v>52</v>
      </c>
      <c r="ER15" s="277">
        <v>98</v>
      </c>
      <c r="ES15" s="279">
        <v>0</v>
      </c>
      <c r="ET15" s="280">
        <v>102</v>
      </c>
      <c r="EU15" s="280">
        <v>70</v>
      </c>
      <c r="EV15" s="280">
        <v>56</v>
      </c>
      <c r="EW15" s="280">
        <v>45</v>
      </c>
      <c r="EX15" s="280">
        <v>13</v>
      </c>
      <c r="EY15" s="277">
        <v>286</v>
      </c>
      <c r="EZ15" s="282">
        <v>384</v>
      </c>
    </row>
    <row r="16" spans="2:156" ht="21" customHeight="1" x14ac:dyDescent="0.2">
      <c r="B16" s="261" t="s">
        <v>13</v>
      </c>
      <c r="C16" s="276">
        <v>0</v>
      </c>
      <c r="D16" s="280">
        <v>0</v>
      </c>
      <c r="E16" s="384">
        <v>0</v>
      </c>
      <c r="F16" s="279">
        <v>0</v>
      </c>
      <c r="G16" s="280">
        <v>18</v>
      </c>
      <c r="H16" s="280">
        <v>25</v>
      </c>
      <c r="I16" s="280">
        <v>13</v>
      </c>
      <c r="J16" s="280">
        <v>14</v>
      </c>
      <c r="K16" s="280">
        <v>12</v>
      </c>
      <c r="L16" s="281">
        <v>82</v>
      </c>
      <c r="M16" s="282">
        <v>82</v>
      </c>
      <c r="N16" s="276">
        <v>0</v>
      </c>
      <c r="O16" s="280">
        <v>0</v>
      </c>
      <c r="P16" s="277">
        <v>0</v>
      </c>
      <c r="Q16" s="279">
        <v>0</v>
      </c>
      <c r="R16" s="280">
        <v>0</v>
      </c>
      <c r="S16" s="280">
        <v>0</v>
      </c>
      <c r="T16" s="280">
        <v>1</v>
      </c>
      <c r="U16" s="280">
        <v>3</v>
      </c>
      <c r="V16" s="280">
        <v>0</v>
      </c>
      <c r="W16" s="277">
        <v>4</v>
      </c>
      <c r="X16" s="282">
        <v>4</v>
      </c>
      <c r="Y16" s="276">
        <v>0</v>
      </c>
      <c r="Z16" s="280">
        <v>3</v>
      </c>
      <c r="AA16" s="277">
        <v>3</v>
      </c>
      <c r="AB16" s="279">
        <v>0</v>
      </c>
      <c r="AC16" s="280">
        <v>14</v>
      </c>
      <c r="AD16" s="280">
        <v>12</v>
      </c>
      <c r="AE16" s="280">
        <v>8</v>
      </c>
      <c r="AF16" s="280">
        <v>11</v>
      </c>
      <c r="AG16" s="280">
        <v>7</v>
      </c>
      <c r="AH16" s="277">
        <v>52</v>
      </c>
      <c r="AI16" s="282">
        <v>55</v>
      </c>
      <c r="AJ16" s="276">
        <v>0</v>
      </c>
      <c r="AK16" s="280">
        <v>1</v>
      </c>
      <c r="AL16" s="277">
        <v>1</v>
      </c>
      <c r="AM16" s="279">
        <v>0</v>
      </c>
      <c r="AN16" s="280">
        <v>2</v>
      </c>
      <c r="AO16" s="280">
        <v>6</v>
      </c>
      <c r="AP16" s="280">
        <v>0</v>
      </c>
      <c r="AQ16" s="280">
        <v>1</v>
      </c>
      <c r="AR16" s="280">
        <v>2</v>
      </c>
      <c r="AS16" s="277">
        <v>11</v>
      </c>
      <c r="AT16" s="282">
        <v>12</v>
      </c>
      <c r="AU16" s="276">
        <v>6</v>
      </c>
      <c r="AV16" s="280">
        <v>7</v>
      </c>
      <c r="AW16" s="277">
        <v>13</v>
      </c>
      <c r="AX16" s="279">
        <v>0</v>
      </c>
      <c r="AY16" s="280">
        <v>14</v>
      </c>
      <c r="AZ16" s="280">
        <v>28</v>
      </c>
      <c r="BA16" s="280">
        <v>18</v>
      </c>
      <c r="BB16" s="280">
        <v>18</v>
      </c>
      <c r="BC16" s="280">
        <v>16</v>
      </c>
      <c r="BD16" s="281">
        <v>94</v>
      </c>
      <c r="BE16" s="282">
        <v>107</v>
      </c>
      <c r="BF16" s="276">
        <v>0</v>
      </c>
      <c r="BG16" s="280">
        <v>0</v>
      </c>
      <c r="BH16" s="277">
        <v>0</v>
      </c>
      <c r="BI16" s="279">
        <v>0</v>
      </c>
      <c r="BJ16" s="280">
        <v>20</v>
      </c>
      <c r="BK16" s="280">
        <v>17</v>
      </c>
      <c r="BL16" s="280">
        <v>8</v>
      </c>
      <c r="BM16" s="280">
        <v>4</v>
      </c>
      <c r="BN16" s="280">
        <v>1</v>
      </c>
      <c r="BO16" s="277">
        <v>50</v>
      </c>
      <c r="BP16" s="282">
        <v>50</v>
      </c>
      <c r="BQ16" s="276">
        <v>0</v>
      </c>
      <c r="BR16" s="280">
        <v>0</v>
      </c>
      <c r="BS16" s="277">
        <v>0</v>
      </c>
      <c r="BT16" s="279">
        <v>0</v>
      </c>
      <c r="BU16" s="280">
        <v>2</v>
      </c>
      <c r="BV16" s="280">
        <v>3</v>
      </c>
      <c r="BW16" s="280">
        <v>5</v>
      </c>
      <c r="BX16" s="280">
        <v>2</v>
      </c>
      <c r="BY16" s="280">
        <v>0</v>
      </c>
      <c r="BZ16" s="277">
        <v>12</v>
      </c>
      <c r="CA16" s="282">
        <v>12</v>
      </c>
      <c r="CB16" s="276">
        <v>0</v>
      </c>
      <c r="CC16" s="280">
        <v>1</v>
      </c>
      <c r="CD16" s="277">
        <v>1</v>
      </c>
      <c r="CE16" s="279">
        <v>0</v>
      </c>
      <c r="CF16" s="280">
        <v>1</v>
      </c>
      <c r="CG16" s="280">
        <v>5</v>
      </c>
      <c r="CH16" s="280">
        <v>3</v>
      </c>
      <c r="CI16" s="280">
        <v>1</v>
      </c>
      <c r="CJ16" s="280">
        <v>2</v>
      </c>
      <c r="CK16" s="277">
        <v>12</v>
      </c>
      <c r="CL16" s="282">
        <v>13</v>
      </c>
      <c r="CM16" s="276">
        <v>0</v>
      </c>
      <c r="CN16" s="280">
        <v>0</v>
      </c>
      <c r="CO16" s="277">
        <v>0</v>
      </c>
      <c r="CP16" s="279">
        <v>0</v>
      </c>
      <c r="CQ16" s="280">
        <v>0</v>
      </c>
      <c r="CR16" s="280">
        <v>0</v>
      </c>
      <c r="CS16" s="280">
        <v>1</v>
      </c>
      <c r="CT16" s="280">
        <v>1</v>
      </c>
      <c r="CU16" s="280">
        <v>0</v>
      </c>
      <c r="CV16" s="277">
        <v>2</v>
      </c>
      <c r="CW16" s="282">
        <v>2</v>
      </c>
      <c r="CX16" s="276">
        <v>0</v>
      </c>
      <c r="CY16" s="280">
        <v>0</v>
      </c>
      <c r="CZ16" s="277">
        <v>0</v>
      </c>
      <c r="DA16" s="279">
        <v>0</v>
      </c>
      <c r="DB16" s="280">
        <v>0</v>
      </c>
      <c r="DC16" s="280">
        <v>0</v>
      </c>
      <c r="DD16" s="280">
        <v>0</v>
      </c>
      <c r="DE16" s="280">
        <v>0</v>
      </c>
      <c r="DF16" s="280">
        <v>0</v>
      </c>
      <c r="DG16" s="277">
        <v>0</v>
      </c>
      <c r="DH16" s="282">
        <v>0</v>
      </c>
      <c r="DI16" s="276">
        <v>0</v>
      </c>
      <c r="DJ16" s="280">
        <v>0</v>
      </c>
      <c r="DK16" s="277">
        <v>0</v>
      </c>
      <c r="DL16" s="279">
        <v>0</v>
      </c>
      <c r="DM16" s="280">
        <v>0</v>
      </c>
      <c r="DN16" s="280">
        <v>0</v>
      </c>
      <c r="DO16" s="280">
        <v>0</v>
      </c>
      <c r="DP16" s="280">
        <v>0</v>
      </c>
      <c r="DQ16" s="280">
        <v>0</v>
      </c>
      <c r="DR16" s="277">
        <v>0</v>
      </c>
      <c r="DS16" s="282">
        <v>0</v>
      </c>
      <c r="DT16" s="276">
        <v>6</v>
      </c>
      <c r="DU16" s="280">
        <v>15</v>
      </c>
      <c r="DV16" s="277">
        <v>21</v>
      </c>
      <c r="DW16" s="279">
        <v>0</v>
      </c>
      <c r="DX16" s="280">
        <v>24</v>
      </c>
      <c r="DY16" s="280">
        <v>36</v>
      </c>
      <c r="DZ16" s="280">
        <v>20</v>
      </c>
      <c r="EA16" s="280">
        <v>14</v>
      </c>
      <c r="EB16" s="280">
        <v>14</v>
      </c>
      <c r="EC16" s="277">
        <v>108</v>
      </c>
      <c r="ED16" s="282">
        <v>129</v>
      </c>
      <c r="EE16" s="276">
        <v>6</v>
      </c>
      <c r="EF16" s="280">
        <v>4</v>
      </c>
      <c r="EG16" s="277">
        <v>10</v>
      </c>
      <c r="EH16" s="279">
        <v>0</v>
      </c>
      <c r="EI16" s="280">
        <v>7</v>
      </c>
      <c r="EJ16" s="280">
        <v>13</v>
      </c>
      <c r="EK16" s="280">
        <v>6</v>
      </c>
      <c r="EL16" s="280">
        <v>8</v>
      </c>
      <c r="EM16" s="280">
        <v>5</v>
      </c>
      <c r="EN16" s="277">
        <v>39</v>
      </c>
      <c r="EO16" s="282">
        <v>49</v>
      </c>
      <c r="EP16" s="276">
        <v>6</v>
      </c>
      <c r="EQ16" s="280">
        <v>17</v>
      </c>
      <c r="ER16" s="277">
        <v>23</v>
      </c>
      <c r="ES16" s="279">
        <v>0</v>
      </c>
      <c r="ET16" s="280">
        <v>58</v>
      </c>
      <c r="EU16" s="280">
        <v>56</v>
      </c>
      <c r="EV16" s="280">
        <v>27</v>
      </c>
      <c r="EW16" s="280">
        <v>16</v>
      </c>
      <c r="EX16" s="280">
        <v>14</v>
      </c>
      <c r="EY16" s="277">
        <v>171</v>
      </c>
      <c r="EZ16" s="282">
        <v>194</v>
      </c>
    </row>
    <row r="17" spans="2:156" ht="21" customHeight="1" x14ac:dyDescent="0.2">
      <c r="B17" s="261" t="s">
        <v>15</v>
      </c>
      <c r="C17" s="276">
        <v>0</v>
      </c>
      <c r="D17" s="280">
        <v>0</v>
      </c>
      <c r="E17" s="384">
        <v>0</v>
      </c>
      <c r="F17" s="279">
        <v>0</v>
      </c>
      <c r="G17" s="280">
        <v>4</v>
      </c>
      <c r="H17" s="280">
        <v>5</v>
      </c>
      <c r="I17" s="280">
        <v>0</v>
      </c>
      <c r="J17" s="280">
        <v>2</v>
      </c>
      <c r="K17" s="280">
        <v>2</v>
      </c>
      <c r="L17" s="281">
        <v>13</v>
      </c>
      <c r="M17" s="282">
        <v>13</v>
      </c>
      <c r="N17" s="276">
        <v>0</v>
      </c>
      <c r="O17" s="280">
        <v>0</v>
      </c>
      <c r="P17" s="277">
        <v>0</v>
      </c>
      <c r="Q17" s="279">
        <v>0</v>
      </c>
      <c r="R17" s="280">
        <v>0</v>
      </c>
      <c r="S17" s="280">
        <v>0</v>
      </c>
      <c r="T17" s="280">
        <v>0</v>
      </c>
      <c r="U17" s="280">
        <v>0</v>
      </c>
      <c r="V17" s="280">
        <v>2</v>
      </c>
      <c r="W17" s="277">
        <v>2</v>
      </c>
      <c r="X17" s="282">
        <v>2</v>
      </c>
      <c r="Y17" s="276">
        <v>0</v>
      </c>
      <c r="Z17" s="280">
        <v>1</v>
      </c>
      <c r="AA17" s="277">
        <v>1</v>
      </c>
      <c r="AB17" s="279">
        <v>0</v>
      </c>
      <c r="AC17" s="280">
        <v>1</v>
      </c>
      <c r="AD17" s="280">
        <v>3</v>
      </c>
      <c r="AE17" s="280">
        <v>0</v>
      </c>
      <c r="AF17" s="280">
        <v>5</v>
      </c>
      <c r="AG17" s="280">
        <v>2</v>
      </c>
      <c r="AH17" s="277">
        <v>11</v>
      </c>
      <c r="AI17" s="282">
        <v>12</v>
      </c>
      <c r="AJ17" s="276">
        <v>0</v>
      </c>
      <c r="AK17" s="280">
        <v>0</v>
      </c>
      <c r="AL17" s="277">
        <v>0</v>
      </c>
      <c r="AM17" s="279">
        <v>0</v>
      </c>
      <c r="AN17" s="280">
        <v>0</v>
      </c>
      <c r="AO17" s="280">
        <v>0</v>
      </c>
      <c r="AP17" s="280">
        <v>0</v>
      </c>
      <c r="AQ17" s="280">
        <v>0</v>
      </c>
      <c r="AR17" s="280">
        <v>1</v>
      </c>
      <c r="AS17" s="277">
        <v>1</v>
      </c>
      <c r="AT17" s="282">
        <v>1</v>
      </c>
      <c r="AU17" s="276">
        <v>0</v>
      </c>
      <c r="AV17" s="280">
        <v>2</v>
      </c>
      <c r="AW17" s="277">
        <v>2</v>
      </c>
      <c r="AX17" s="279">
        <v>0</v>
      </c>
      <c r="AY17" s="280">
        <v>2</v>
      </c>
      <c r="AZ17" s="280">
        <v>6</v>
      </c>
      <c r="BA17" s="280">
        <v>3</v>
      </c>
      <c r="BB17" s="280">
        <v>5</v>
      </c>
      <c r="BC17" s="280">
        <v>3</v>
      </c>
      <c r="BD17" s="281">
        <v>19</v>
      </c>
      <c r="BE17" s="282">
        <v>21</v>
      </c>
      <c r="BF17" s="276">
        <v>0</v>
      </c>
      <c r="BG17" s="280">
        <v>0</v>
      </c>
      <c r="BH17" s="277">
        <v>0</v>
      </c>
      <c r="BI17" s="279">
        <v>0</v>
      </c>
      <c r="BJ17" s="280">
        <v>4</v>
      </c>
      <c r="BK17" s="280">
        <v>2</v>
      </c>
      <c r="BL17" s="280">
        <v>1</v>
      </c>
      <c r="BM17" s="280">
        <v>2</v>
      </c>
      <c r="BN17" s="280">
        <v>0</v>
      </c>
      <c r="BO17" s="277">
        <v>9</v>
      </c>
      <c r="BP17" s="282">
        <v>9</v>
      </c>
      <c r="BQ17" s="276">
        <v>0</v>
      </c>
      <c r="BR17" s="280">
        <v>0</v>
      </c>
      <c r="BS17" s="277">
        <v>0</v>
      </c>
      <c r="BT17" s="279">
        <v>0</v>
      </c>
      <c r="BU17" s="280">
        <v>3</v>
      </c>
      <c r="BV17" s="280">
        <v>1</v>
      </c>
      <c r="BW17" s="280">
        <v>1</v>
      </c>
      <c r="BX17" s="280">
        <v>2</v>
      </c>
      <c r="BY17" s="280">
        <v>1</v>
      </c>
      <c r="BZ17" s="277">
        <v>8</v>
      </c>
      <c r="CA17" s="282">
        <v>8</v>
      </c>
      <c r="CB17" s="276">
        <v>0</v>
      </c>
      <c r="CC17" s="280">
        <v>0</v>
      </c>
      <c r="CD17" s="277">
        <v>0</v>
      </c>
      <c r="CE17" s="279">
        <v>0</v>
      </c>
      <c r="CF17" s="280">
        <v>0</v>
      </c>
      <c r="CG17" s="280">
        <v>1</v>
      </c>
      <c r="CH17" s="280">
        <v>0</v>
      </c>
      <c r="CI17" s="280">
        <v>2</v>
      </c>
      <c r="CJ17" s="280">
        <v>1</v>
      </c>
      <c r="CK17" s="277">
        <v>4</v>
      </c>
      <c r="CL17" s="282">
        <v>4</v>
      </c>
      <c r="CM17" s="276">
        <v>0</v>
      </c>
      <c r="CN17" s="280">
        <v>0</v>
      </c>
      <c r="CO17" s="277">
        <v>0</v>
      </c>
      <c r="CP17" s="279">
        <v>0</v>
      </c>
      <c r="CQ17" s="280">
        <v>0</v>
      </c>
      <c r="CR17" s="280">
        <v>0</v>
      </c>
      <c r="CS17" s="280">
        <v>0</v>
      </c>
      <c r="CT17" s="280">
        <v>0</v>
      </c>
      <c r="CU17" s="280">
        <v>0</v>
      </c>
      <c r="CV17" s="277">
        <v>0</v>
      </c>
      <c r="CW17" s="282">
        <v>0</v>
      </c>
      <c r="CX17" s="276">
        <v>0</v>
      </c>
      <c r="CY17" s="280">
        <v>0</v>
      </c>
      <c r="CZ17" s="277">
        <v>0</v>
      </c>
      <c r="DA17" s="279">
        <v>0</v>
      </c>
      <c r="DB17" s="280">
        <v>0</v>
      </c>
      <c r="DC17" s="280">
        <v>0</v>
      </c>
      <c r="DD17" s="280">
        <v>0</v>
      </c>
      <c r="DE17" s="280">
        <v>0</v>
      </c>
      <c r="DF17" s="280">
        <v>0</v>
      </c>
      <c r="DG17" s="277">
        <v>0</v>
      </c>
      <c r="DH17" s="282">
        <v>0</v>
      </c>
      <c r="DI17" s="276">
        <v>0</v>
      </c>
      <c r="DJ17" s="280">
        <v>0</v>
      </c>
      <c r="DK17" s="277">
        <v>0</v>
      </c>
      <c r="DL17" s="279">
        <v>0</v>
      </c>
      <c r="DM17" s="280">
        <v>0</v>
      </c>
      <c r="DN17" s="280">
        <v>0</v>
      </c>
      <c r="DO17" s="280">
        <v>0</v>
      </c>
      <c r="DP17" s="280">
        <v>0</v>
      </c>
      <c r="DQ17" s="280">
        <v>0</v>
      </c>
      <c r="DR17" s="277">
        <v>0</v>
      </c>
      <c r="DS17" s="282">
        <v>0</v>
      </c>
      <c r="DT17" s="276">
        <v>1</v>
      </c>
      <c r="DU17" s="280">
        <v>3</v>
      </c>
      <c r="DV17" s="277">
        <v>4</v>
      </c>
      <c r="DW17" s="279">
        <v>0</v>
      </c>
      <c r="DX17" s="280">
        <v>10</v>
      </c>
      <c r="DY17" s="280">
        <v>14</v>
      </c>
      <c r="DZ17" s="280">
        <v>3</v>
      </c>
      <c r="EA17" s="280">
        <v>6</v>
      </c>
      <c r="EB17" s="280">
        <v>3</v>
      </c>
      <c r="EC17" s="277">
        <v>36</v>
      </c>
      <c r="ED17" s="282">
        <v>40</v>
      </c>
      <c r="EE17" s="276">
        <v>1</v>
      </c>
      <c r="EF17" s="280">
        <v>1</v>
      </c>
      <c r="EG17" s="277">
        <v>2</v>
      </c>
      <c r="EH17" s="279">
        <v>0</v>
      </c>
      <c r="EI17" s="280">
        <v>6</v>
      </c>
      <c r="EJ17" s="280">
        <v>3</v>
      </c>
      <c r="EK17" s="280">
        <v>2</v>
      </c>
      <c r="EL17" s="280">
        <v>2</v>
      </c>
      <c r="EM17" s="280">
        <v>1</v>
      </c>
      <c r="EN17" s="277">
        <v>14</v>
      </c>
      <c r="EO17" s="282">
        <v>16</v>
      </c>
      <c r="EP17" s="276">
        <v>1</v>
      </c>
      <c r="EQ17" s="280">
        <v>4</v>
      </c>
      <c r="ER17" s="277">
        <v>5</v>
      </c>
      <c r="ES17" s="279">
        <v>0</v>
      </c>
      <c r="ET17" s="280">
        <v>16</v>
      </c>
      <c r="EU17" s="280">
        <v>17</v>
      </c>
      <c r="EV17" s="280">
        <v>4</v>
      </c>
      <c r="EW17" s="280">
        <v>6</v>
      </c>
      <c r="EX17" s="280">
        <v>4</v>
      </c>
      <c r="EY17" s="277">
        <v>47</v>
      </c>
      <c r="EZ17" s="282">
        <v>52</v>
      </c>
    </row>
    <row r="18" spans="2:156" ht="21" customHeight="1" x14ac:dyDescent="0.2">
      <c r="B18" s="261" t="s">
        <v>16</v>
      </c>
      <c r="C18" s="276">
        <v>0</v>
      </c>
      <c r="D18" s="280">
        <v>0</v>
      </c>
      <c r="E18" s="384">
        <v>0</v>
      </c>
      <c r="F18" s="279">
        <v>0</v>
      </c>
      <c r="G18" s="280">
        <v>8</v>
      </c>
      <c r="H18" s="280">
        <v>16</v>
      </c>
      <c r="I18" s="280">
        <v>7</v>
      </c>
      <c r="J18" s="280">
        <v>4</v>
      </c>
      <c r="K18" s="280">
        <v>1</v>
      </c>
      <c r="L18" s="281">
        <v>36</v>
      </c>
      <c r="M18" s="282">
        <v>36</v>
      </c>
      <c r="N18" s="276">
        <v>0</v>
      </c>
      <c r="O18" s="280">
        <v>0</v>
      </c>
      <c r="P18" s="277">
        <v>0</v>
      </c>
      <c r="Q18" s="279">
        <v>0</v>
      </c>
      <c r="R18" s="280">
        <v>0</v>
      </c>
      <c r="S18" s="280">
        <v>1</v>
      </c>
      <c r="T18" s="280">
        <v>2</v>
      </c>
      <c r="U18" s="280">
        <v>1</v>
      </c>
      <c r="V18" s="280">
        <v>2</v>
      </c>
      <c r="W18" s="277">
        <v>6</v>
      </c>
      <c r="X18" s="282">
        <v>6</v>
      </c>
      <c r="Y18" s="276">
        <v>3</v>
      </c>
      <c r="Z18" s="280">
        <v>2</v>
      </c>
      <c r="AA18" s="277">
        <v>5</v>
      </c>
      <c r="AB18" s="279">
        <v>0</v>
      </c>
      <c r="AC18" s="280">
        <v>6</v>
      </c>
      <c r="AD18" s="280">
        <v>14</v>
      </c>
      <c r="AE18" s="280">
        <v>11</v>
      </c>
      <c r="AF18" s="280">
        <v>7</v>
      </c>
      <c r="AG18" s="280">
        <v>5</v>
      </c>
      <c r="AH18" s="277">
        <v>43</v>
      </c>
      <c r="AI18" s="282">
        <v>48</v>
      </c>
      <c r="AJ18" s="276">
        <v>0</v>
      </c>
      <c r="AK18" s="280">
        <v>0</v>
      </c>
      <c r="AL18" s="277">
        <v>0</v>
      </c>
      <c r="AM18" s="279">
        <v>0</v>
      </c>
      <c r="AN18" s="280">
        <v>1</v>
      </c>
      <c r="AO18" s="280">
        <v>0</v>
      </c>
      <c r="AP18" s="280">
        <v>2</v>
      </c>
      <c r="AQ18" s="280">
        <v>1</v>
      </c>
      <c r="AR18" s="280">
        <v>0</v>
      </c>
      <c r="AS18" s="277">
        <v>4</v>
      </c>
      <c r="AT18" s="282">
        <v>4</v>
      </c>
      <c r="AU18" s="276">
        <v>2</v>
      </c>
      <c r="AV18" s="280">
        <v>1</v>
      </c>
      <c r="AW18" s="277">
        <v>3</v>
      </c>
      <c r="AX18" s="279">
        <v>0</v>
      </c>
      <c r="AY18" s="280">
        <v>13</v>
      </c>
      <c r="AZ18" s="280">
        <v>15</v>
      </c>
      <c r="BA18" s="280">
        <v>19</v>
      </c>
      <c r="BB18" s="280">
        <v>18</v>
      </c>
      <c r="BC18" s="280">
        <v>16</v>
      </c>
      <c r="BD18" s="281">
        <v>81</v>
      </c>
      <c r="BE18" s="282">
        <v>84</v>
      </c>
      <c r="BF18" s="276">
        <v>0</v>
      </c>
      <c r="BG18" s="280">
        <v>0</v>
      </c>
      <c r="BH18" s="277">
        <v>0</v>
      </c>
      <c r="BI18" s="279">
        <v>0</v>
      </c>
      <c r="BJ18" s="280">
        <v>20</v>
      </c>
      <c r="BK18" s="280">
        <v>20</v>
      </c>
      <c r="BL18" s="280">
        <v>9</v>
      </c>
      <c r="BM18" s="280">
        <v>3</v>
      </c>
      <c r="BN18" s="280">
        <v>4</v>
      </c>
      <c r="BO18" s="277">
        <v>56</v>
      </c>
      <c r="BP18" s="282">
        <v>56</v>
      </c>
      <c r="BQ18" s="276">
        <v>0</v>
      </c>
      <c r="BR18" s="280">
        <v>3</v>
      </c>
      <c r="BS18" s="277">
        <v>3</v>
      </c>
      <c r="BT18" s="279">
        <v>0</v>
      </c>
      <c r="BU18" s="280">
        <v>10</v>
      </c>
      <c r="BV18" s="280">
        <v>16</v>
      </c>
      <c r="BW18" s="280">
        <v>8</v>
      </c>
      <c r="BX18" s="280">
        <v>3</v>
      </c>
      <c r="BY18" s="280">
        <v>2</v>
      </c>
      <c r="BZ18" s="277">
        <v>39</v>
      </c>
      <c r="CA18" s="282">
        <v>42</v>
      </c>
      <c r="CB18" s="276">
        <v>0</v>
      </c>
      <c r="CC18" s="280">
        <v>0</v>
      </c>
      <c r="CD18" s="277">
        <v>0</v>
      </c>
      <c r="CE18" s="279">
        <v>0</v>
      </c>
      <c r="CF18" s="280">
        <v>2</v>
      </c>
      <c r="CG18" s="280">
        <v>6</v>
      </c>
      <c r="CH18" s="280">
        <v>6</v>
      </c>
      <c r="CI18" s="280">
        <v>0</v>
      </c>
      <c r="CJ18" s="280">
        <v>1</v>
      </c>
      <c r="CK18" s="277">
        <v>15</v>
      </c>
      <c r="CL18" s="282">
        <v>15</v>
      </c>
      <c r="CM18" s="276">
        <v>0</v>
      </c>
      <c r="CN18" s="280">
        <v>0</v>
      </c>
      <c r="CO18" s="277">
        <v>0</v>
      </c>
      <c r="CP18" s="279">
        <v>0</v>
      </c>
      <c r="CQ18" s="280">
        <v>1</v>
      </c>
      <c r="CR18" s="280">
        <v>0</v>
      </c>
      <c r="CS18" s="280">
        <v>1</v>
      </c>
      <c r="CT18" s="280">
        <v>0</v>
      </c>
      <c r="CU18" s="280">
        <v>1</v>
      </c>
      <c r="CV18" s="277">
        <v>3</v>
      </c>
      <c r="CW18" s="282">
        <v>3</v>
      </c>
      <c r="CX18" s="276">
        <v>0</v>
      </c>
      <c r="CY18" s="280">
        <v>0</v>
      </c>
      <c r="CZ18" s="277">
        <v>0</v>
      </c>
      <c r="DA18" s="279">
        <v>0</v>
      </c>
      <c r="DB18" s="280">
        <v>0</v>
      </c>
      <c r="DC18" s="280">
        <v>0</v>
      </c>
      <c r="DD18" s="280">
        <v>0</v>
      </c>
      <c r="DE18" s="280">
        <v>0</v>
      </c>
      <c r="DF18" s="280">
        <v>0</v>
      </c>
      <c r="DG18" s="277">
        <v>0</v>
      </c>
      <c r="DH18" s="282">
        <v>0</v>
      </c>
      <c r="DI18" s="276">
        <v>0</v>
      </c>
      <c r="DJ18" s="280">
        <v>0</v>
      </c>
      <c r="DK18" s="277">
        <v>0</v>
      </c>
      <c r="DL18" s="279">
        <v>0</v>
      </c>
      <c r="DM18" s="280">
        <v>0</v>
      </c>
      <c r="DN18" s="280">
        <v>0</v>
      </c>
      <c r="DO18" s="280">
        <v>0</v>
      </c>
      <c r="DP18" s="280">
        <v>0</v>
      </c>
      <c r="DQ18" s="280">
        <v>0</v>
      </c>
      <c r="DR18" s="277">
        <v>0</v>
      </c>
      <c r="DS18" s="282">
        <v>0</v>
      </c>
      <c r="DT18" s="276">
        <v>10</v>
      </c>
      <c r="DU18" s="280">
        <v>12</v>
      </c>
      <c r="DV18" s="277">
        <v>22</v>
      </c>
      <c r="DW18" s="279">
        <v>0</v>
      </c>
      <c r="DX18" s="280">
        <v>20</v>
      </c>
      <c r="DY18" s="280">
        <v>43</v>
      </c>
      <c r="DZ18" s="280">
        <v>29</v>
      </c>
      <c r="EA18" s="280">
        <v>13</v>
      </c>
      <c r="EB18" s="280">
        <v>11</v>
      </c>
      <c r="EC18" s="277">
        <v>116</v>
      </c>
      <c r="ED18" s="282">
        <v>138</v>
      </c>
      <c r="EE18" s="276">
        <v>2</v>
      </c>
      <c r="EF18" s="280">
        <v>1</v>
      </c>
      <c r="EG18" s="277">
        <v>3</v>
      </c>
      <c r="EH18" s="279">
        <v>0</v>
      </c>
      <c r="EI18" s="280">
        <v>10</v>
      </c>
      <c r="EJ18" s="280">
        <v>7</v>
      </c>
      <c r="EK18" s="280">
        <v>12</v>
      </c>
      <c r="EL18" s="280">
        <v>12</v>
      </c>
      <c r="EM18" s="280">
        <v>9</v>
      </c>
      <c r="EN18" s="277">
        <v>50</v>
      </c>
      <c r="EO18" s="282">
        <v>53</v>
      </c>
      <c r="EP18" s="276">
        <v>14</v>
      </c>
      <c r="EQ18" s="280">
        <v>15</v>
      </c>
      <c r="ER18" s="277">
        <v>29</v>
      </c>
      <c r="ES18" s="279">
        <v>0</v>
      </c>
      <c r="ET18" s="280">
        <v>43</v>
      </c>
      <c r="EU18" s="280">
        <v>66</v>
      </c>
      <c r="EV18" s="280">
        <v>33</v>
      </c>
      <c r="EW18" s="280">
        <v>13</v>
      </c>
      <c r="EX18" s="280">
        <v>13</v>
      </c>
      <c r="EY18" s="277">
        <v>168</v>
      </c>
      <c r="EZ18" s="282">
        <v>197</v>
      </c>
    </row>
    <row r="19" spans="2:156" ht="21" customHeight="1" x14ac:dyDescent="0.2">
      <c r="B19" s="261" t="s">
        <v>17</v>
      </c>
      <c r="C19" s="276">
        <v>0</v>
      </c>
      <c r="D19" s="280">
        <v>0</v>
      </c>
      <c r="E19" s="384">
        <v>0</v>
      </c>
      <c r="F19" s="279">
        <v>0</v>
      </c>
      <c r="G19" s="280">
        <v>10</v>
      </c>
      <c r="H19" s="280">
        <v>15</v>
      </c>
      <c r="I19" s="280">
        <v>14</v>
      </c>
      <c r="J19" s="280">
        <v>4</v>
      </c>
      <c r="K19" s="280">
        <v>6</v>
      </c>
      <c r="L19" s="281">
        <v>49</v>
      </c>
      <c r="M19" s="282">
        <v>49</v>
      </c>
      <c r="N19" s="276">
        <v>0</v>
      </c>
      <c r="O19" s="280">
        <v>0</v>
      </c>
      <c r="P19" s="277">
        <v>0</v>
      </c>
      <c r="Q19" s="279">
        <v>0</v>
      </c>
      <c r="R19" s="280">
        <v>1</v>
      </c>
      <c r="S19" s="280">
        <v>0</v>
      </c>
      <c r="T19" s="280">
        <v>2</v>
      </c>
      <c r="U19" s="280">
        <v>4</v>
      </c>
      <c r="V19" s="280">
        <v>5</v>
      </c>
      <c r="W19" s="277">
        <v>12</v>
      </c>
      <c r="X19" s="282">
        <v>12</v>
      </c>
      <c r="Y19" s="276">
        <v>3</v>
      </c>
      <c r="Z19" s="280">
        <v>9</v>
      </c>
      <c r="AA19" s="277">
        <v>12</v>
      </c>
      <c r="AB19" s="279">
        <v>0</v>
      </c>
      <c r="AC19" s="280">
        <v>15</v>
      </c>
      <c r="AD19" s="280">
        <v>16</v>
      </c>
      <c r="AE19" s="280">
        <v>20</v>
      </c>
      <c r="AF19" s="280">
        <v>4</v>
      </c>
      <c r="AG19" s="280">
        <v>11</v>
      </c>
      <c r="AH19" s="277">
        <v>66</v>
      </c>
      <c r="AI19" s="282">
        <v>78</v>
      </c>
      <c r="AJ19" s="276">
        <v>1</v>
      </c>
      <c r="AK19" s="280">
        <v>0</v>
      </c>
      <c r="AL19" s="277">
        <v>1</v>
      </c>
      <c r="AM19" s="279">
        <v>0</v>
      </c>
      <c r="AN19" s="280">
        <v>2</v>
      </c>
      <c r="AO19" s="280">
        <v>1</v>
      </c>
      <c r="AP19" s="280">
        <v>1</v>
      </c>
      <c r="AQ19" s="280">
        <v>4</v>
      </c>
      <c r="AR19" s="280">
        <v>0</v>
      </c>
      <c r="AS19" s="277">
        <v>8</v>
      </c>
      <c r="AT19" s="282">
        <v>9</v>
      </c>
      <c r="AU19" s="276">
        <v>4</v>
      </c>
      <c r="AV19" s="280">
        <v>4</v>
      </c>
      <c r="AW19" s="277">
        <v>8</v>
      </c>
      <c r="AX19" s="279">
        <v>0</v>
      </c>
      <c r="AY19" s="280">
        <v>13</v>
      </c>
      <c r="AZ19" s="280">
        <v>22</v>
      </c>
      <c r="BA19" s="280">
        <v>27</v>
      </c>
      <c r="BB19" s="280">
        <v>28</v>
      </c>
      <c r="BC19" s="280">
        <v>29</v>
      </c>
      <c r="BD19" s="281">
        <v>119</v>
      </c>
      <c r="BE19" s="282">
        <v>127</v>
      </c>
      <c r="BF19" s="276">
        <v>0</v>
      </c>
      <c r="BG19" s="280">
        <v>0</v>
      </c>
      <c r="BH19" s="277">
        <v>0</v>
      </c>
      <c r="BI19" s="279">
        <v>0</v>
      </c>
      <c r="BJ19" s="280">
        <v>21</v>
      </c>
      <c r="BK19" s="280">
        <v>32</v>
      </c>
      <c r="BL19" s="280">
        <v>14</v>
      </c>
      <c r="BM19" s="280">
        <v>9</v>
      </c>
      <c r="BN19" s="280">
        <v>2</v>
      </c>
      <c r="BO19" s="277">
        <v>78</v>
      </c>
      <c r="BP19" s="282">
        <v>78</v>
      </c>
      <c r="BQ19" s="276">
        <v>3</v>
      </c>
      <c r="BR19" s="280">
        <v>6</v>
      </c>
      <c r="BS19" s="277">
        <v>9</v>
      </c>
      <c r="BT19" s="279">
        <v>0</v>
      </c>
      <c r="BU19" s="280">
        <v>7</v>
      </c>
      <c r="BV19" s="280">
        <v>10</v>
      </c>
      <c r="BW19" s="280">
        <v>7</v>
      </c>
      <c r="BX19" s="280">
        <v>2</v>
      </c>
      <c r="BY19" s="280">
        <v>1</v>
      </c>
      <c r="BZ19" s="277">
        <v>27</v>
      </c>
      <c r="CA19" s="282">
        <v>36</v>
      </c>
      <c r="CB19" s="276">
        <v>0</v>
      </c>
      <c r="CC19" s="280">
        <v>0</v>
      </c>
      <c r="CD19" s="277">
        <v>0</v>
      </c>
      <c r="CE19" s="279">
        <v>0</v>
      </c>
      <c r="CF19" s="280">
        <v>2</v>
      </c>
      <c r="CG19" s="280">
        <v>3</v>
      </c>
      <c r="CH19" s="280">
        <v>10</v>
      </c>
      <c r="CI19" s="280">
        <v>6</v>
      </c>
      <c r="CJ19" s="280">
        <v>3</v>
      </c>
      <c r="CK19" s="277">
        <v>24</v>
      </c>
      <c r="CL19" s="282">
        <v>24</v>
      </c>
      <c r="CM19" s="276">
        <v>0</v>
      </c>
      <c r="CN19" s="280">
        <v>0</v>
      </c>
      <c r="CO19" s="277">
        <v>0</v>
      </c>
      <c r="CP19" s="279">
        <v>0</v>
      </c>
      <c r="CQ19" s="280">
        <v>2</v>
      </c>
      <c r="CR19" s="280">
        <v>0</v>
      </c>
      <c r="CS19" s="280">
        <v>1</v>
      </c>
      <c r="CT19" s="280">
        <v>1</v>
      </c>
      <c r="CU19" s="280">
        <v>0</v>
      </c>
      <c r="CV19" s="277">
        <v>4</v>
      </c>
      <c r="CW19" s="282">
        <v>4</v>
      </c>
      <c r="CX19" s="276">
        <v>0</v>
      </c>
      <c r="CY19" s="280">
        <v>0</v>
      </c>
      <c r="CZ19" s="277">
        <v>0</v>
      </c>
      <c r="DA19" s="279">
        <v>0</v>
      </c>
      <c r="DB19" s="280">
        <v>0</v>
      </c>
      <c r="DC19" s="280">
        <v>0</v>
      </c>
      <c r="DD19" s="280">
        <v>0</v>
      </c>
      <c r="DE19" s="280">
        <v>0</v>
      </c>
      <c r="DF19" s="280">
        <v>0</v>
      </c>
      <c r="DG19" s="277">
        <v>0</v>
      </c>
      <c r="DH19" s="282">
        <v>0</v>
      </c>
      <c r="DI19" s="276">
        <v>0</v>
      </c>
      <c r="DJ19" s="280">
        <v>0</v>
      </c>
      <c r="DK19" s="277">
        <v>0</v>
      </c>
      <c r="DL19" s="279">
        <v>0</v>
      </c>
      <c r="DM19" s="280">
        <v>0</v>
      </c>
      <c r="DN19" s="280">
        <v>0</v>
      </c>
      <c r="DO19" s="280">
        <v>0</v>
      </c>
      <c r="DP19" s="280">
        <v>0</v>
      </c>
      <c r="DQ19" s="280">
        <v>0</v>
      </c>
      <c r="DR19" s="277">
        <v>0</v>
      </c>
      <c r="DS19" s="282">
        <v>0</v>
      </c>
      <c r="DT19" s="276">
        <v>16</v>
      </c>
      <c r="DU19" s="280">
        <v>19</v>
      </c>
      <c r="DV19" s="277">
        <v>35</v>
      </c>
      <c r="DW19" s="279">
        <v>0</v>
      </c>
      <c r="DX19" s="280">
        <v>30</v>
      </c>
      <c r="DY19" s="280">
        <v>54</v>
      </c>
      <c r="DZ19" s="280">
        <v>48</v>
      </c>
      <c r="EA19" s="280">
        <v>23</v>
      </c>
      <c r="EB19" s="280">
        <v>20</v>
      </c>
      <c r="EC19" s="277">
        <v>175</v>
      </c>
      <c r="ED19" s="282">
        <v>210</v>
      </c>
      <c r="EE19" s="276">
        <v>2</v>
      </c>
      <c r="EF19" s="280">
        <v>2</v>
      </c>
      <c r="EG19" s="277">
        <v>4</v>
      </c>
      <c r="EH19" s="279">
        <v>0</v>
      </c>
      <c r="EI19" s="280">
        <v>9</v>
      </c>
      <c r="EJ19" s="280">
        <v>7</v>
      </c>
      <c r="EK19" s="280">
        <v>7</v>
      </c>
      <c r="EL19" s="280">
        <v>15</v>
      </c>
      <c r="EM19" s="280">
        <v>8</v>
      </c>
      <c r="EN19" s="277">
        <v>46</v>
      </c>
      <c r="EO19" s="282">
        <v>50</v>
      </c>
      <c r="EP19" s="276">
        <v>21</v>
      </c>
      <c r="EQ19" s="280">
        <v>29</v>
      </c>
      <c r="ER19" s="277">
        <v>50</v>
      </c>
      <c r="ES19" s="279">
        <v>0</v>
      </c>
      <c r="ET19" s="280">
        <v>59</v>
      </c>
      <c r="EU19" s="280">
        <v>79</v>
      </c>
      <c r="EV19" s="280">
        <v>57</v>
      </c>
      <c r="EW19" s="280">
        <v>25</v>
      </c>
      <c r="EX19" s="280">
        <v>20</v>
      </c>
      <c r="EY19" s="277">
        <v>240</v>
      </c>
      <c r="EZ19" s="282">
        <v>290</v>
      </c>
    </row>
    <row r="20" spans="2:156" ht="21" customHeight="1" x14ac:dyDescent="0.2">
      <c r="B20" s="261" t="s">
        <v>18</v>
      </c>
      <c r="C20" s="276">
        <v>0</v>
      </c>
      <c r="D20" s="280">
        <v>0</v>
      </c>
      <c r="E20" s="384">
        <v>0</v>
      </c>
      <c r="F20" s="279">
        <v>0</v>
      </c>
      <c r="G20" s="280">
        <v>28</v>
      </c>
      <c r="H20" s="280">
        <v>30</v>
      </c>
      <c r="I20" s="280">
        <v>13</v>
      </c>
      <c r="J20" s="280">
        <v>16</v>
      </c>
      <c r="K20" s="280">
        <v>11</v>
      </c>
      <c r="L20" s="281">
        <v>98</v>
      </c>
      <c r="M20" s="282">
        <v>98</v>
      </c>
      <c r="N20" s="276">
        <v>0</v>
      </c>
      <c r="O20" s="280">
        <v>0</v>
      </c>
      <c r="P20" s="277">
        <v>0</v>
      </c>
      <c r="Q20" s="279">
        <v>0</v>
      </c>
      <c r="R20" s="280">
        <v>0</v>
      </c>
      <c r="S20" s="280">
        <v>0</v>
      </c>
      <c r="T20" s="280">
        <v>2</v>
      </c>
      <c r="U20" s="280">
        <v>4</v>
      </c>
      <c r="V20" s="280">
        <v>5</v>
      </c>
      <c r="W20" s="277">
        <v>11</v>
      </c>
      <c r="X20" s="282">
        <v>11</v>
      </c>
      <c r="Y20" s="276">
        <v>8</v>
      </c>
      <c r="Z20" s="280">
        <v>7</v>
      </c>
      <c r="AA20" s="277">
        <v>15</v>
      </c>
      <c r="AB20" s="279">
        <v>0</v>
      </c>
      <c r="AC20" s="280">
        <v>18</v>
      </c>
      <c r="AD20" s="280">
        <v>31</v>
      </c>
      <c r="AE20" s="280">
        <v>11</v>
      </c>
      <c r="AF20" s="280">
        <v>14</v>
      </c>
      <c r="AG20" s="280">
        <v>11</v>
      </c>
      <c r="AH20" s="277">
        <v>85</v>
      </c>
      <c r="AI20" s="282">
        <v>100</v>
      </c>
      <c r="AJ20" s="276">
        <v>1</v>
      </c>
      <c r="AK20" s="280">
        <v>0</v>
      </c>
      <c r="AL20" s="277">
        <v>1</v>
      </c>
      <c r="AM20" s="279">
        <v>0</v>
      </c>
      <c r="AN20" s="280">
        <v>1</v>
      </c>
      <c r="AO20" s="280">
        <v>4</v>
      </c>
      <c r="AP20" s="280">
        <v>3</v>
      </c>
      <c r="AQ20" s="280">
        <v>1</v>
      </c>
      <c r="AR20" s="280">
        <v>1</v>
      </c>
      <c r="AS20" s="277">
        <v>10</v>
      </c>
      <c r="AT20" s="282">
        <v>11</v>
      </c>
      <c r="AU20" s="276">
        <v>5</v>
      </c>
      <c r="AV20" s="280">
        <v>3</v>
      </c>
      <c r="AW20" s="277">
        <v>8</v>
      </c>
      <c r="AX20" s="279">
        <v>0</v>
      </c>
      <c r="AY20" s="280">
        <v>32</v>
      </c>
      <c r="AZ20" s="280">
        <v>32</v>
      </c>
      <c r="BA20" s="280">
        <v>28</v>
      </c>
      <c r="BB20" s="280">
        <v>24</v>
      </c>
      <c r="BC20" s="280">
        <v>34</v>
      </c>
      <c r="BD20" s="281">
        <v>150</v>
      </c>
      <c r="BE20" s="282">
        <v>158</v>
      </c>
      <c r="BF20" s="276">
        <v>0</v>
      </c>
      <c r="BG20" s="280">
        <v>0</v>
      </c>
      <c r="BH20" s="277">
        <v>0</v>
      </c>
      <c r="BI20" s="279">
        <v>0</v>
      </c>
      <c r="BJ20" s="280">
        <v>30</v>
      </c>
      <c r="BK20" s="280">
        <v>52</v>
      </c>
      <c r="BL20" s="280">
        <v>13</v>
      </c>
      <c r="BM20" s="280">
        <v>8</v>
      </c>
      <c r="BN20" s="280">
        <v>7</v>
      </c>
      <c r="BO20" s="277">
        <v>110</v>
      </c>
      <c r="BP20" s="282">
        <v>110</v>
      </c>
      <c r="BQ20" s="276">
        <v>5</v>
      </c>
      <c r="BR20" s="280">
        <v>6</v>
      </c>
      <c r="BS20" s="277">
        <v>11</v>
      </c>
      <c r="BT20" s="279">
        <v>0</v>
      </c>
      <c r="BU20" s="280">
        <v>11</v>
      </c>
      <c r="BV20" s="280">
        <v>14</v>
      </c>
      <c r="BW20" s="280">
        <v>4</v>
      </c>
      <c r="BX20" s="280">
        <v>7</v>
      </c>
      <c r="BY20" s="280">
        <v>3</v>
      </c>
      <c r="BZ20" s="277">
        <v>39</v>
      </c>
      <c r="CA20" s="282">
        <v>50</v>
      </c>
      <c r="CB20" s="276">
        <v>0</v>
      </c>
      <c r="CC20" s="280">
        <v>0</v>
      </c>
      <c r="CD20" s="277">
        <v>0</v>
      </c>
      <c r="CE20" s="279">
        <v>0</v>
      </c>
      <c r="CF20" s="280">
        <v>2</v>
      </c>
      <c r="CG20" s="280">
        <v>9</v>
      </c>
      <c r="CH20" s="280">
        <v>8</v>
      </c>
      <c r="CI20" s="280">
        <v>10</v>
      </c>
      <c r="CJ20" s="280">
        <v>6</v>
      </c>
      <c r="CK20" s="277">
        <v>35</v>
      </c>
      <c r="CL20" s="282">
        <v>35</v>
      </c>
      <c r="CM20" s="276">
        <v>0</v>
      </c>
      <c r="CN20" s="280">
        <v>0</v>
      </c>
      <c r="CO20" s="277">
        <v>0</v>
      </c>
      <c r="CP20" s="279">
        <v>0</v>
      </c>
      <c r="CQ20" s="280">
        <v>0</v>
      </c>
      <c r="CR20" s="280">
        <v>1</v>
      </c>
      <c r="CS20" s="280">
        <v>0</v>
      </c>
      <c r="CT20" s="280">
        <v>0</v>
      </c>
      <c r="CU20" s="280">
        <v>0</v>
      </c>
      <c r="CV20" s="277">
        <v>1</v>
      </c>
      <c r="CW20" s="282">
        <v>1</v>
      </c>
      <c r="CX20" s="276">
        <v>0</v>
      </c>
      <c r="CY20" s="280">
        <v>0</v>
      </c>
      <c r="CZ20" s="277">
        <v>0</v>
      </c>
      <c r="DA20" s="279">
        <v>0</v>
      </c>
      <c r="DB20" s="280">
        <v>0</v>
      </c>
      <c r="DC20" s="280">
        <v>0</v>
      </c>
      <c r="DD20" s="280">
        <v>0</v>
      </c>
      <c r="DE20" s="280">
        <v>0</v>
      </c>
      <c r="DF20" s="280">
        <v>0</v>
      </c>
      <c r="DG20" s="277">
        <v>0</v>
      </c>
      <c r="DH20" s="282">
        <v>0</v>
      </c>
      <c r="DI20" s="276">
        <v>0</v>
      </c>
      <c r="DJ20" s="280">
        <v>0</v>
      </c>
      <c r="DK20" s="277">
        <v>0</v>
      </c>
      <c r="DL20" s="279">
        <v>0</v>
      </c>
      <c r="DM20" s="280">
        <v>0</v>
      </c>
      <c r="DN20" s="280">
        <v>0</v>
      </c>
      <c r="DO20" s="280">
        <v>0</v>
      </c>
      <c r="DP20" s="280">
        <v>0</v>
      </c>
      <c r="DQ20" s="280">
        <v>0</v>
      </c>
      <c r="DR20" s="277">
        <v>0</v>
      </c>
      <c r="DS20" s="282">
        <v>0</v>
      </c>
      <c r="DT20" s="276">
        <v>14</v>
      </c>
      <c r="DU20" s="280">
        <v>23</v>
      </c>
      <c r="DV20" s="277">
        <v>37</v>
      </c>
      <c r="DW20" s="279">
        <v>0</v>
      </c>
      <c r="DX20" s="280">
        <v>39</v>
      </c>
      <c r="DY20" s="280">
        <v>63</v>
      </c>
      <c r="DZ20" s="280">
        <v>42</v>
      </c>
      <c r="EA20" s="280">
        <v>30</v>
      </c>
      <c r="EB20" s="280">
        <v>27</v>
      </c>
      <c r="EC20" s="277">
        <v>201</v>
      </c>
      <c r="ED20" s="282">
        <v>238</v>
      </c>
      <c r="EE20" s="276">
        <v>4</v>
      </c>
      <c r="EF20" s="280">
        <v>2</v>
      </c>
      <c r="EG20" s="277">
        <v>6</v>
      </c>
      <c r="EH20" s="279">
        <v>0</v>
      </c>
      <c r="EI20" s="280">
        <v>16</v>
      </c>
      <c r="EJ20" s="280">
        <v>14</v>
      </c>
      <c r="EK20" s="280">
        <v>6</v>
      </c>
      <c r="EL20" s="280">
        <v>9</v>
      </c>
      <c r="EM20" s="280">
        <v>13</v>
      </c>
      <c r="EN20" s="277">
        <v>58</v>
      </c>
      <c r="EO20" s="282">
        <v>64</v>
      </c>
      <c r="EP20" s="276">
        <v>23</v>
      </c>
      <c r="EQ20" s="280">
        <v>28</v>
      </c>
      <c r="ER20" s="277">
        <v>51</v>
      </c>
      <c r="ES20" s="279">
        <v>0</v>
      </c>
      <c r="ET20" s="280">
        <v>93</v>
      </c>
      <c r="EU20" s="280">
        <v>101</v>
      </c>
      <c r="EV20" s="280">
        <v>51</v>
      </c>
      <c r="EW20" s="280">
        <v>39</v>
      </c>
      <c r="EX20" s="280">
        <v>24</v>
      </c>
      <c r="EY20" s="277">
        <v>308</v>
      </c>
      <c r="EZ20" s="282">
        <v>359</v>
      </c>
    </row>
    <row r="21" spans="2:156" ht="21" customHeight="1" x14ac:dyDescent="0.2">
      <c r="B21" s="261" t="s">
        <v>19</v>
      </c>
      <c r="C21" s="276">
        <v>0</v>
      </c>
      <c r="D21" s="280">
        <v>0</v>
      </c>
      <c r="E21" s="384">
        <v>0</v>
      </c>
      <c r="F21" s="279">
        <v>0</v>
      </c>
      <c r="G21" s="280">
        <v>6</v>
      </c>
      <c r="H21" s="280">
        <v>7</v>
      </c>
      <c r="I21" s="280">
        <v>3</v>
      </c>
      <c r="J21" s="280">
        <v>4</v>
      </c>
      <c r="K21" s="280">
        <v>6</v>
      </c>
      <c r="L21" s="281">
        <v>26</v>
      </c>
      <c r="M21" s="282">
        <v>26</v>
      </c>
      <c r="N21" s="276">
        <v>0</v>
      </c>
      <c r="O21" s="280">
        <v>0</v>
      </c>
      <c r="P21" s="277">
        <v>0</v>
      </c>
      <c r="Q21" s="279">
        <v>0</v>
      </c>
      <c r="R21" s="280">
        <v>0</v>
      </c>
      <c r="S21" s="280">
        <v>1</v>
      </c>
      <c r="T21" s="280">
        <v>1</v>
      </c>
      <c r="U21" s="280">
        <v>1</v>
      </c>
      <c r="V21" s="280">
        <v>2</v>
      </c>
      <c r="W21" s="277">
        <v>5</v>
      </c>
      <c r="X21" s="282">
        <v>5</v>
      </c>
      <c r="Y21" s="276">
        <v>2</v>
      </c>
      <c r="Z21" s="280">
        <v>4</v>
      </c>
      <c r="AA21" s="277">
        <v>6</v>
      </c>
      <c r="AB21" s="279">
        <v>0</v>
      </c>
      <c r="AC21" s="280">
        <v>12</v>
      </c>
      <c r="AD21" s="280">
        <v>7</v>
      </c>
      <c r="AE21" s="280">
        <v>5</v>
      </c>
      <c r="AF21" s="280">
        <v>10</v>
      </c>
      <c r="AG21" s="280">
        <v>5</v>
      </c>
      <c r="AH21" s="277">
        <v>39</v>
      </c>
      <c r="AI21" s="282">
        <v>45</v>
      </c>
      <c r="AJ21" s="276">
        <v>1</v>
      </c>
      <c r="AK21" s="280">
        <v>0</v>
      </c>
      <c r="AL21" s="277">
        <v>1</v>
      </c>
      <c r="AM21" s="279">
        <v>0</v>
      </c>
      <c r="AN21" s="280">
        <v>3</v>
      </c>
      <c r="AO21" s="280">
        <v>0</v>
      </c>
      <c r="AP21" s="280">
        <v>1</v>
      </c>
      <c r="AQ21" s="280">
        <v>1</v>
      </c>
      <c r="AR21" s="280">
        <v>0</v>
      </c>
      <c r="AS21" s="277">
        <v>5</v>
      </c>
      <c r="AT21" s="282">
        <v>6</v>
      </c>
      <c r="AU21" s="276">
        <v>1</v>
      </c>
      <c r="AV21" s="280">
        <v>4</v>
      </c>
      <c r="AW21" s="277">
        <v>5</v>
      </c>
      <c r="AX21" s="279">
        <v>0</v>
      </c>
      <c r="AY21" s="280">
        <v>14</v>
      </c>
      <c r="AZ21" s="280">
        <v>15</v>
      </c>
      <c r="BA21" s="280">
        <v>7</v>
      </c>
      <c r="BB21" s="280">
        <v>16</v>
      </c>
      <c r="BC21" s="280">
        <v>8</v>
      </c>
      <c r="BD21" s="281">
        <v>60</v>
      </c>
      <c r="BE21" s="282">
        <v>65</v>
      </c>
      <c r="BF21" s="276">
        <v>0</v>
      </c>
      <c r="BG21" s="280">
        <v>0</v>
      </c>
      <c r="BH21" s="277">
        <v>0</v>
      </c>
      <c r="BI21" s="279">
        <v>0</v>
      </c>
      <c r="BJ21" s="280">
        <v>13</v>
      </c>
      <c r="BK21" s="280">
        <v>6</v>
      </c>
      <c r="BL21" s="280">
        <v>5</v>
      </c>
      <c r="BM21" s="280">
        <v>4</v>
      </c>
      <c r="BN21" s="280">
        <v>4</v>
      </c>
      <c r="BO21" s="277">
        <v>32</v>
      </c>
      <c r="BP21" s="282">
        <v>32</v>
      </c>
      <c r="BQ21" s="276">
        <v>0</v>
      </c>
      <c r="BR21" s="280">
        <v>5</v>
      </c>
      <c r="BS21" s="277">
        <v>5</v>
      </c>
      <c r="BT21" s="279">
        <v>0</v>
      </c>
      <c r="BU21" s="280">
        <v>7</v>
      </c>
      <c r="BV21" s="280">
        <v>2</v>
      </c>
      <c r="BW21" s="280">
        <v>5</v>
      </c>
      <c r="BX21" s="280">
        <v>4</v>
      </c>
      <c r="BY21" s="280">
        <v>1</v>
      </c>
      <c r="BZ21" s="277">
        <v>19</v>
      </c>
      <c r="CA21" s="282">
        <v>24</v>
      </c>
      <c r="CB21" s="276">
        <v>0</v>
      </c>
      <c r="CC21" s="280">
        <v>1</v>
      </c>
      <c r="CD21" s="277">
        <v>1</v>
      </c>
      <c r="CE21" s="279">
        <v>0</v>
      </c>
      <c r="CF21" s="280">
        <v>0</v>
      </c>
      <c r="CG21" s="280">
        <v>3</v>
      </c>
      <c r="CH21" s="280">
        <v>1</v>
      </c>
      <c r="CI21" s="280">
        <v>1</v>
      </c>
      <c r="CJ21" s="280">
        <v>2</v>
      </c>
      <c r="CK21" s="277">
        <v>7</v>
      </c>
      <c r="CL21" s="282">
        <v>8</v>
      </c>
      <c r="CM21" s="276">
        <v>0</v>
      </c>
      <c r="CN21" s="280">
        <v>0</v>
      </c>
      <c r="CO21" s="277">
        <v>0</v>
      </c>
      <c r="CP21" s="279">
        <v>0</v>
      </c>
      <c r="CQ21" s="280">
        <v>0</v>
      </c>
      <c r="CR21" s="280">
        <v>0</v>
      </c>
      <c r="CS21" s="280">
        <v>1</v>
      </c>
      <c r="CT21" s="280">
        <v>1</v>
      </c>
      <c r="CU21" s="280">
        <v>0</v>
      </c>
      <c r="CV21" s="277">
        <v>2</v>
      </c>
      <c r="CW21" s="282">
        <v>2</v>
      </c>
      <c r="CX21" s="276">
        <v>0</v>
      </c>
      <c r="CY21" s="280">
        <v>0</v>
      </c>
      <c r="CZ21" s="277">
        <v>0</v>
      </c>
      <c r="DA21" s="279">
        <v>0</v>
      </c>
      <c r="DB21" s="280">
        <v>0</v>
      </c>
      <c r="DC21" s="280">
        <v>0</v>
      </c>
      <c r="DD21" s="280">
        <v>0</v>
      </c>
      <c r="DE21" s="280">
        <v>0</v>
      </c>
      <c r="DF21" s="280">
        <v>0</v>
      </c>
      <c r="DG21" s="277">
        <v>0</v>
      </c>
      <c r="DH21" s="282">
        <v>0</v>
      </c>
      <c r="DI21" s="276">
        <v>0</v>
      </c>
      <c r="DJ21" s="280">
        <v>0</v>
      </c>
      <c r="DK21" s="277">
        <v>0</v>
      </c>
      <c r="DL21" s="279">
        <v>0</v>
      </c>
      <c r="DM21" s="280">
        <v>0</v>
      </c>
      <c r="DN21" s="280">
        <v>0</v>
      </c>
      <c r="DO21" s="280">
        <v>0</v>
      </c>
      <c r="DP21" s="280">
        <v>0</v>
      </c>
      <c r="DQ21" s="280">
        <v>0</v>
      </c>
      <c r="DR21" s="277">
        <v>0</v>
      </c>
      <c r="DS21" s="282">
        <v>0</v>
      </c>
      <c r="DT21" s="276">
        <v>6</v>
      </c>
      <c r="DU21" s="280">
        <v>10</v>
      </c>
      <c r="DV21" s="277">
        <v>16</v>
      </c>
      <c r="DW21" s="279">
        <v>0</v>
      </c>
      <c r="DX21" s="280">
        <v>17</v>
      </c>
      <c r="DY21" s="280">
        <v>17</v>
      </c>
      <c r="DZ21" s="280">
        <v>16</v>
      </c>
      <c r="EA21" s="280">
        <v>15</v>
      </c>
      <c r="EB21" s="280">
        <v>8</v>
      </c>
      <c r="EC21" s="277">
        <v>73</v>
      </c>
      <c r="ED21" s="282">
        <v>89</v>
      </c>
      <c r="EE21" s="276">
        <v>0</v>
      </c>
      <c r="EF21" s="280">
        <v>3</v>
      </c>
      <c r="EG21" s="277">
        <v>3</v>
      </c>
      <c r="EH21" s="279">
        <v>0</v>
      </c>
      <c r="EI21" s="280">
        <v>8</v>
      </c>
      <c r="EJ21" s="280">
        <v>8</v>
      </c>
      <c r="EK21" s="280">
        <v>2</v>
      </c>
      <c r="EL21" s="280">
        <v>5</v>
      </c>
      <c r="EM21" s="280">
        <v>1</v>
      </c>
      <c r="EN21" s="277">
        <v>24</v>
      </c>
      <c r="EO21" s="282">
        <v>27</v>
      </c>
      <c r="EP21" s="276">
        <v>8</v>
      </c>
      <c r="EQ21" s="280">
        <v>15</v>
      </c>
      <c r="ER21" s="277">
        <v>23</v>
      </c>
      <c r="ES21" s="279">
        <v>0</v>
      </c>
      <c r="ET21" s="280">
        <v>40</v>
      </c>
      <c r="EU21" s="280">
        <v>27</v>
      </c>
      <c r="EV21" s="280">
        <v>17</v>
      </c>
      <c r="EW21" s="280">
        <v>17</v>
      </c>
      <c r="EX21" s="280">
        <v>8</v>
      </c>
      <c r="EY21" s="277">
        <v>109</v>
      </c>
      <c r="EZ21" s="282">
        <v>132</v>
      </c>
    </row>
    <row r="22" spans="2:156" ht="21" customHeight="1" x14ac:dyDescent="0.2">
      <c r="B22" s="261" t="s">
        <v>20</v>
      </c>
      <c r="C22" s="276">
        <v>0</v>
      </c>
      <c r="D22" s="280">
        <v>0</v>
      </c>
      <c r="E22" s="384">
        <v>0</v>
      </c>
      <c r="F22" s="279">
        <v>0</v>
      </c>
      <c r="G22" s="280">
        <v>12</v>
      </c>
      <c r="H22" s="280">
        <v>10</v>
      </c>
      <c r="I22" s="280">
        <v>8</v>
      </c>
      <c r="J22" s="280">
        <v>5</v>
      </c>
      <c r="K22" s="280">
        <v>5</v>
      </c>
      <c r="L22" s="281">
        <v>40</v>
      </c>
      <c r="M22" s="282">
        <v>40</v>
      </c>
      <c r="N22" s="276">
        <v>0</v>
      </c>
      <c r="O22" s="280">
        <v>0</v>
      </c>
      <c r="P22" s="277">
        <v>0</v>
      </c>
      <c r="Q22" s="279">
        <v>0</v>
      </c>
      <c r="R22" s="280">
        <v>0</v>
      </c>
      <c r="S22" s="280">
        <v>1</v>
      </c>
      <c r="T22" s="280">
        <v>0</v>
      </c>
      <c r="U22" s="280">
        <v>1</v>
      </c>
      <c r="V22" s="280">
        <v>1</v>
      </c>
      <c r="W22" s="277">
        <v>3</v>
      </c>
      <c r="X22" s="282">
        <v>3</v>
      </c>
      <c r="Y22" s="276">
        <v>4</v>
      </c>
      <c r="Z22" s="280">
        <v>5</v>
      </c>
      <c r="AA22" s="277">
        <v>9</v>
      </c>
      <c r="AB22" s="279">
        <v>0</v>
      </c>
      <c r="AC22" s="280">
        <v>14</v>
      </c>
      <c r="AD22" s="280">
        <v>16</v>
      </c>
      <c r="AE22" s="280">
        <v>11</v>
      </c>
      <c r="AF22" s="280">
        <v>1</v>
      </c>
      <c r="AG22" s="280">
        <v>2</v>
      </c>
      <c r="AH22" s="277">
        <v>44</v>
      </c>
      <c r="AI22" s="282">
        <v>53</v>
      </c>
      <c r="AJ22" s="276">
        <v>0</v>
      </c>
      <c r="AK22" s="280">
        <v>3</v>
      </c>
      <c r="AL22" s="277">
        <v>3</v>
      </c>
      <c r="AM22" s="279">
        <v>0</v>
      </c>
      <c r="AN22" s="280">
        <v>5</v>
      </c>
      <c r="AO22" s="280">
        <v>6</v>
      </c>
      <c r="AP22" s="280">
        <v>1</v>
      </c>
      <c r="AQ22" s="280">
        <v>1</v>
      </c>
      <c r="AR22" s="280">
        <v>1</v>
      </c>
      <c r="AS22" s="277">
        <v>14</v>
      </c>
      <c r="AT22" s="282">
        <v>17</v>
      </c>
      <c r="AU22" s="276">
        <v>2</v>
      </c>
      <c r="AV22" s="280">
        <v>1</v>
      </c>
      <c r="AW22" s="277">
        <v>3</v>
      </c>
      <c r="AX22" s="279">
        <v>0</v>
      </c>
      <c r="AY22" s="280">
        <v>12</v>
      </c>
      <c r="AZ22" s="280">
        <v>17</v>
      </c>
      <c r="BA22" s="280">
        <v>6</v>
      </c>
      <c r="BB22" s="280">
        <v>11</v>
      </c>
      <c r="BC22" s="280">
        <v>6</v>
      </c>
      <c r="BD22" s="281">
        <v>52</v>
      </c>
      <c r="BE22" s="282">
        <v>55</v>
      </c>
      <c r="BF22" s="276">
        <v>0</v>
      </c>
      <c r="BG22" s="280">
        <v>0</v>
      </c>
      <c r="BH22" s="277">
        <v>0</v>
      </c>
      <c r="BI22" s="279">
        <v>0</v>
      </c>
      <c r="BJ22" s="280">
        <v>11</v>
      </c>
      <c r="BK22" s="280">
        <v>10</v>
      </c>
      <c r="BL22" s="280">
        <v>9</v>
      </c>
      <c r="BM22" s="280">
        <v>3</v>
      </c>
      <c r="BN22" s="280">
        <v>2</v>
      </c>
      <c r="BO22" s="277">
        <v>35</v>
      </c>
      <c r="BP22" s="282">
        <v>35</v>
      </c>
      <c r="BQ22" s="276">
        <v>1</v>
      </c>
      <c r="BR22" s="280">
        <v>2</v>
      </c>
      <c r="BS22" s="277">
        <v>3</v>
      </c>
      <c r="BT22" s="279">
        <v>0</v>
      </c>
      <c r="BU22" s="280">
        <v>8</v>
      </c>
      <c r="BV22" s="280">
        <v>12</v>
      </c>
      <c r="BW22" s="280">
        <v>5</v>
      </c>
      <c r="BX22" s="280">
        <v>3</v>
      </c>
      <c r="BY22" s="280">
        <v>2</v>
      </c>
      <c r="BZ22" s="277">
        <v>30</v>
      </c>
      <c r="CA22" s="282">
        <v>33</v>
      </c>
      <c r="CB22" s="276">
        <v>0</v>
      </c>
      <c r="CC22" s="280">
        <v>1</v>
      </c>
      <c r="CD22" s="277">
        <v>1</v>
      </c>
      <c r="CE22" s="279">
        <v>0</v>
      </c>
      <c r="CF22" s="280">
        <v>4</v>
      </c>
      <c r="CG22" s="280">
        <v>2</v>
      </c>
      <c r="CH22" s="280">
        <v>3</v>
      </c>
      <c r="CI22" s="280">
        <v>4</v>
      </c>
      <c r="CJ22" s="280">
        <v>1</v>
      </c>
      <c r="CK22" s="277">
        <v>14</v>
      </c>
      <c r="CL22" s="282">
        <v>15</v>
      </c>
      <c r="CM22" s="276">
        <v>0</v>
      </c>
      <c r="CN22" s="280">
        <v>0</v>
      </c>
      <c r="CO22" s="277">
        <v>0</v>
      </c>
      <c r="CP22" s="279">
        <v>0</v>
      </c>
      <c r="CQ22" s="280">
        <v>0</v>
      </c>
      <c r="CR22" s="280">
        <v>1</v>
      </c>
      <c r="CS22" s="280">
        <v>1</v>
      </c>
      <c r="CT22" s="280">
        <v>0</v>
      </c>
      <c r="CU22" s="280">
        <v>0</v>
      </c>
      <c r="CV22" s="277">
        <v>2</v>
      </c>
      <c r="CW22" s="282">
        <v>2</v>
      </c>
      <c r="CX22" s="276">
        <v>0</v>
      </c>
      <c r="CY22" s="280">
        <v>0</v>
      </c>
      <c r="CZ22" s="277">
        <v>0</v>
      </c>
      <c r="DA22" s="279">
        <v>0</v>
      </c>
      <c r="DB22" s="280">
        <v>0</v>
      </c>
      <c r="DC22" s="280">
        <v>0</v>
      </c>
      <c r="DD22" s="280">
        <v>0</v>
      </c>
      <c r="DE22" s="280">
        <v>0</v>
      </c>
      <c r="DF22" s="280">
        <v>0</v>
      </c>
      <c r="DG22" s="277">
        <v>0</v>
      </c>
      <c r="DH22" s="282">
        <v>0</v>
      </c>
      <c r="DI22" s="276">
        <v>0</v>
      </c>
      <c r="DJ22" s="280">
        <v>0</v>
      </c>
      <c r="DK22" s="277">
        <v>0</v>
      </c>
      <c r="DL22" s="279">
        <v>0</v>
      </c>
      <c r="DM22" s="280">
        <v>0</v>
      </c>
      <c r="DN22" s="280">
        <v>0</v>
      </c>
      <c r="DO22" s="280">
        <v>0</v>
      </c>
      <c r="DP22" s="280">
        <v>0</v>
      </c>
      <c r="DQ22" s="280">
        <v>0</v>
      </c>
      <c r="DR22" s="277">
        <v>0</v>
      </c>
      <c r="DS22" s="282">
        <v>0</v>
      </c>
      <c r="DT22" s="276">
        <v>7</v>
      </c>
      <c r="DU22" s="280">
        <v>21</v>
      </c>
      <c r="DV22" s="277">
        <v>28</v>
      </c>
      <c r="DW22" s="279">
        <v>0</v>
      </c>
      <c r="DX22" s="280">
        <v>29</v>
      </c>
      <c r="DY22" s="280">
        <v>32</v>
      </c>
      <c r="DZ22" s="280">
        <v>19</v>
      </c>
      <c r="EA22" s="280">
        <v>10</v>
      </c>
      <c r="EB22" s="280">
        <v>7</v>
      </c>
      <c r="EC22" s="277">
        <v>97</v>
      </c>
      <c r="ED22" s="282">
        <v>125</v>
      </c>
      <c r="EE22" s="276">
        <v>2</v>
      </c>
      <c r="EF22" s="280">
        <v>1</v>
      </c>
      <c r="EG22" s="277">
        <v>3</v>
      </c>
      <c r="EH22" s="279">
        <v>0</v>
      </c>
      <c r="EI22" s="280">
        <v>1</v>
      </c>
      <c r="EJ22" s="280">
        <v>5</v>
      </c>
      <c r="EK22" s="280">
        <v>3</v>
      </c>
      <c r="EL22" s="280">
        <v>7</v>
      </c>
      <c r="EM22" s="280">
        <v>1</v>
      </c>
      <c r="EN22" s="277">
        <v>17</v>
      </c>
      <c r="EO22" s="282">
        <v>20</v>
      </c>
      <c r="EP22" s="276">
        <v>12</v>
      </c>
      <c r="EQ22" s="280">
        <v>26</v>
      </c>
      <c r="ER22" s="277">
        <v>38</v>
      </c>
      <c r="ES22" s="279">
        <v>0</v>
      </c>
      <c r="ET22" s="280">
        <v>54</v>
      </c>
      <c r="EU22" s="280">
        <v>46</v>
      </c>
      <c r="EV22" s="280">
        <v>22</v>
      </c>
      <c r="EW22" s="280">
        <v>11</v>
      </c>
      <c r="EX22" s="280">
        <v>8</v>
      </c>
      <c r="EY22" s="277">
        <v>141</v>
      </c>
      <c r="EZ22" s="282">
        <v>179</v>
      </c>
    </row>
    <row r="23" spans="2:156" ht="21" customHeight="1" x14ac:dyDescent="0.2">
      <c r="B23" s="261" t="s">
        <v>21</v>
      </c>
      <c r="C23" s="276">
        <v>0</v>
      </c>
      <c r="D23" s="280">
        <v>0</v>
      </c>
      <c r="E23" s="384">
        <v>0</v>
      </c>
      <c r="F23" s="279">
        <v>0</v>
      </c>
      <c r="G23" s="280">
        <v>13</v>
      </c>
      <c r="H23" s="280">
        <v>12</v>
      </c>
      <c r="I23" s="280">
        <v>7</v>
      </c>
      <c r="J23" s="280">
        <v>6</v>
      </c>
      <c r="K23" s="280">
        <v>5</v>
      </c>
      <c r="L23" s="281">
        <v>43</v>
      </c>
      <c r="M23" s="282">
        <v>43</v>
      </c>
      <c r="N23" s="276">
        <v>0</v>
      </c>
      <c r="O23" s="280">
        <v>0</v>
      </c>
      <c r="P23" s="277">
        <v>0</v>
      </c>
      <c r="Q23" s="279">
        <v>0</v>
      </c>
      <c r="R23" s="280">
        <v>0</v>
      </c>
      <c r="S23" s="280">
        <v>1</v>
      </c>
      <c r="T23" s="280">
        <v>1</v>
      </c>
      <c r="U23" s="280">
        <v>2</v>
      </c>
      <c r="V23" s="280">
        <v>3</v>
      </c>
      <c r="W23" s="277">
        <v>7</v>
      </c>
      <c r="X23" s="282">
        <v>7</v>
      </c>
      <c r="Y23" s="276">
        <v>4</v>
      </c>
      <c r="Z23" s="280">
        <v>1</v>
      </c>
      <c r="AA23" s="277">
        <v>5</v>
      </c>
      <c r="AB23" s="279">
        <v>0</v>
      </c>
      <c r="AC23" s="280">
        <v>8</v>
      </c>
      <c r="AD23" s="280">
        <v>9</v>
      </c>
      <c r="AE23" s="280">
        <v>6</v>
      </c>
      <c r="AF23" s="280">
        <v>5</v>
      </c>
      <c r="AG23" s="280">
        <v>4</v>
      </c>
      <c r="AH23" s="277">
        <v>32</v>
      </c>
      <c r="AI23" s="282">
        <v>37</v>
      </c>
      <c r="AJ23" s="276">
        <v>1</v>
      </c>
      <c r="AK23" s="280">
        <v>0</v>
      </c>
      <c r="AL23" s="277">
        <v>1</v>
      </c>
      <c r="AM23" s="279">
        <v>0</v>
      </c>
      <c r="AN23" s="280">
        <v>0</v>
      </c>
      <c r="AO23" s="280">
        <v>1</v>
      </c>
      <c r="AP23" s="280">
        <v>0</v>
      </c>
      <c r="AQ23" s="280">
        <v>2</v>
      </c>
      <c r="AR23" s="280">
        <v>1</v>
      </c>
      <c r="AS23" s="277">
        <v>4</v>
      </c>
      <c r="AT23" s="282">
        <v>5</v>
      </c>
      <c r="AU23" s="276">
        <v>5</v>
      </c>
      <c r="AV23" s="280">
        <v>2</v>
      </c>
      <c r="AW23" s="277">
        <v>7</v>
      </c>
      <c r="AX23" s="279">
        <v>0</v>
      </c>
      <c r="AY23" s="280">
        <v>15</v>
      </c>
      <c r="AZ23" s="280">
        <v>18</v>
      </c>
      <c r="BA23" s="280">
        <v>13</v>
      </c>
      <c r="BB23" s="280">
        <v>15</v>
      </c>
      <c r="BC23" s="280">
        <v>6</v>
      </c>
      <c r="BD23" s="281">
        <v>67</v>
      </c>
      <c r="BE23" s="282">
        <v>74</v>
      </c>
      <c r="BF23" s="276">
        <v>0</v>
      </c>
      <c r="BG23" s="280">
        <v>0</v>
      </c>
      <c r="BH23" s="277">
        <v>0</v>
      </c>
      <c r="BI23" s="279">
        <v>0</v>
      </c>
      <c r="BJ23" s="280">
        <v>18</v>
      </c>
      <c r="BK23" s="280">
        <v>12</v>
      </c>
      <c r="BL23" s="280">
        <v>5</v>
      </c>
      <c r="BM23" s="280">
        <v>6</v>
      </c>
      <c r="BN23" s="280">
        <v>4</v>
      </c>
      <c r="BO23" s="277">
        <v>45</v>
      </c>
      <c r="BP23" s="282">
        <v>45</v>
      </c>
      <c r="BQ23" s="276">
        <v>1</v>
      </c>
      <c r="BR23" s="280">
        <v>1</v>
      </c>
      <c r="BS23" s="277">
        <v>2</v>
      </c>
      <c r="BT23" s="279">
        <v>0</v>
      </c>
      <c r="BU23" s="280">
        <v>0</v>
      </c>
      <c r="BV23" s="280">
        <v>5</v>
      </c>
      <c r="BW23" s="280">
        <v>0</v>
      </c>
      <c r="BX23" s="280">
        <v>0</v>
      </c>
      <c r="BY23" s="280">
        <v>2</v>
      </c>
      <c r="BZ23" s="277">
        <v>7</v>
      </c>
      <c r="CA23" s="282">
        <v>9</v>
      </c>
      <c r="CB23" s="276">
        <v>1</v>
      </c>
      <c r="CC23" s="280">
        <v>1</v>
      </c>
      <c r="CD23" s="277">
        <v>2</v>
      </c>
      <c r="CE23" s="279">
        <v>0</v>
      </c>
      <c r="CF23" s="280">
        <v>2</v>
      </c>
      <c r="CG23" s="280">
        <v>5</v>
      </c>
      <c r="CH23" s="280">
        <v>4</v>
      </c>
      <c r="CI23" s="280">
        <v>4</v>
      </c>
      <c r="CJ23" s="280">
        <v>3</v>
      </c>
      <c r="CK23" s="277">
        <v>18</v>
      </c>
      <c r="CL23" s="282">
        <v>20</v>
      </c>
      <c r="CM23" s="276">
        <v>0</v>
      </c>
      <c r="CN23" s="280">
        <v>0</v>
      </c>
      <c r="CO23" s="277">
        <v>0</v>
      </c>
      <c r="CP23" s="279">
        <v>0</v>
      </c>
      <c r="CQ23" s="280">
        <v>0</v>
      </c>
      <c r="CR23" s="280">
        <v>1</v>
      </c>
      <c r="CS23" s="280">
        <v>0</v>
      </c>
      <c r="CT23" s="280">
        <v>0</v>
      </c>
      <c r="CU23" s="280">
        <v>0</v>
      </c>
      <c r="CV23" s="277">
        <v>1</v>
      </c>
      <c r="CW23" s="282">
        <v>1</v>
      </c>
      <c r="CX23" s="276">
        <v>0</v>
      </c>
      <c r="CY23" s="280">
        <v>0</v>
      </c>
      <c r="CZ23" s="277">
        <v>0</v>
      </c>
      <c r="DA23" s="279">
        <v>0</v>
      </c>
      <c r="DB23" s="280">
        <v>0</v>
      </c>
      <c r="DC23" s="280">
        <v>0</v>
      </c>
      <c r="DD23" s="280">
        <v>0</v>
      </c>
      <c r="DE23" s="280">
        <v>0</v>
      </c>
      <c r="DF23" s="280">
        <v>0</v>
      </c>
      <c r="DG23" s="277">
        <v>0</v>
      </c>
      <c r="DH23" s="282">
        <v>0</v>
      </c>
      <c r="DI23" s="276">
        <v>0</v>
      </c>
      <c r="DJ23" s="280">
        <v>0</v>
      </c>
      <c r="DK23" s="277">
        <v>0</v>
      </c>
      <c r="DL23" s="279">
        <v>0</v>
      </c>
      <c r="DM23" s="280">
        <v>0</v>
      </c>
      <c r="DN23" s="280">
        <v>0</v>
      </c>
      <c r="DO23" s="280">
        <v>0</v>
      </c>
      <c r="DP23" s="280">
        <v>0</v>
      </c>
      <c r="DQ23" s="280">
        <v>0</v>
      </c>
      <c r="DR23" s="277">
        <v>0</v>
      </c>
      <c r="DS23" s="282">
        <v>0</v>
      </c>
      <c r="DT23" s="276">
        <v>10</v>
      </c>
      <c r="DU23" s="280">
        <v>8</v>
      </c>
      <c r="DV23" s="277">
        <v>18</v>
      </c>
      <c r="DW23" s="279">
        <v>0</v>
      </c>
      <c r="DX23" s="280">
        <v>13</v>
      </c>
      <c r="DY23" s="280">
        <v>32</v>
      </c>
      <c r="DZ23" s="280">
        <v>11</v>
      </c>
      <c r="EA23" s="280">
        <v>16</v>
      </c>
      <c r="EB23" s="280">
        <v>5</v>
      </c>
      <c r="EC23" s="277">
        <v>77</v>
      </c>
      <c r="ED23" s="282">
        <v>95</v>
      </c>
      <c r="EE23" s="276">
        <v>3</v>
      </c>
      <c r="EF23" s="280">
        <v>1</v>
      </c>
      <c r="EG23" s="277">
        <v>4</v>
      </c>
      <c r="EH23" s="279">
        <v>0</v>
      </c>
      <c r="EI23" s="280">
        <v>6</v>
      </c>
      <c r="EJ23" s="280">
        <v>3</v>
      </c>
      <c r="EK23" s="280">
        <v>7</v>
      </c>
      <c r="EL23" s="280">
        <v>6</v>
      </c>
      <c r="EM23" s="280">
        <v>0</v>
      </c>
      <c r="EN23" s="277">
        <v>22</v>
      </c>
      <c r="EO23" s="282">
        <v>26</v>
      </c>
      <c r="EP23" s="276">
        <v>15</v>
      </c>
      <c r="EQ23" s="280">
        <v>10</v>
      </c>
      <c r="ER23" s="277">
        <v>25</v>
      </c>
      <c r="ES23" s="279">
        <v>0</v>
      </c>
      <c r="ET23" s="280">
        <v>44</v>
      </c>
      <c r="EU23" s="280">
        <v>39</v>
      </c>
      <c r="EV23" s="280">
        <v>18</v>
      </c>
      <c r="EW23" s="280">
        <v>14</v>
      </c>
      <c r="EX23" s="280">
        <v>9</v>
      </c>
      <c r="EY23" s="277">
        <v>124</v>
      </c>
      <c r="EZ23" s="282">
        <v>149</v>
      </c>
    </row>
    <row r="24" spans="2:156" ht="21" customHeight="1" x14ac:dyDescent="0.2">
      <c r="B24" s="261" t="s">
        <v>22</v>
      </c>
      <c r="C24" s="276">
        <v>0</v>
      </c>
      <c r="D24" s="280">
        <v>0</v>
      </c>
      <c r="E24" s="384">
        <v>0</v>
      </c>
      <c r="F24" s="279">
        <v>0</v>
      </c>
      <c r="G24" s="280">
        <v>6</v>
      </c>
      <c r="H24" s="280">
        <v>1</v>
      </c>
      <c r="I24" s="280">
        <v>2</v>
      </c>
      <c r="J24" s="280">
        <v>1</v>
      </c>
      <c r="K24" s="280">
        <v>3</v>
      </c>
      <c r="L24" s="281">
        <v>13</v>
      </c>
      <c r="M24" s="282">
        <v>13</v>
      </c>
      <c r="N24" s="276">
        <v>0</v>
      </c>
      <c r="O24" s="280">
        <v>0</v>
      </c>
      <c r="P24" s="277">
        <v>0</v>
      </c>
      <c r="Q24" s="279">
        <v>0</v>
      </c>
      <c r="R24" s="280">
        <v>0</v>
      </c>
      <c r="S24" s="280">
        <v>0</v>
      </c>
      <c r="T24" s="280">
        <v>0</v>
      </c>
      <c r="U24" s="280">
        <v>0</v>
      </c>
      <c r="V24" s="280">
        <v>5</v>
      </c>
      <c r="W24" s="277">
        <v>5</v>
      </c>
      <c r="X24" s="282">
        <v>5</v>
      </c>
      <c r="Y24" s="276">
        <v>1</v>
      </c>
      <c r="Z24" s="280">
        <v>1</v>
      </c>
      <c r="AA24" s="277">
        <v>2</v>
      </c>
      <c r="AB24" s="279">
        <v>0</v>
      </c>
      <c r="AC24" s="280">
        <v>6</v>
      </c>
      <c r="AD24" s="280">
        <v>4</v>
      </c>
      <c r="AE24" s="280">
        <v>1</v>
      </c>
      <c r="AF24" s="280">
        <v>3</v>
      </c>
      <c r="AG24" s="280">
        <v>3</v>
      </c>
      <c r="AH24" s="277">
        <v>17</v>
      </c>
      <c r="AI24" s="282">
        <v>19</v>
      </c>
      <c r="AJ24" s="276">
        <v>0</v>
      </c>
      <c r="AK24" s="280">
        <v>0</v>
      </c>
      <c r="AL24" s="277">
        <v>0</v>
      </c>
      <c r="AM24" s="279">
        <v>0</v>
      </c>
      <c r="AN24" s="280">
        <v>3</v>
      </c>
      <c r="AO24" s="280">
        <v>1</v>
      </c>
      <c r="AP24" s="280">
        <v>0</v>
      </c>
      <c r="AQ24" s="280">
        <v>2</v>
      </c>
      <c r="AR24" s="280">
        <v>0</v>
      </c>
      <c r="AS24" s="277">
        <v>6</v>
      </c>
      <c r="AT24" s="282">
        <v>6</v>
      </c>
      <c r="AU24" s="276">
        <v>0</v>
      </c>
      <c r="AV24" s="280">
        <v>0</v>
      </c>
      <c r="AW24" s="277">
        <v>0</v>
      </c>
      <c r="AX24" s="279">
        <v>0</v>
      </c>
      <c r="AY24" s="280">
        <v>5</v>
      </c>
      <c r="AZ24" s="280">
        <v>3</v>
      </c>
      <c r="BA24" s="280">
        <v>1</v>
      </c>
      <c r="BB24" s="280">
        <v>6</v>
      </c>
      <c r="BC24" s="280">
        <v>2</v>
      </c>
      <c r="BD24" s="281">
        <v>17</v>
      </c>
      <c r="BE24" s="282">
        <v>17</v>
      </c>
      <c r="BF24" s="276">
        <v>0</v>
      </c>
      <c r="BG24" s="280">
        <v>0</v>
      </c>
      <c r="BH24" s="277">
        <v>0</v>
      </c>
      <c r="BI24" s="279">
        <v>0</v>
      </c>
      <c r="BJ24" s="280">
        <v>10</v>
      </c>
      <c r="BK24" s="280">
        <v>3</v>
      </c>
      <c r="BL24" s="280">
        <v>1</v>
      </c>
      <c r="BM24" s="280">
        <v>2</v>
      </c>
      <c r="BN24" s="280">
        <v>3</v>
      </c>
      <c r="BO24" s="277">
        <v>19</v>
      </c>
      <c r="BP24" s="282">
        <v>19</v>
      </c>
      <c r="BQ24" s="276">
        <v>0</v>
      </c>
      <c r="BR24" s="280">
        <v>0</v>
      </c>
      <c r="BS24" s="277">
        <v>0</v>
      </c>
      <c r="BT24" s="279">
        <v>0</v>
      </c>
      <c r="BU24" s="280">
        <v>1</v>
      </c>
      <c r="BV24" s="280">
        <v>0</v>
      </c>
      <c r="BW24" s="280">
        <v>1</v>
      </c>
      <c r="BX24" s="280">
        <v>1</v>
      </c>
      <c r="BY24" s="280">
        <v>0</v>
      </c>
      <c r="BZ24" s="277">
        <v>3</v>
      </c>
      <c r="CA24" s="282">
        <v>3</v>
      </c>
      <c r="CB24" s="276">
        <v>0</v>
      </c>
      <c r="CC24" s="280">
        <v>0</v>
      </c>
      <c r="CD24" s="277">
        <v>0</v>
      </c>
      <c r="CE24" s="279">
        <v>0</v>
      </c>
      <c r="CF24" s="280">
        <v>1</v>
      </c>
      <c r="CG24" s="280">
        <v>0</v>
      </c>
      <c r="CH24" s="280">
        <v>3</v>
      </c>
      <c r="CI24" s="280">
        <v>0</v>
      </c>
      <c r="CJ24" s="280">
        <v>0</v>
      </c>
      <c r="CK24" s="277">
        <v>4</v>
      </c>
      <c r="CL24" s="282">
        <v>4</v>
      </c>
      <c r="CM24" s="276">
        <v>0</v>
      </c>
      <c r="CN24" s="280">
        <v>0</v>
      </c>
      <c r="CO24" s="277">
        <v>0</v>
      </c>
      <c r="CP24" s="279">
        <v>0</v>
      </c>
      <c r="CQ24" s="280">
        <v>0</v>
      </c>
      <c r="CR24" s="280">
        <v>0</v>
      </c>
      <c r="CS24" s="280">
        <v>1</v>
      </c>
      <c r="CT24" s="280">
        <v>0</v>
      </c>
      <c r="CU24" s="280">
        <v>0</v>
      </c>
      <c r="CV24" s="277">
        <v>1</v>
      </c>
      <c r="CW24" s="282">
        <v>1</v>
      </c>
      <c r="CX24" s="276">
        <v>0</v>
      </c>
      <c r="CY24" s="280">
        <v>0</v>
      </c>
      <c r="CZ24" s="277">
        <v>0</v>
      </c>
      <c r="DA24" s="279">
        <v>0</v>
      </c>
      <c r="DB24" s="280">
        <v>0</v>
      </c>
      <c r="DC24" s="280">
        <v>0</v>
      </c>
      <c r="DD24" s="280">
        <v>0</v>
      </c>
      <c r="DE24" s="280">
        <v>0</v>
      </c>
      <c r="DF24" s="280">
        <v>0</v>
      </c>
      <c r="DG24" s="277">
        <v>0</v>
      </c>
      <c r="DH24" s="282">
        <v>0</v>
      </c>
      <c r="DI24" s="276">
        <v>0</v>
      </c>
      <c r="DJ24" s="280">
        <v>0</v>
      </c>
      <c r="DK24" s="277">
        <v>0</v>
      </c>
      <c r="DL24" s="279">
        <v>0</v>
      </c>
      <c r="DM24" s="280">
        <v>0</v>
      </c>
      <c r="DN24" s="280">
        <v>0</v>
      </c>
      <c r="DO24" s="280">
        <v>0</v>
      </c>
      <c r="DP24" s="280">
        <v>0</v>
      </c>
      <c r="DQ24" s="280">
        <v>0</v>
      </c>
      <c r="DR24" s="277">
        <v>0</v>
      </c>
      <c r="DS24" s="282">
        <v>0</v>
      </c>
      <c r="DT24" s="276">
        <v>2</v>
      </c>
      <c r="DU24" s="280">
        <v>3</v>
      </c>
      <c r="DV24" s="277">
        <v>5</v>
      </c>
      <c r="DW24" s="279">
        <v>0</v>
      </c>
      <c r="DX24" s="280">
        <v>17</v>
      </c>
      <c r="DY24" s="280">
        <v>9</v>
      </c>
      <c r="DZ24" s="280">
        <v>5</v>
      </c>
      <c r="EA24" s="280">
        <v>6</v>
      </c>
      <c r="EB24" s="280">
        <v>6</v>
      </c>
      <c r="EC24" s="277">
        <v>43</v>
      </c>
      <c r="ED24" s="282">
        <v>48</v>
      </c>
      <c r="EE24" s="276">
        <v>1</v>
      </c>
      <c r="EF24" s="280">
        <v>0</v>
      </c>
      <c r="EG24" s="277">
        <v>1</v>
      </c>
      <c r="EH24" s="279">
        <v>0</v>
      </c>
      <c r="EI24" s="280">
        <v>2</v>
      </c>
      <c r="EJ24" s="280">
        <v>4</v>
      </c>
      <c r="EK24" s="280">
        <v>2</v>
      </c>
      <c r="EL24" s="280">
        <v>4</v>
      </c>
      <c r="EM24" s="280">
        <v>2</v>
      </c>
      <c r="EN24" s="277">
        <v>14</v>
      </c>
      <c r="EO24" s="282">
        <v>15</v>
      </c>
      <c r="EP24" s="276">
        <v>2</v>
      </c>
      <c r="EQ24" s="280">
        <v>3</v>
      </c>
      <c r="ER24" s="277">
        <v>5</v>
      </c>
      <c r="ES24" s="279">
        <v>0</v>
      </c>
      <c r="ET24" s="280">
        <v>27</v>
      </c>
      <c r="EU24" s="280">
        <v>9</v>
      </c>
      <c r="EV24" s="280">
        <v>7</v>
      </c>
      <c r="EW24" s="280">
        <v>6</v>
      </c>
      <c r="EX24" s="280">
        <v>8</v>
      </c>
      <c r="EY24" s="277">
        <v>57</v>
      </c>
      <c r="EZ24" s="282">
        <v>62</v>
      </c>
    </row>
    <row r="25" spans="2:156" ht="21" customHeight="1" x14ac:dyDescent="0.2">
      <c r="B25" s="261" t="s">
        <v>23</v>
      </c>
      <c r="C25" s="276">
        <v>0</v>
      </c>
      <c r="D25" s="280">
        <v>0</v>
      </c>
      <c r="E25" s="384">
        <v>0</v>
      </c>
      <c r="F25" s="279">
        <v>0</v>
      </c>
      <c r="G25" s="280">
        <v>1</v>
      </c>
      <c r="H25" s="280">
        <v>7</v>
      </c>
      <c r="I25" s="280">
        <v>3</v>
      </c>
      <c r="J25" s="280">
        <v>2</v>
      </c>
      <c r="K25" s="280">
        <v>0</v>
      </c>
      <c r="L25" s="281">
        <v>13</v>
      </c>
      <c r="M25" s="282">
        <v>13</v>
      </c>
      <c r="N25" s="276">
        <v>0</v>
      </c>
      <c r="O25" s="280">
        <v>0</v>
      </c>
      <c r="P25" s="277">
        <v>0</v>
      </c>
      <c r="Q25" s="279">
        <v>0</v>
      </c>
      <c r="R25" s="280">
        <v>1</v>
      </c>
      <c r="S25" s="280">
        <v>0</v>
      </c>
      <c r="T25" s="280">
        <v>1</v>
      </c>
      <c r="U25" s="280">
        <v>0</v>
      </c>
      <c r="V25" s="280">
        <v>1</v>
      </c>
      <c r="W25" s="277">
        <v>3</v>
      </c>
      <c r="X25" s="282">
        <v>3</v>
      </c>
      <c r="Y25" s="276">
        <v>3</v>
      </c>
      <c r="Z25" s="280">
        <v>1</v>
      </c>
      <c r="AA25" s="277">
        <v>4</v>
      </c>
      <c r="AB25" s="279">
        <v>0</v>
      </c>
      <c r="AC25" s="280">
        <v>6</v>
      </c>
      <c r="AD25" s="280">
        <v>6</v>
      </c>
      <c r="AE25" s="280">
        <v>4</v>
      </c>
      <c r="AF25" s="280">
        <v>3</v>
      </c>
      <c r="AG25" s="280">
        <v>1</v>
      </c>
      <c r="AH25" s="277">
        <v>20</v>
      </c>
      <c r="AI25" s="282">
        <v>24</v>
      </c>
      <c r="AJ25" s="276">
        <v>0</v>
      </c>
      <c r="AK25" s="280">
        <v>1</v>
      </c>
      <c r="AL25" s="277">
        <v>1</v>
      </c>
      <c r="AM25" s="279">
        <v>0</v>
      </c>
      <c r="AN25" s="280">
        <v>0</v>
      </c>
      <c r="AO25" s="280">
        <v>2</v>
      </c>
      <c r="AP25" s="280">
        <v>0</v>
      </c>
      <c r="AQ25" s="280">
        <v>0</v>
      </c>
      <c r="AR25" s="280">
        <v>0</v>
      </c>
      <c r="AS25" s="277">
        <v>2</v>
      </c>
      <c r="AT25" s="282">
        <v>3</v>
      </c>
      <c r="AU25" s="276">
        <v>0</v>
      </c>
      <c r="AV25" s="280">
        <v>0</v>
      </c>
      <c r="AW25" s="277">
        <v>0</v>
      </c>
      <c r="AX25" s="279">
        <v>0</v>
      </c>
      <c r="AY25" s="280">
        <v>6</v>
      </c>
      <c r="AZ25" s="280">
        <v>3</v>
      </c>
      <c r="BA25" s="280">
        <v>4</v>
      </c>
      <c r="BB25" s="280">
        <v>15</v>
      </c>
      <c r="BC25" s="280">
        <v>6</v>
      </c>
      <c r="BD25" s="281">
        <v>34</v>
      </c>
      <c r="BE25" s="282">
        <v>34</v>
      </c>
      <c r="BF25" s="276">
        <v>0</v>
      </c>
      <c r="BG25" s="280">
        <v>0</v>
      </c>
      <c r="BH25" s="277">
        <v>0</v>
      </c>
      <c r="BI25" s="279">
        <v>0</v>
      </c>
      <c r="BJ25" s="280">
        <v>8</v>
      </c>
      <c r="BK25" s="280">
        <v>17</v>
      </c>
      <c r="BL25" s="280">
        <v>3</v>
      </c>
      <c r="BM25" s="280">
        <v>4</v>
      </c>
      <c r="BN25" s="280">
        <v>0</v>
      </c>
      <c r="BO25" s="277">
        <v>32</v>
      </c>
      <c r="BP25" s="282">
        <v>32</v>
      </c>
      <c r="BQ25" s="276">
        <v>0</v>
      </c>
      <c r="BR25" s="280">
        <v>0</v>
      </c>
      <c r="BS25" s="277">
        <v>0</v>
      </c>
      <c r="BT25" s="279">
        <v>0</v>
      </c>
      <c r="BU25" s="280">
        <v>2</v>
      </c>
      <c r="BV25" s="280">
        <v>2</v>
      </c>
      <c r="BW25" s="280">
        <v>5</v>
      </c>
      <c r="BX25" s="280">
        <v>2</v>
      </c>
      <c r="BY25" s="280">
        <v>0</v>
      </c>
      <c r="BZ25" s="277">
        <v>11</v>
      </c>
      <c r="CA25" s="282">
        <v>11</v>
      </c>
      <c r="CB25" s="276">
        <v>0</v>
      </c>
      <c r="CC25" s="280">
        <v>0</v>
      </c>
      <c r="CD25" s="277">
        <v>0</v>
      </c>
      <c r="CE25" s="279">
        <v>0</v>
      </c>
      <c r="CF25" s="280">
        <v>2</v>
      </c>
      <c r="CG25" s="280">
        <v>3</v>
      </c>
      <c r="CH25" s="280">
        <v>1</v>
      </c>
      <c r="CI25" s="280">
        <v>1</v>
      </c>
      <c r="CJ25" s="280">
        <v>0</v>
      </c>
      <c r="CK25" s="277">
        <v>7</v>
      </c>
      <c r="CL25" s="282">
        <v>7</v>
      </c>
      <c r="CM25" s="276">
        <v>0</v>
      </c>
      <c r="CN25" s="280">
        <v>0</v>
      </c>
      <c r="CO25" s="277">
        <v>0</v>
      </c>
      <c r="CP25" s="279">
        <v>0</v>
      </c>
      <c r="CQ25" s="280">
        <v>0</v>
      </c>
      <c r="CR25" s="280">
        <v>0</v>
      </c>
      <c r="CS25" s="280">
        <v>0</v>
      </c>
      <c r="CT25" s="280">
        <v>0</v>
      </c>
      <c r="CU25" s="280">
        <v>0</v>
      </c>
      <c r="CV25" s="277">
        <v>0</v>
      </c>
      <c r="CW25" s="282">
        <v>0</v>
      </c>
      <c r="CX25" s="276">
        <v>0</v>
      </c>
      <c r="CY25" s="280">
        <v>0</v>
      </c>
      <c r="CZ25" s="277">
        <v>0</v>
      </c>
      <c r="DA25" s="279">
        <v>0</v>
      </c>
      <c r="DB25" s="280">
        <v>0</v>
      </c>
      <c r="DC25" s="280">
        <v>0</v>
      </c>
      <c r="DD25" s="280">
        <v>0</v>
      </c>
      <c r="DE25" s="280">
        <v>0</v>
      </c>
      <c r="DF25" s="280">
        <v>0</v>
      </c>
      <c r="DG25" s="277">
        <v>0</v>
      </c>
      <c r="DH25" s="282">
        <v>0</v>
      </c>
      <c r="DI25" s="276">
        <v>0</v>
      </c>
      <c r="DJ25" s="280">
        <v>0</v>
      </c>
      <c r="DK25" s="277">
        <v>0</v>
      </c>
      <c r="DL25" s="279">
        <v>0</v>
      </c>
      <c r="DM25" s="280">
        <v>0</v>
      </c>
      <c r="DN25" s="280">
        <v>0</v>
      </c>
      <c r="DO25" s="280">
        <v>0</v>
      </c>
      <c r="DP25" s="280">
        <v>0</v>
      </c>
      <c r="DQ25" s="280">
        <v>0</v>
      </c>
      <c r="DR25" s="277">
        <v>0</v>
      </c>
      <c r="DS25" s="282">
        <v>0</v>
      </c>
      <c r="DT25" s="276">
        <v>4</v>
      </c>
      <c r="DU25" s="280">
        <v>6</v>
      </c>
      <c r="DV25" s="277">
        <v>10</v>
      </c>
      <c r="DW25" s="279">
        <v>0</v>
      </c>
      <c r="DX25" s="280">
        <v>13</v>
      </c>
      <c r="DY25" s="280">
        <v>17</v>
      </c>
      <c r="DZ25" s="280">
        <v>8</v>
      </c>
      <c r="EA25" s="280">
        <v>9</v>
      </c>
      <c r="EB25" s="280">
        <v>2</v>
      </c>
      <c r="EC25" s="277">
        <v>49</v>
      </c>
      <c r="ED25" s="282">
        <v>59</v>
      </c>
      <c r="EE25" s="276">
        <v>0</v>
      </c>
      <c r="EF25" s="280">
        <v>0</v>
      </c>
      <c r="EG25" s="277">
        <v>0</v>
      </c>
      <c r="EH25" s="279">
        <v>0</v>
      </c>
      <c r="EI25" s="280">
        <v>4</v>
      </c>
      <c r="EJ25" s="280">
        <v>0</v>
      </c>
      <c r="EK25" s="280">
        <v>1</v>
      </c>
      <c r="EL25" s="280">
        <v>13</v>
      </c>
      <c r="EM25" s="280">
        <v>5</v>
      </c>
      <c r="EN25" s="277">
        <v>23</v>
      </c>
      <c r="EO25" s="282">
        <v>23</v>
      </c>
      <c r="EP25" s="276">
        <v>5</v>
      </c>
      <c r="EQ25" s="280">
        <v>8</v>
      </c>
      <c r="ER25" s="277">
        <v>13</v>
      </c>
      <c r="ES25" s="279">
        <v>0</v>
      </c>
      <c r="ET25" s="280">
        <v>21</v>
      </c>
      <c r="EU25" s="280">
        <v>26</v>
      </c>
      <c r="EV25" s="280">
        <v>12</v>
      </c>
      <c r="EW25" s="280">
        <v>10</v>
      </c>
      <c r="EX25" s="280">
        <v>2</v>
      </c>
      <c r="EY25" s="277">
        <v>71</v>
      </c>
      <c r="EZ25" s="282">
        <v>84</v>
      </c>
    </row>
    <row r="26" spans="2:156" ht="21" customHeight="1" x14ac:dyDescent="0.2">
      <c r="B26" s="261" t="s">
        <v>24</v>
      </c>
      <c r="C26" s="276">
        <v>0</v>
      </c>
      <c r="D26" s="280">
        <v>0</v>
      </c>
      <c r="E26" s="384">
        <v>0</v>
      </c>
      <c r="F26" s="279">
        <v>0</v>
      </c>
      <c r="G26" s="280">
        <v>6</v>
      </c>
      <c r="H26" s="280">
        <v>7</v>
      </c>
      <c r="I26" s="280">
        <v>4</v>
      </c>
      <c r="J26" s="280">
        <v>2</v>
      </c>
      <c r="K26" s="280">
        <v>5</v>
      </c>
      <c r="L26" s="281">
        <v>24</v>
      </c>
      <c r="M26" s="282">
        <v>24</v>
      </c>
      <c r="N26" s="276">
        <v>0</v>
      </c>
      <c r="O26" s="280">
        <v>0</v>
      </c>
      <c r="P26" s="277">
        <v>0</v>
      </c>
      <c r="Q26" s="279">
        <v>0</v>
      </c>
      <c r="R26" s="280">
        <v>0</v>
      </c>
      <c r="S26" s="280">
        <v>0</v>
      </c>
      <c r="T26" s="280">
        <v>0</v>
      </c>
      <c r="U26" s="280">
        <v>0</v>
      </c>
      <c r="V26" s="280">
        <v>2</v>
      </c>
      <c r="W26" s="277">
        <v>2</v>
      </c>
      <c r="X26" s="282">
        <v>2</v>
      </c>
      <c r="Y26" s="276">
        <v>1</v>
      </c>
      <c r="Z26" s="280">
        <v>1</v>
      </c>
      <c r="AA26" s="277">
        <v>2</v>
      </c>
      <c r="AB26" s="279">
        <v>0</v>
      </c>
      <c r="AC26" s="280">
        <v>5</v>
      </c>
      <c r="AD26" s="280">
        <v>3</v>
      </c>
      <c r="AE26" s="280">
        <v>5</v>
      </c>
      <c r="AF26" s="280">
        <v>3</v>
      </c>
      <c r="AG26" s="280">
        <v>3</v>
      </c>
      <c r="AH26" s="277">
        <v>19</v>
      </c>
      <c r="AI26" s="282">
        <v>21</v>
      </c>
      <c r="AJ26" s="276">
        <v>0</v>
      </c>
      <c r="AK26" s="280">
        <v>0</v>
      </c>
      <c r="AL26" s="277">
        <v>0</v>
      </c>
      <c r="AM26" s="279">
        <v>0</v>
      </c>
      <c r="AN26" s="280">
        <v>0</v>
      </c>
      <c r="AO26" s="280">
        <v>0</v>
      </c>
      <c r="AP26" s="280">
        <v>0</v>
      </c>
      <c r="AQ26" s="280">
        <v>0</v>
      </c>
      <c r="AR26" s="280">
        <v>1</v>
      </c>
      <c r="AS26" s="277">
        <v>1</v>
      </c>
      <c r="AT26" s="282">
        <v>1</v>
      </c>
      <c r="AU26" s="276">
        <v>4</v>
      </c>
      <c r="AV26" s="280">
        <v>2</v>
      </c>
      <c r="AW26" s="277">
        <v>6</v>
      </c>
      <c r="AX26" s="279">
        <v>0</v>
      </c>
      <c r="AY26" s="280">
        <v>9</v>
      </c>
      <c r="AZ26" s="280">
        <v>8</v>
      </c>
      <c r="BA26" s="280">
        <v>5</v>
      </c>
      <c r="BB26" s="280">
        <v>7</v>
      </c>
      <c r="BC26" s="280">
        <v>12</v>
      </c>
      <c r="BD26" s="281">
        <v>41</v>
      </c>
      <c r="BE26" s="282">
        <v>47</v>
      </c>
      <c r="BF26" s="276">
        <v>0</v>
      </c>
      <c r="BG26" s="280">
        <v>0</v>
      </c>
      <c r="BH26" s="277">
        <v>0</v>
      </c>
      <c r="BI26" s="279">
        <v>0</v>
      </c>
      <c r="BJ26" s="280">
        <v>10</v>
      </c>
      <c r="BK26" s="280">
        <v>6</v>
      </c>
      <c r="BL26" s="280">
        <v>3</v>
      </c>
      <c r="BM26" s="280">
        <v>1</v>
      </c>
      <c r="BN26" s="280">
        <v>1</v>
      </c>
      <c r="BO26" s="277">
        <v>21</v>
      </c>
      <c r="BP26" s="282">
        <v>21</v>
      </c>
      <c r="BQ26" s="276">
        <v>1</v>
      </c>
      <c r="BR26" s="280">
        <v>0</v>
      </c>
      <c r="BS26" s="277">
        <v>1</v>
      </c>
      <c r="BT26" s="279">
        <v>0</v>
      </c>
      <c r="BU26" s="280">
        <v>4</v>
      </c>
      <c r="BV26" s="280">
        <v>6</v>
      </c>
      <c r="BW26" s="280">
        <v>1</v>
      </c>
      <c r="BX26" s="280">
        <v>0</v>
      </c>
      <c r="BY26" s="280">
        <v>3</v>
      </c>
      <c r="BZ26" s="277">
        <v>14</v>
      </c>
      <c r="CA26" s="282">
        <v>15</v>
      </c>
      <c r="CB26" s="276">
        <v>1</v>
      </c>
      <c r="CC26" s="280">
        <v>1</v>
      </c>
      <c r="CD26" s="277">
        <v>2</v>
      </c>
      <c r="CE26" s="279">
        <v>0</v>
      </c>
      <c r="CF26" s="280">
        <v>0</v>
      </c>
      <c r="CG26" s="280">
        <v>1</v>
      </c>
      <c r="CH26" s="280">
        <v>1</v>
      </c>
      <c r="CI26" s="280">
        <v>1</v>
      </c>
      <c r="CJ26" s="280">
        <v>1</v>
      </c>
      <c r="CK26" s="277">
        <v>4</v>
      </c>
      <c r="CL26" s="282">
        <v>6</v>
      </c>
      <c r="CM26" s="276">
        <v>0</v>
      </c>
      <c r="CN26" s="280">
        <v>0</v>
      </c>
      <c r="CO26" s="277">
        <v>0</v>
      </c>
      <c r="CP26" s="279">
        <v>0</v>
      </c>
      <c r="CQ26" s="280">
        <v>0</v>
      </c>
      <c r="CR26" s="280">
        <v>0</v>
      </c>
      <c r="CS26" s="280">
        <v>0</v>
      </c>
      <c r="CT26" s="280">
        <v>0</v>
      </c>
      <c r="CU26" s="280">
        <v>0</v>
      </c>
      <c r="CV26" s="277">
        <v>0</v>
      </c>
      <c r="CW26" s="282">
        <v>0</v>
      </c>
      <c r="CX26" s="276">
        <v>0</v>
      </c>
      <c r="CY26" s="280">
        <v>0</v>
      </c>
      <c r="CZ26" s="277">
        <v>0</v>
      </c>
      <c r="DA26" s="279">
        <v>0</v>
      </c>
      <c r="DB26" s="280">
        <v>0</v>
      </c>
      <c r="DC26" s="280">
        <v>0</v>
      </c>
      <c r="DD26" s="280">
        <v>0</v>
      </c>
      <c r="DE26" s="280">
        <v>0</v>
      </c>
      <c r="DF26" s="280">
        <v>0</v>
      </c>
      <c r="DG26" s="277">
        <v>0</v>
      </c>
      <c r="DH26" s="282">
        <v>0</v>
      </c>
      <c r="DI26" s="276">
        <v>0</v>
      </c>
      <c r="DJ26" s="280">
        <v>0</v>
      </c>
      <c r="DK26" s="277">
        <v>0</v>
      </c>
      <c r="DL26" s="279">
        <v>0</v>
      </c>
      <c r="DM26" s="280">
        <v>0</v>
      </c>
      <c r="DN26" s="280">
        <v>0</v>
      </c>
      <c r="DO26" s="280">
        <v>0</v>
      </c>
      <c r="DP26" s="280">
        <v>0</v>
      </c>
      <c r="DQ26" s="280">
        <v>0</v>
      </c>
      <c r="DR26" s="277">
        <v>0</v>
      </c>
      <c r="DS26" s="282">
        <v>0</v>
      </c>
      <c r="DT26" s="276">
        <v>7</v>
      </c>
      <c r="DU26" s="280">
        <v>10</v>
      </c>
      <c r="DV26" s="277">
        <v>17</v>
      </c>
      <c r="DW26" s="279">
        <v>0</v>
      </c>
      <c r="DX26" s="280">
        <v>9</v>
      </c>
      <c r="DY26" s="280">
        <v>14</v>
      </c>
      <c r="DZ26" s="280">
        <v>11</v>
      </c>
      <c r="EA26" s="280">
        <v>4</v>
      </c>
      <c r="EB26" s="280">
        <v>8</v>
      </c>
      <c r="EC26" s="277">
        <v>46</v>
      </c>
      <c r="ED26" s="282">
        <v>63</v>
      </c>
      <c r="EE26" s="276">
        <v>1</v>
      </c>
      <c r="EF26" s="280">
        <v>3</v>
      </c>
      <c r="EG26" s="277">
        <v>4</v>
      </c>
      <c r="EH26" s="279">
        <v>0</v>
      </c>
      <c r="EI26" s="280">
        <v>7</v>
      </c>
      <c r="EJ26" s="280">
        <v>7</v>
      </c>
      <c r="EK26" s="280">
        <v>2</v>
      </c>
      <c r="EL26" s="280">
        <v>4</v>
      </c>
      <c r="EM26" s="280">
        <v>4</v>
      </c>
      <c r="EN26" s="277">
        <v>24</v>
      </c>
      <c r="EO26" s="282">
        <v>28</v>
      </c>
      <c r="EP26" s="276">
        <v>9</v>
      </c>
      <c r="EQ26" s="280">
        <v>10</v>
      </c>
      <c r="ER26" s="277">
        <v>19</v>
      </c>
      <c r="ES26" s="279">
        <v>0</v>
      </c>
      <c r="ET26" s="280">
        <v>22</v>
      </c>
      <c r="EU26" s="280">
        <v>17</v>
      </c>
      <c r="EV26" s="280">
        <v>12</v>
      </c>
      <c r="EW26" s="280">
        <v>4</v>
      </c>
      <c r="EX26" s="280">
        <v>8</v>
      </c>
      <c r="EY26" s="277">
        <v>63</v>
      </c>
      <c r="EZ26" s="282">
        <v>82</v>
      </c>
    </row>
    <row r="27" spans="2:156" ht="21" customHeight="1" x14ac:dyDescent="0.2">
      <c r="B27" s="261" t="s">
        <v>25</v>
      </c>
      <c r="C27" s="276">
        <v>0</v>
      </c>
      <c r="D27" s="280">
        <v>0</v>
      </c>
      <c r="E27" s="384">
        <v>0</v>
      </c>
      <c r="F27" s="279">
        <v>0</v>
      </c>
      <c r="G27" s="280">
        <v>3</v>
      </c>
      <c r="H27" s="280">
        <v>3</v>
      </c>
      <c r="I27" s="280">
        <v>2</v>
      </c>
      <c r="J27" s="280">
        <v>1</v>
      </c>
      <c r="K27" s="280">
        <v>1</v>
      </c>
      <c r="L27" s="281">
        <v>10</v>
      </c>
      <c r="M27" s="282">
        <v>10</v>
      </c>
      <c r="N27" s="276">
        <v>0</v>
      </c>
      <c r="O27" s="280">
        <v>0</v>
      </c>
      <c r="P27" s="277">
        <v>0</v>
      </c>
      <c r="Q27" s="279">
        <v>0</v>
      </c>
      <c r="R27" s="280">
        <v>0</v>
      </c>
      <c r="S27" s="280">
        <v>1</v>
      </c>
      <c r="T27" s="280">
        <v>0</v>
      </c>
      <c r="U27" s="280">
        <v>2</v>
      </c>
      <c r="V27" s="280">
        <v>2</v>
      </c>
      <c r="W27" s="277">
        <v>5</v>
      </c>
      <c r="X27" s="282">
        <v>5</v>
      </c>
      <c r="Y27" s="276">
        <v>1</v>
      </c>
      <c r="Z27" s="280">
        <v>4</v>
      </c>
      <c r="AA27" s="277">
        <v>5</v>
      </c>
      <c r="AB27" s="279">
        <v>0</v>
      </c>
      <c r="AC27" s="280">
        <v>1</v>
      </c>
      <c r="AD27" s="280">
        <v>4</v>
      </c>
      <c r="AE27" s="280">
        <v>3</v>
      </c>
      <c r="AF27" s="280">
        <v>1</v>
      </c>
      <c r="AG27" s="280">
        <v>1</v>
      </c>
      <c r="AH27" s="277">
        <v>10</v>
      </c>
      <c r="AI27" s="282">
        <v>15</v>
      </c>
      <c r="AJ27" s="276">
        <v>0</v>
      </c>
      <c r="AK27" s="280">
        <v>0</v>
      </c>
      <c r="AL27" s="277">
        <v>0</v>
      </c>
      <c r="AM27" s="279">
        <v>0</v>
      </c>
      <c r="AN27" s="280">
        <v>0</v>
      </c>
      <c r="AO27" s="280">
        <v>0</v>
      </c>
      <c r="AP27" s="280">
        <v>0</v>
      </c>
      <c r="AQ27" s="280">
        <v>0</v>
      </c>
      <c r="AR27" s="280">
        <v>0</v>
      </c>
      <c r="AS27" s="277">
        <v>0</v>
      </c>
      <c r="AT27" s="282">
        <v>0</v>
      </c>
      <c r="AU27" s="276">
        <v>2</v>
      </c>
      <c r="AV27" s="280">
        <v>1</v>
      </c>
      <c r="AW27" s="277">
        <v>3</v>
      </c>
      <c r="AX27" s="279">
        <v>0</v>
      </c>
      <c r="AY27" s="280">
        <v>1</v>
      </c>
      <c r="AZ27" s="280">
        <v>3</v>
      </c>
      <c r="BA27" s="280">
        <v>3</v>
      </c>
      <c r="BB27" s="280">
        <v>3</v>
      </c>
      <c r="BC27" s="280">
        <v>4</v>
      </c>
      <c r="BD27" s="281">
        <v>14</v>
      </c>
      <c r="BE27" s="282">
        <v>17</v>
      </c>
      <c r="BF27" s="276">
        <v>0</v>
      </c>
      <c r="BG27" s="280">
        <v>0</v>
      </c>
      <c r="BH27" s="277">
        <v>0</v>
      </c>
      <c r="BI27" s="279">
        <v>0</v>
      </c>
      <c r="BJ27" s="280">
        <v>4</v>
      </c>
      <c r="BK27" s="280">
        <v>4</v>
      </c>
      <c r="BL27" s="280">
        <v>4</v>
      </c>
      <c r="BM27" s="280">
        <v>1</v>
      </c>
      <c r="BN27" s="280">
        <v>2</v>
      </c>
      <c r="BO27" s="277">
        <v>15</v>
      </c>
      <c r="BP27" s="282">
        <v>15</v>
      </c>
      <c r="BQ27" s="276">
        <v>0</v>
      </c>
      <c r="BR27" s="280">
        <v>3</v>
      </c>
      <c r="BS27" s="277">
        <v>3</v>
      </c>
      <c r="BT27" s="279">
        <v>0</v>
      </c>
      <c r="BU27" s="280">
        <v>1</v>
      </c>
      <c r="BV27" s="280">
        <v>4</v>
      </c>
      <c r="BW27" s="280">
        <v>1</v>
      </c>
      <c r="BX27" s="280">
        <v>0</v>
      </c>
      <c r="BY27" s="280">
        <v>1</v>
      </c>
      <c r="BZ27" s="277">
        <v>7</v>
      </c>
      <c r="CA27" s="282">
        <v>10</v>
      </c>
      <c r="CB27" s="276">
        <v>0</v>
      </c>
      <c r="CC27" s="280">
        <v>0</v>
      </c>
      <c r="CD27" s="277">
        <v>0</v>
      </c>
      <c r="CE27" s="279">
        <v>0</v>
      </c>
      <c r="CF27" s="280">
        <v>0</v>
      </c>
      <c r="CG27" s="280">
        <v>2</v>
      </c>
      <c r="CH27" s="280">
        <v>2</v>
      </c>
      <c r="CI27" s="280">
        <v>0</v>
      </c>
      <c r="CJ27" s="280">
        <v>2</v>
      </c>
      <c r="CK27" s="277">
        <v>6</v>
      </c>
      <c r="CL27" s="282">
        <v>6</v>
      </c>
      <c r="CM27" s="276">
        <v>0</v>
      </c>
      <c r="CN27" s="280">
        <v>0</v>
      </c>
      <c r="CO27" s="277">
        <v>0</v>
      </c>
      <c r="CP27" s="279">
        <v>0</v>
      </c>
      <c r="CQ27" s="280">
        <v>0</v>
      </c>
      <c r="CR27" s="280">
        <v>0</v>
      </c>
      <c r="CS27" s="280">
        <v>0</v>
      </c>
      <c r="CT27" s="280">
        <v>0</v>
      </c>
      <c r="CU27" s="280">
        <v>1</v>
      </c>
      <c r="CV27" s="277">
        <v>1</v>
      </c>
      <c r="CW27" s="282">
        <v>1</v>
      </c>
      <c r="CX27" s="276">
        <v>0</v>
      </c>
      <c r="CY27" s="280">
        <v>0</v>
      </c>
      <c r="CZ27" s="277">
        <v>0</v>
      </c>
      <c r="DA27" s="279">
        <v>0</v>
      </c>
      <c r="DB27" s="280">
        <v>0</v>
      </c>
      <c r="DC27" s="280">
        <v>0</v>
      </c>
      <c r="DD27" s="280">
        <v>0</v>
      </c>
      <c r="DE27" s="280">
        <v>0</v>
      </c>
      <c r="DF27" s="280">
        <v>0</v>
      </c>
      <c r="DG27" s="277">
        <v>0</v>
      </c>
      <c r="DH27" s="282">
        <v>0</v>
      </c>
      <c r="DI27" s="276">
        <v>0</v>
      </c>
      <c r="DJ27" s="280">
        <v>0</v>
      </c>
      <c r="DK27" s="277">
        <v>0</v>
      </c>
      <c r="DL27" s="279">
        <v>0</v>
      </c>
      <c r="DM27" s="280">
        <v>0</v>
      </c>
      <c r="DN27" s="280">
        <v>0</v>
      </c>
      <c r="DO27" s="280">
        <v>0</v>
      </c>
      <c r="DP27" s="280">
        <v>0</v>
      </c>
      <c r="DQ27" s="280">
        <v>0</v>
      </c>
      <c r="DR27" s="277">
        <v>0</v>
      </c>
      <c r="DS27" s="282">
        <v>0</v>
      </c>
      <c r="DT27" s="276">
        <v>4</v>
      </c>
      <c r="DU27" s="280">
        <v>10</v>
      </c>
      <c r="DV27" s="277">
        <v>14</v>
      </c>
      <c r="DW27" s="279">
        <v>0</v>
      </c>
      <c r="DX27" s="280">
        <v>6</v>
      </c>
      <c r="DY27" s="280">
        <v>11</v>
      </c>
      <c r="DZ27" s="280">
        <v>4</v>
      </c>
      <c r="EA27" s="280">
        <v>4</v>
      </c>
      <c r="EB27" s="280">
        <v>4</v>
      </c>
      <c r="EC27" s="277">
        <v>29</v>
      </c>
      <c r="ED27" s="282">
        <v>43</v>
      </c>
      <c r="EE27" s="276">
        <v>0</v>
      </c>
      <c r="EF27" s="280">
        <v>0</v>
      </c>
      <c r="EG27" s="277">
        <v>0</v>
      </c>
      <c r="EH27" s="279">
        <v>0</v>
      </c>
      <c r="EI27" s="280">
        <v>0</v>
      </c>
      <c r="EJ27" s="280">
        <v>2</v>
      </c>
      <c r="EK27" s="280">
        <v>1</v>
      </c>
      <c r="EL27" s="280">
        <v>2</v>
      </c>
      <c r="EM27" s="280">
        <v>2</v>
      </c>
      <c r="EN27" s="277">
        <v>7</v>
      </c>
      <c r="EO27" s="282">
        <v>7</v>
      </c>
      <c r="EP27" s="276">
        <v>5</v>
      </c>
      <c r="EQ27" s="280">
        <v>14</v>
      </c>
      <c r="ER27" s="277">
        <v>19</v>
      </c>
      <c r="ES27" s="279">
        <v>0</v>
      </c>
      <c r="ET27" s="280">
        <v>12</v>
      </c>
      <c r="EU27" s="280">
        <v>13</v>
      </c>
      <c r="EV27" s="280">
        <v>5</v>
      </c>
      <c r="EW27" s="280">
        <v>4</v>
      </c>
      <c r="EX27" s="280">
        <v>6</v>
      </c>
      <c r="EY27" s="277">
        <v>40</v>
      </c>
      <c r="EZ27" s="282">
        <v>59</v>
      </c>
    </row>
    <row r="28" spans="2:156" ht="21" customHeight="1" x14ac:dyDescent="0.2">
      <c r="B28" s="261" t="s">
        <v>26</v>
      </c>
      <c r="C28" s="276">
        <v>0</v>
      </c>
      <c r="D28" s="280">
        <v>0</v>
      </c>
      <c r="E28" s="384">
        <v>0</v>
      </c>
      <c r="F28" s="279">
        <v>0</v>
      </c>
      <c r="G28" s="280">
        <v>5</v>
      </c>
      <c r="H28" s="280">
        <v>2</v>
      </c>
      <c r="I28" s="280">
        <v>3</v>
      </c>
      <c r="J28" s="280">
        <v>2</v>
      </c>
      <c r="K28" s="280">
        <v>2</v>
      </c>
      <c r="L28" s="281">
        <v>14</v>
      </c>
      <c r="M28" s="282">
        <v>14</v>
      </c>
      <c r="N28" s="276">
        <v>0</v>
      </c>
      <c r="O28" s="280">
        <v>0</v>
      </c>
      <c r="P28" s="277">
        <v>0</v>
      </c>
      <c r="Q28" s="279">
        <v>0</v>
      </c>
      <c r="R28" s="280">
        <v>0</v>
      </c>
      <c r="S28" s="280">
        <v>0</v>
      </c>
      <c r="T28" s="280">
        <v>1</v>
      </c>
      <c r="U28" s="280">
        <v>0</v>
      </c>
      <c r="V28" s="280">
        <v>1</v>
      </c>
      <c r="W28" s="277">
        <v>2</v>
      </c>
      <c r="X28" s="282">
        <v>2</v>
      </c>
      <c r="Y28" s="276">
        <v>0</v>
      </c>
      <c r="Z28" s="280">
        <v>3</v>
      </c>
      <c r="AA28" s="277">
        <v>3</v>
      </c>
      <c r="AB28" s="279">
        <v>0</v>
      </c>
      <c r="AC28" s="280">
        <v>6</v>
      </c>
      <c r="AD28" s="280">
        <v>4</v>
      </c>
      <c r="AE28" s="280">
        <v>3</v>
      </c>
      <c r="AF28" s="280">
        <v>4</v>
      </c>
      <c r="AG28" s="280">
        <v>3</v>
      </c>
      <c r="AH28" s="277">
        <v>20</v>
      </c>
      <c r="AI28" s="282">
        <v>23</v>
      </c>
      <c r="AJ28" s="276">
        <v>0</v>
      </c>
      <c r="AK28" s="280">
        <v>0</v>
      </c>
      <c r="AL28" s="277">
        <v>0</v>
      </c>
      <c r="AM28" s="279">
        <v>0</v>
      </c>
      <c r="AN28" s="280">
        <v>0</v>
      </c>
      <c r="AO28" s="280">
        <v>1</v>
      </c>
      <c r="AP28" s="280">
        <v>1</v>
      </c>
      <c r="AQ28" s="280">
        <v>0</v>
      </c>
      <c r="AR28" s="280">
        <v>0</v>
      </c>
      <c r="AS28" s="277">
        <v>2</v>
      </c>
      <c r="AT28" s="282">
        <v>2</v>
      </c>
      <c r="AU28" s="276">
        <v>3</v>
      </c>
      <c r="AV28" s="280">
        <v>1</v>
      </c>
      <c r="AW28" s="277">
        <v>4</v>
      </c>
      <c r="AX28" s="279">
        <v>0</v>
      </c>
      <c r="AY28" s="280">
        <v>4</v>
      </c>
      <c r="AZ28" s="280">
        <v>6</v>
      </c>
      <c r="BA28" s="280">
        <v>1</v>
      </c>
      <c r="BB28" s="280">
        <v>5</v>
      </c>
      <c r="BC28" s="280">
        <v>4</v>
      </c>
      <c r="BD28" s="281">
        <v>20</v>
      </c>
      <c r="BE28" s="282">
        <v>24</v>
      </c>
      <c r="BF28" s="276">
        <v>0</v>
      </c>
      <c r="BG28" s="280">
        <v>0</v>
      </c>
      <c r="BH28" s="277">
        <v>0</v>
      </c>
      <c r="BI28" s="279">
        <v>0</v>
      </c>
      <c r="BJ28" s="280">
        <v>5</v>
      </c>
      <c r="BK28" s="280">
        <v>3</v>
      </c>
      <c r="BL28" s="280">
        <v>4</v>
      </c>
      <c r="BM28" s="280">
        <v>1</v>
      </c>
      <c r="BN28" s="280">
        <v>0</v>
      </c>
      <c r="BO28" s="277">
        <v>13</v>
      </c>
      <c r="BP28" s="282">
        <v>13</v>
      </c>
      <c r="BQ28" s="276">
        <v>0</v>
      </c>
      <c r="BR28" s="280">
        <v>1</v>
      </c>
      <c r="BS28" s="277">
        <v>1</v>
      </c>
      <c r="BT28" s="279">
        <v>0</v>
      </c>
      <c r="BU28" s="280">
        <v>1</v>
      </c>
      <c r="BV28" s="280">
        <v>4</v>
      </c>
      <c r="BW28" s="280">
        <v>1</v>
      </c>
      <c r="BX28" s="280">
        <v>0</v>
      </c>
      <c r="BY28" s="280">
        <v>0</v>
      </c>
      <c r="BZ28" s="277">
        <v>6</v>
      </c>
      <c r="CA28" s="282">
        <v>7</v>
      </c>
      <c r="CB28" s="276">
        <v>0</v>
      </c>
      <c r="CC28" s="280">
        <v>0</v>
      </c>
      <c r="CD28" s="277">
        <v>0</v>
      </c>
      <c r="CE28" s="279">
        <v>0</v>
      </c>
      <c r="CF28" s="280">
        <v>1</v>
      </c>
      <c r="CG28" s="280">
        <v>0</v>
      </c>
      <c r="CH28" s="280">
        <v>1</v>
      </c>
      <c r="CI28" s="280">
        <v>0</v>
      </c>
      <c r="CJ28" s="280">
        <v>0</v>
      </c>
      <c r="CK28" s="277">
        <v>2</v>
      </c>
      <c r="CL28" s="282">
        <v>2</v>
      </c>
      <c r="CM28" s="276">
        <v>0</v>
      </c>
      <c r="CN28" s="280">
        <v>1</v>
      </c>
      <c r="CO28" s="277">
        <v>1</v>
      </c>
      <c r="CP28" s="279">
        <v>0</v>
      </c>
      <c r="CQ28" s="280">
        <v>0</v>
      </c>
      <c r="CR28" s="280">
        <v>0</v>
      </c>
      <c r="CS28" s="280">
        <v>0</v>
      </c>
      <c r="CT28" s="280">
        <v>0</v>
      </c>
      <c r="CU28" s="280">
        <v>0</v>
      </c>
      <c r="CV28" s="277">
        <v>0</v>
      </c>
      <c r="CW28" s="282">
        <v>1</v>
      </c>
      <c r="CX28" s="276">
        <v>0</v>
      </c>
      <c r="CY28" s="280">
        <v>0</v>
      </c>
      <c r="CZ28" s="277">
        <v>0</v>
      </c>
      <c r="DA28" s="279">
        <v>0</v>
      </c>
      <c r="DB28" s="280">
        <v>0</v>
      </c>
      <c r="DC28" s="280">
        <v>0</v>
      </c>
      <c r="DD28" s="280">
        <v>0</v>
      </c>
      <c r="DE28" s="280">
        <v>0</v>
      </c>
      <c r="DF28" s="280">
        <v>0</v>
      </c>
      <c r="DG28" s="277">
        <v>0</v>
      </c>
      <c r="DH28" s="282">
        <v>0</v>
      </c>
      <c r="DI28" s="276">
        <v>0</v>
      </c>
      <c r="DJ28" s="280">
        <v>0</v>
      </c>
      <c r="DK28" s="277">
        <v>0</v>
      </c>
      <c r="DL28" s="279">
        <v>0</v>
      </c>
      <c r="DM28" s="280">
        <v>0</v>
      </c>
      <c r="DN28" s="280">
        <v>0</v>
      </c>
      <c r="DO28" s="280">
        <v>0</v>
      </c>
      <c r="DP28" s="280">
        <v>0</v>
      </c>
      <c r="DQ28" s="280">
        <v>0</v>
      </c>
      <c r="DR28" s="277">
        <v>0</v>
      </c>
      <c r="DS28" s="282">
        <v>0</v>
      </c>
      <c r="DT28" s="276">
        <v>3</v>
      </c>
      <c r="DU28" s="280">
        <v>6</v>
      </c>
      <c r="DV28" s="277">
        <v>9</v>
      </c>
      <c r="DW28" s="279">
        <v>0</v>
      </c>
      <c r="DX28" s="280">
        <v>8</v>
      </c>
      <c r="DY28" s="280">
        <v>7</v>
      </c>
      <c r="DZ28" s="280">
        <v>6</v>
      </c>
      <c r="EA28" s="280">
        <v>3</v>
      </c>
      <c r="EB28" s="280">
        <v>3</v>
      </c>
      <c r="EC28" s="277">
        <v>27</v>
      </c>
      <c r="ED28" s="282">
        <v>36</v>
      </c>
      <c r="EE28" s="276">
        <v>3</v>
      </c>
      <c r="EF28" s="280">
        <v>1</v>
      </c>
      <c r="EG28" s="277">
        <v>4</v>
      </c>
      <c r="EH28" s="279">
        <v>0</v>
      </c>
      <c r="EI28" s="280">
        <v>2</v>
      </c>
      <c r="EJ28" s="280">
        <v>8</v>
      </c>
      <c r="EK28" s="280">
        <v>1</v>
      </c>
      <c r="EL28" s="280">
        <v>0</v>
      </c>
      <c r="EM28" s="280">
        <v>1</v>
      </c>
      <c r="EN28" s="277">
        <v>12</v>
      </c>
      <c r="EO28" s="282">
        <v>16</v>
      </c>
      <c r="EP28" s="276">
        <v>3</v>
      </c>
      <c r="EQ28" s="280">
        <v>8</v>
      </c>
      <c r="ER28" s="277">
        <v>11</v>
      </c>
      <c r="ES28" s="279">
        <v>0</v>
      </c>
      <c r="ET28" s="280">
        <v>17</v>
      </c>
      <c r="EU28" s="280">
        <v>12</v>
      </c>
      <c r="EV28" s="280">
        <v>7</v>
      </c>
      <c r="EW28" s="280">
        <v>4</v>
      </c>
      <c r="EX28" s="280">
        <v>3</v>
      </c>
      <c r="EY28" s="277">
        <v>43</v>
      </c>
      <c r="EZ28" s="282">
        <v>54</v>
      </c>
    </row>
    <row r="29" spans="2:156" ht="21" customHeight="1" x14ac:dyDescent="0.2">
      <c r="B29" s="261" t="s">
        <v>27</v>
      </c>
      <c r="C29" s="276">
        <v>0</v>
      </c>
      <c r="D29" s="280">
        <v>0</v>
      </c>
      <c r="E29" s="384">
        <v>0</v>
      </c>
      <c r="F29" s="279">
        <v>0</v>
      </c>
      <c r="G29" s="280">
        <v>1</v>
      </c>
      <c r="H29" s="280">
        <v>3</v>
      </c>
      <c r="I29" s="280">
        <v>3</v>
      </c>
      <c r="J29" s="280">
        <v>0</v>
      </c>
      <c r="K29" s="280">
        <v>1</v>
      </c>
      <c r="L29" s="281">
        <v>8</v>
      </c>
      <c r="M29" s="282">
        <v>8</v>
      </c>
      <c r="N29" s="276">
        <v>0</v>
      </c>
      <c r="O29" s="280">
        <v>0</v>
      </c>
      <c r="P29" s="277">
        <v>0</v>
      </c>
      <c r="Q29" s="279">
        <v>0</v>
      </c>
      <c r="R29" s="280">
        <v>0</v>
      </c>
      <c r="S29" s="280">
        <v>0</v>
      </c>
      <c r="T29" s="280">
        <v>0</v>
      </c>
      <c r="U29" s="280">
        <v>2</v>
      </c>
      <c r="V29" s="280">
        <v>0</v>
      </c>
      <c r="W29" s="277">
        <v>2</v>
      </c>
      <c r="X29" s="282">
        <v>2</v>
      </c>
      <c r="Y29" s="276">
        <v>4</v>
      </c>
      <c r="Z29" s="280">
        <v>2</v>
      </c>
      <c r="AA29" s="277">
        <v>6</v>
      </c>
      <c r="AB29" s="279">
        <v>0</v>
      </c>
      <c r="AC29" s="280">
        <v>1</v>
      </c>
      <c r="AD29" s="280">
        <v>3</v>
      </c>
      <c r="AE29" s="280">
        <v>4</v>
      </c>
      <c r="AF29" s="280">
        <v>3</v>
      </c>
      <c r="AG29" s="280">
        <v>1</v>
      </c>
      <c r="AH29" s="277">
        <v>12</v>
      </c>
      <c r="AI29" s="282">
        <v>18</v>
      </c>
      <c r="AJ29" s="276">
        <v>0</v>
      </c>
      <c r="AK29" s="280">
        <v>0</v>
      </c>
      <c r="AL29" s="277">
        <v>0</v>
      </c>
      <c r="AM29" s="279">
        <v>0</v>
      </c>
      <c r="AN29" s="280">
        <v>0</v>
      </c>
      <c r="AO29" s="280">
        <v>1</v>
      </c>
      <c r="AP29" s="280">
        <v>0</v>
      </c>
      <c r="AQ29" s="280">
        <v>0</v>
      </c>
      <c r="AR29" s="280">
        <v>0</v>
      </c>
      <c r="AS29" s="277">
        <v>1</v>
      </c>
      <c r="AT29" s="282">
        <v>1</v>
      </c>
      <c r="AU29" s="276">
        <v>0</v>
      </c>
      <c r="AV29" s="280">
        <v>1</v>
      </c>
      <c r="AW29" s="277">
        <v>1</v>
      </c>
      <c r="AX29" s="279">
        <v>0</v>
      </c>
      <c r="AY29" s="280">
        <v>1</v>
      </c>
      <c r="AZ29" s="280">
        <v>4</v>
      </c>
      <c r="BA29" s="280">
        <v>10</v>
      </c>
      <c r="BB29" s="280">
        <v>4</v>
      </c>
      <c r="BC29" s="280">
        <v>2</v>
      </c>
      <c r="BD29" s="281">
        <v>21</v>
      </c>
      <c r="BE29" s="282">
        <v>22</v>
      </c>
      <c r="BF29" s="276">
        <v>0</v>
      </c>
      <c r="BG29" s="280">
        <v>0</v>
      </c>
      <c r="BH29" s="277">
        <v>0</v>
      </c>
      <c r="BI29" s="279">
        <v>0</v>
      </c>
      <c r="BJ29" s="280">
        <v>1</v>
      </c>
      <c r="BK29" s="280">
        <v>1</v>
      </c>
      <c r="BL29" s="280">
        <v>2</v>
      </c>
      <c r="BM29" s="280">
        <v>1</v>
      </c>
      <c r="BN29" s="280">
        <v>0</v>
      </c>
      <c r="BO29" s="277">
        <v>5</v>
      </c>
      <c r="BP29" s="282">
        <v>5</v>
      </c>
      <c r="BQ29" s="276">
        <v>2</v>
      </c>
      <c r="BR29" s="280">
        <v>2</v>
      </c>
      <c r="BS29" s="277">
        <v>4</v>
      </c>
      <c r="BT29" s="279">
        <v>0</v>
      </c>
      <c r="BU29" s="280">
        <v>1</v>
      </c>
      <c r="BV29" s="280">
        <v>1</v>
      </c>
      <c r="BW29" s="280">
        <v>1</v>
      </c>
      <c r="BX29" s="280">
        <v>0</v>
      </c>
      <c r="BY29" s="280">
        <v>0</v>
      </c>
      <c r="BZ29" s="277">
        <v>3</v>
      </c>
      <c r="CA29" s="282">
        <v>7</v>
      </c>
      <c r="CB29" s="276">
        <v>0</v>
      </c>
      <c r="CC29" s="280">
        <v>0</v>
      </c>
      <c r="CD29" s="277">
        <v>0</v>
      </c>
      <c r="CE29" s="279">
        <v>0</v>
      </c>
      <c r="CF29" s="280">
        <v>0</v>
      </c>
      <c r="CG29" s="280">
        <v>0</v>
      </c>
      <c r="CH29" s="280">
        <v>2</v>
      </c>
      <c r="CI29" s="280">
        <v>1</v>
      </c>
      <c r="CJ29" s="280">
        <v>0</v>
      </c>
      <c r="CK29" s="277">
        <v>3</v>
      </c>
      <c r="CL29" s="282">
        <v>3</v>
      </c>
      <c r="CM29" s="276">
        <v>0</v>
      </c>
      <c r="CN29" s="280">
        <v>0</v>
      </c>
      <c r="CO29" s="277">
        <v>0</v>
      </c>
      <c r="CP29" s="279">
        <v>0</v>
      </c>
      <c r="CQ29" s="280">
        <v>0</v>
      </c>
      <c r="CR29" s="280">
        <v>0</v>
      </c>
      <c r="CS29" s="280">
        <v>0</v>
      </c>
      <c r="CT29" s="280">
        <v>0</v>
      </c>
      <c r="CU29" s="280">
        <v>0</v>
      </c>
      <c r="CV29" s="277">
        <v>0</v>
      </c>
      <c r="CW29" s="282">
        <v>0</v>
      </c>
      <c r="CX29" s="276">
        <v>0</v>
      </c>
      <c r="CY29" s="280">
        <v>0</v>
      </c>
      <c r="CZ29" s="277">
        <v>0</v>
      </c>
      <c r="DA29" s="279">
        <v>0</v>
      </c>
      <c r="DB29" s="280">
        <v>0</v>
      </c>
      <c r="DC29" s="280">
        <v>0</v>
      </c>
      <c r="DD29" s="280">
        <v>0</v>
      </c>
      <c r="DE29" s="280">
        <v>0</v>
      </c>
      <c r="DF29" s="280">
        <v>0</v>
      </c>
      <c r="DG29" s="277">
        <v>0</v>
      </c>
      <c r="DH29" s="282">
        <v>0</v>
      </c>
      <c r="DI29" s="276">
        <v>0</v>
      </c>
      <c r="DJ29" s="280">
        <v>0</v>
      </c>
      <c r="DK29" s="277">
        <v>0</v>
      </c>
      <c r="DL29" s="279">
        <v>0</v>
      </c>
      <c r="DM29" s="280">
        <v>0</v>
      </c>
      <c r="DN29" s="280">
        <v>0</v>
      </c>
      <c r="DO29" s="280">
        <v>0</v>
      </c>
      <c r="DP29" s="280">
        <v>0</v>
      </c>
      <c r="DQ29" s="280">
        <v>0</v>
      </c>
      <c r="DR29" s="277">
        <v>0</v>
      </c>
      <c r="DS29" s="282">
        <v>0</v>
      </c>
      <c r="DT29" s="276">
        <v>4</v>
      </c>
      <c r="DU29" s="280">
        <v>10</v>
      </c>
      <c r="DV29" s="277">
        <v>14</v>
      </c>
      <c r="DW29" s="279">
        <v>0</v>
      </c>
      <c r="DX29" s="280">
        <v>2</v>
      </c>
      <c r="DY29" s="280">
        <v>7</v>
      </c>
      <c r="DZ29" s="280">
        <v>7</v>
      </c>
      <c r="EA29" s="280">
        <v>3</v>
      </c>
      <c r="EB29" s="280">
        <v>1</v>
      </c>
      <c r="EC29" s="277">
        <v>20</v>
      </c>
      <c r="ED29" s="282">
        <v>34</v>
      </c>
      <c r="EE29" s="276">
        <v>0</v>
      </c>
      <c r="EF29" s="280">
        <v>1</v>
      </c>
      <c r="EG29" s="277">
        <v>1</v>
      </c>
      <c r="EH29" s="279">
        <v>0</v>
      </c>
      <c r="EI29" s="280">
        <v>3</v>
      </c>
      <c r="EJ29" s="280">
        <v>4</v>
      </c>
      <c r="EK29" s="280">
        <v>5</v>
      </c>
      <c r="EL29" s="280">
        <v>2</v>
      </c>
      <c r="EM29" s="280">
        <v>1</v>
      </c>
      <c r="EN29" s="277">
        <v>15</v>
      </c>
      <c r="EO29" s="282">
        <v>16</v>
      </c>
      <c r="EP29" s="276">
        <v>8</v>
      </c>
      <c r="EQ29" s="280">
        <v>12</v>
      </c>
      <c r="ER29" s="277">
        <v>20</v>
      </c>
      <c r="ES29" s="279">
        <v>0</v>
      </c>
      <c r="ET29" s="280">
        <v>6</v>
      </c>
      <c r="EU29" s="280">
        <v>8</v>
      </c>
      <c r="EV29" s="280">
        <v>8</v>
      </c>
      <c r="EW29" s="280">
        <v>3</v>
      </c>
      <c r="EX29" s="280">
        <v>1</v>
      </c>
      <c r="EY29" s="277">
        <v>26</v>
      </c>
      <c r="EZ29" s="282">
        <v>46</v>
      </c>
    </row>
    <row r="30" spans="2:156" ht="21" customHeight="1" x14ac:dyDescent="0.2">
      <c r="B30" s="261" t="s">
        <v>28</v>
      </c>
      <c r="C30" s="276">
        <v>0</v>
      </c>
      <c r="D30" s="280">
        <v>0</v>
      </c>
      <c r="E30" s="384">
        <v>0</v>
      </c>
      <c r="F30" s="279">
        <v>0</v>
      </c>
      <c r="G30" s="280">
        <v>1</v>
      </c>
      <c r="H30" s="280">
        <v>1</v>
      </c>
      <c r="I30" s="280">
        <v>0</v>
      </c>
      <c r="J30" s="280">
        <v>0</v>
      </c>
      <c r="K30" s="280">
        <v>1</v>
      </c>
      <c r="L30" s="281">
        <v>3</v>
      </c>
      <c r="M30" s="282">
        <v>3</v>
      </c>
      <c r="N30" s="276">
        <v>0</v>
      </c>
      <c r="O30" s="280">
        <v>0</v>
      </c>
      <c r="P30" s="277">
        <v>0</v>
      </c>
      <c r="Q30" s="279">
        <v>0</v>
      </c>
      <c r="R30" s="280">
        <v>0</v>
      </c>
      <c r="S30" s="280">
        <v>0</v>
      </c>
      <c r="T30" s="280">
        <v>0</v>
      </c>
      <c r="U30" s="280">
        <v>0</v>
      </c>
      <c r="V30" s="280">
        <v>0</v>
      </c>
      <c r="W30" s="277">
        <v>0</v>
      </c>
      <c r="X30" s="282">
        <v>0</v>
      </c>
      <c r="Y30" s="276">
        <v>0</v>
      </c>
      <c r="Z30" s="280">
        <v>0</v>
      </c>
      <c r="AA30" s="277">
        <v>0</v>
      </c>
      <c r="AB30" s="279">
        <v>0</v>
      </c>
      <c r="AC30" s="280">
        <v>1</v>
      </c>
      <c r="AD30" s="280">
        <v>1</v>
      </c>
      <c r="AE30" s="280">
        <v>1</v>
      </c>
      <c r="AF30" s="280">
        <v>0</v>
      </c>
      <c r="AG30" s="280">
        <v>0</v>
      </c>
      <c r="AH30" s="277">
        <v>3</v>
      </c>
      <c r="AI30" s="282">
        <v>3</v>
      </c>
      <c r="AJ30" s="276">
        <v>0</v>
      </c>
      <c r="AK30" s="280">
        <v>0</v>
      </c>
      <c r="AL30" s="277">
        <v>0</v>
      </c>
      <c r="AM30" s="279">
        <v>0</v>
      </c>
      <c r="AN30" s="280">
        <v>1</v>
      </c>
      <c r="AO30" s="280">
        <v>0</v>
      </c>
      <c r="AP30" s="280">
        <v>0</v>
      </c>
      <c r="AQ30" s="280">
        <v>0</v>
      </c>
      <c r="AR30" s="280">
        <v>0</v>
      </c>
      <c r="AS30" s="277">
        <v>1</v>
      </c>
      <c r="AT30" s="282">
        <v>1</v>
      </c>
      <c r="AU30" s="276">
        <v>0</v>
      </c>
      <c r="AV30" s="280">
        <v>0</v>
      </c>
      <c r="AW30" s="277">
        <v>0</v>
      </c>
      <c r="AX30" s="279">
        <v>0</v>
      </c>
      <c r="AY30" s="280">
        <v>1</v>
      </c>
      <c r="AZ30" s="280">
        <v>2</v>
      </c>
      <c r="BA30" s="280">
        <v>1</v>
      </c>
      <c r="BB30" s="280">
        <v>1</v>
      </c>
      <c r="BC30" s="280">
        <v>1</v>
      </c>
      <c r="BD30" s="281">
        <v>6</v>
      </c>
      <c r="BE30" s="282">
        <v>6</v>
      </c>
      <c r="BF30" s="276">
        <v>0</v>
      </c>
      <c r="BG30" s="280">
        <v>0</v>
      </c>
      <c r="BH30" s="277">
        <v>0</v>
      </c>
      <c r="BI30" s="279">
        <v>0</v>
      </c>
      <c r="BJ30" s="280">
        <v>1</v>
      </c>
      <c r="BK30" s="280">
        <v>2</v>
      </c>
      <c r="BL30" s="280">
        <v>0</v>
      </c>
      <c r="BM30" s="280">
        <v>1</v>
      </c>
      <c r="BN30" s="280">
        <v>0</v>
      </c>
      <c r="BO30" s="277">
        <v>4</v>
      </c>
      <c r="BP30" s="282">
        <v>4</v>
      </c>
      <c r="BQ30" s="276">
        <v>0</v>
      </c>
      <c r="BR30" s="280">
        <v>0</v>
      </c>
      <c r="BS30" s="277">
        <v>0</v>
      </c>
      <c r="BT30" s="279">
        <v>0</v>
      </c>
      <c r="BU30" s="280">
        <v>1</v>
      </c>
      <c r="BV30" s="280">
        <v>1</v>
      </c>
      <c r="BW30" s="280">
        <v>1</v>
      </c>
      <c r="BX30" s="280">
        <v>0</v>
      </c>
      <c r="BY30" s="280">
        <v>1</v>
      </c>
      <c r="BZ30" s="277">
        <v>4</v>
      </c>
      <c r="CA30" s="282">
        <v>4</v>
      </c>
      <c r="CB30" s="276">
        <v>0</v>
      </c>
      <c r="CC30" s="280">
        <v>0</v>
      </c>
      <c r="CD30" s="277">
        <v>0</v>
      </c>
      <c r="CE30" s="279">
        <v>0</v>
      </c>
      <c r="CF30" s="280">
        <v>0</v>
      </c>
      <c r="CG30" s="280">
        <v>1</v>
      </c>
      <c r="CH30" s="280">
        <v>0</v>
      </c>
      <c r="CI30" s="280">
        <v>0</v>
      </c>
      <c r="CJ30" s="280">
        <v>0</v>
      </c>
      <c r="CK30" s="277">
        <v>1</v>
      </c>
      <c r="CL30" s="282">
        <v>1</v>
      </c>
      <c r="CM30" s="276">
        <v>0</v>
      </c>
      <c r="CN30" s="280">
        <v>0</v>
      </c>
      <c r="CO30" s="277">
        <v>0</v>
      </c>
      <c r="CP30" s="279">
        <v>0</v>
      </c>
      <c r="CQ30" s="280">
        <v>0</v>
      </c>
      <c r="CR30" s="280">
        <v>0</v>
      </c>
      <c r="CS30" s="280">
        <v>0</v>
      </c>
      <c r="CT30" s="280">
        <v>0</v>
      </c>
      <c r="CU30" s="280">
        <v>0</v>
      </c>
      <c r="CV30" s="277">
        <v>0</v>
      </c>
      <c r="CW30" s="282">
        <v>0</v>
      </c>
      <c r="CX30" s="276">
        <v>0</v>
      </c>
      <c r="CY30" s="280">
        <v>0</v>
      </c>
      <c r="CZ30" s="277">
        <v>0</v>
      </c>
      <c r="DA30" s="279">
        <v>0</v>
      </c>
      <c r="DB30" s="280">
        <v>0</v>
      </c>
      <c r="DC30" s="280">
        <v>0</v>
      </c>
      <c r="DD30" s="280">
        <v>0</v>
      </c>
      <c r="DE30" s="280">
        <v>0</v>
      </c>
      <c r="DF30" s="280">
        <v>0</v>
      </c>
      <c r="DG30" s="277">
        <v>0</v>
      </c>
      <c r="DH30" s="282">
        <v>0</v>
      </c>
      <c r="DI30" s="276">
        <v>0</v>
      </c>
      <c r="DJ30" s="280">
        <v>0</v>
      </c>
      <c r="DK30" s="277">
        <v>0</v>
      </c>
      <c r="DL30" s="279">
        <v>0</v>
      </c>
      <c r="DM30" s="280">
        <v>0</v>
      </c>
      <c r="DN30" s="280">
        <v>0</v>
      </c>
      <c r="DO30" s="280">
        <v>0</v>
      </c>
      <c r="DP30" s="280">
        <v>0</v>
      </c>
      <c r="DQ30" s="280">
        <v>0</v>
      </c>
      <c r="DR30" s="277">
        <v>0</v>
      </c>
      <c r="DS30" s="282">
        <v>0</v>
      </c>
      <c r="DT30" s="276">
        <v>2</v>
      </c>
      <c r="DU30" s="280">
        <v>1</v>
      </c>
      <c r="DV30" s="277">
        <v>3</v>
      </c>
      <c r="DW30" s="279">
        <v>0</v>
      </c>
      <c r="DX30" s="280">
        <v>3</v>
      </c>
      <c r="DY30" s="280">
        <v>3</v>
      </c>
      <c r="DZ30" s="280">
        <v>1</v>
      </c>
      <c r="EA30" s="280">
        <v>0</v>
      </c>
      <c r="EB30" s="280">
        <v>2</v>
      </c>
      <c r="EC30" s="277">
        <v>9</v>
      </c>
      <c r="ED30" s="282">
        <v>12</v>
      </c>
      <c r="EE30" s="276">
        <v>0</v>
      </c>
      <c r="EF30" s="280">
        <v>0</v>
      </c>
      <c r="EG30" s="277">
        <v>0</v>
      </c>
      <c r="EH30" s="279">
        <v>0</v>
      </c>
      <c r="EI30" s="280">
        <v>0</v>
      </c>
      <c r="EJ30" s="280">
        <v>0</v>
      </c>
      <c r="EK30" s="280">
        <v>1</v>
      </c>
      <c r="EL30" s="280">
        <v>1</v>
      </c>
      <c r="EM30" s="280">
        <v>0</v>
      </c>
      <c r="EN30" s="277">
        <v>2</v>
      </c>
      <c r="EO30" s="282">
        <v>2</v>
      </c>
      <c r="EP30" s="276">
        <v>2</v>
      </c>
      <c r="EQ30" s="280">
        <v>1</v>
      </c>
      <c r="ER30" s="277">
        <v>3</v>
      </c>
      <c r="ES30" s="279">
        <v>0</v>
      </c>
      <c r="ET30" s="280">
        <v>7</v>
      </c>
      <c r="EU30" s="280">
        <v>4</v>
      </c>
      <c r="EV30" s="280">
        <v>1</v>
      </c>
      <c r="EW30" s="280">
        <v>1</v>
      </c>
      <c r="EX30" s="280">
        <v>2</v>
      </c>
      <c r="EY30" s="277">
        <v>15</v>
      </c>
      <c r="EZ30" s="282">
        <v>18</v>
      </c>
    </row>
    <row r="31" spans="2:156" ht="21" customHeight="1" x14ac:dyDescent="0.2">
      <c r="B31" s="261" t="s">
        <v>29</v>
      </c>
      <c r="C31" s="276">
        <v>0</v>
      </c>
      <c r="D31" s="280">
        <v>0</v>
      </c>
      <c r="E31" s="384">
        <v>0</v>
      </c>
      <c r="F31" s="279">
        <v>0</v>
      </c>
      <c r="G31" s="280">
        <v>2</v>
      </c>
      <c r="H31" s="280">
        <v>1</v>
      </c>
      <c r="I31" s="280">
        <v>0</v>
      </c>
      <c r="J31" s="280">
        <v>2</v>
      </c>
      <c r="K31" s="280">
        <v>0</v>
      </c>
      <c r="L31" s="281">
        <v>5</v>
      </c>
      <c r="M31" s="282">
        <v>5</v>
      </c>
      <c r="N31" s="276">
        <v>0</v>
      </c>
      <c r="O31" s="280">
        <v>0</v>
      </c>
      <c r="P31" s="277">
        <v>0</v>
      </c>
      <c r="Q31" s="279">
        <v>0</v>
      </c>
      <c r="R31" s="280">
        <v>0</v>
      </c>
      <c r="S31" s="280">
        <v>0</v>
      </c>
      <c r="T31" s="280">
        <v>0</v>
      </c>
      <c r="U31" s="280">
        <v>0</v>
      </c>
      <c r="V31" s="280">
        <v>0</v>
      </c>
      <c r="W31" s="277">
        <v>0</v>
      </c>
      <c r="X31" s="282">
        <v>0</v>
      </c>
      <c r="Y31" s="276">
        <v>0</v>
      </c>
      <c r="Z31" s="280">
        <v>0</v>
      </c>
      <c r="AA31" s="277">
        <v>0</v>
      </c>
      <c r="AB31" s="279">
        <v>0</v>
      </c>
      <c r="AC31" s="280">
        <v>0</v>
      </c>
      <c r="AD31" s="280">
        <v>1</v>
      </c>
      <c r="AE31" s="280">
        <v>5</v>
      </c>
      <c r="AF31" s="280">
        <v>0</v>
      </c>
      <c r="AG31" s="280">
        <v>0</v>
      </c>
      <c r="AH31" s="277">
        <v>6</v>
      </c>
      <c r="AI31" s="282">
        <v>6</v>
      </c>
      <c r="AJ31" s="276">
        <v>0</v>
      </c>
      <c r="AK31" s="280">
        <v>0</v>
      </c>
      <c r="AL31" s="277">
        <v>0</v>
      </c>
      <c r="AM31" s="279">
        <v>0</v>
      </c>
      <c r="AN31" s="280">
        <v>0</v>
      </c>
      <c r="AO31" s="280">
        <v>1</v>
      </c>
      <c r="AP31" s="280">
        <v>1</v>
      </c>
      <c r="AQ31" s="280">
        <v>1</v>
      </c>
      <c r="AR31" s="280">
        <v>0</v>
      </c>
      <c r="AS31" s="277">
        <v>3</v>
      </c>
      <c r="AT31" s="282">
        <v>3</v>
      </c>
      <c r="AU31" s="276">
        <v>0</v>
      </c>
      <c r="AV31" s="280">
        <v>0</v>
      </c>
      <c r="AW31" s="277">
        <v>0</v>
      </c>
      <c r="AX31" s="279">
        <v>0</v>
      </c>
      <c r="AY31" s="280">
        <v>1</v>
      </c>
      <c r="AZ31" s="280">
        <v>0</v>
      </c>
      <c r="BA31" s="280">
        <v>3</v>
      </c>
      <c r="BB31" s="280">
        <v>2</v>
      </c>
      <c r="BC31" s="280">
        <v>1</v>
      </c>
      <c r="BD31" s="281">
        <v>7</v>
      </c>
      <c r="BE31" s="282">
        <v>7</v>
      </c>
      <c r="BF31" s="276">
        <v>0</v>
      </c>
      <c r="BG31" s="280">
        <v>0</v>
      </c>
      <c r="BH31" s="277">
        <v>0</v>
      </c>
      <c r="BI31" s="279">
        <v>0</v>
      </c>
      <c r="BJ31" s="280">
        <v>1</v>
      </c>
      <c r="BK31" s="280">
        <v>0</v>
      </c>
      <c r="BL31" s="280">
        <v>2</v>
      </c>
      <c r="BM31" s="280">
        <v>0</v>
      </c>
      <c r="BN31" s="280">
        <v>0</v>
      </c>
      <c r="BO31" s="277">
        <v>3</v>
      </c>
      <c r="BP31" s="282">
        <v>3</v>
      </c>
      <c r="BQ31" s="276">
        <v>0</v>
      </c>
      <c r="BR31" s="280">
        <v>0</v>
      </c>
      <c r="BS31" s="277">
        <v>0</v>
      </c>
      <c r="BT31" s="279">
        <v>0</v>
      </c>
      <c r="BU31" s="280">
        <v>1</v>
      </c>
      <c r="BV31" s="280">
        <v>1</v>
      </c>
      <c r="BW31" s="280">
        <v>1</v>
      </c>
      <c r="BX31" s="280">
        <v>1</v>
      </c>
      <c r="BY31" s="280">
        <v>0</v>
      </c>
      <c r="BZ31" s="277">
        <v>4</v>
      </c>
      <c r="CA31" s="282">
        <v>4</v>
      </c>
      <c r="CB31" s="276">
        <v>0</v>
      </c>
      <c r="CC31" s="280">
        <v>0</v>
      </c>
      <c r="CD31" s="277">
        <v>0</v>
      </c>
      <c r="CE31" s="279">
        <v>0</v>
      </c>
      <c r="CF31" s="280">
        <v>0</v>
      </c>
      <c r="CG31" s="280">
        <v>0</v>
      </c>
      <c r="CH31" s="280">
        <v>0</v>
      </c>
      <c r="CI31" s="280">
        <v>0</v>
      </c>
      <c r="CJ31" s="280">
        <v>0</v>
      </c>
      <c r="CK31" s="277">
        <v>0</v>
      </c>
      <c r="CL31" s="282">
        <v>0</v>
      </c>
      <c r="CM31" s="276">
        <v>0</v>
      </c>
      <c r="CN31" s="280">
        <v>0</v>
      </c>
      <c r="CO31" s="277">
        <v>0</v>
      </c>
      <c r="CP31" s="279">
        <v>0</v>
      </c>
      <c r="CQ31" s="280">
        <v>0</v>
      </c>
      <c r="CR31" s="280">
        <v>0</v>
      </c>
      <c r="CS31" s="280">
        <v>0</v>
      </c>
      <c r="CT31" s="280">
        <v>0</v>
      </c>
      <c r="CU31" s="280">
        <v>0</v>
      </c>
      <c r="CV31" s="277">
        <v>0</v>
      </c>
      <c r="CW31" s="282">
        <v>0</v>
      </c>
      <c r="CX31" s="276">
        <v>0</v>
      </c>
      <c r="CY31" s="280">
        <v>0</v>
      </c>
      <c r="CZ31" s="277">
        <v>0</v>
      </c>
      <c r="DA31" s="279">
        <v>0</v>
      </c>
      <c r="DB31" s="280">
        <v>0</v>
      </c>
      <c r="DC31" s="280">
        <v>0</v>
      </c>
      <c r="DD31" s="280">
        <v>0</v>
      </c>
      <c r="DE31" s="280">
        <v>0</v>
      </c>
      <c r="DF31" s="280">
        <v>0</v>
      </c>
      <c r="DG31" s="277">
        <v>0</v>
      </c>
      <c r="DH31" s="282">
        <v>0</v>
      </c>
      <c r="DI31" s="276">
        <v>0</v>
      </c>
      <c r="DJ31" s="280">
        <v>0</v>
      </c>
      <c r="DK31" s="277">
        <v>0</v>
      </c>
      <c r="DL31" s="279">
        <v>0</v>
      </c>
      <c r="DM31" s="280">
        <v>0</v>
      </c>
      <c r="DN31" s="280">
        <v>0</v>
      </c>
      <c r="DO31" s="280">
        <v>0</v>
      </c>
      <c r="DP31" s="280">
        <v>0</v>
      </c>
      <c r="DQ31" s="280">
        <v>0</v>
      </c>
      <c r="DR31" s="277">
        <v>0</v>
      </c>
      <c r="DS31" s="282">
        <v>0</v>
      </c>
      <c r="DT31" s="276">
        <v>2</v>
      </c>
      <c r="DU31" s="280">
        <v>1</v>
      </c>
      <c r="DV31" s="277">
        <v>3</v>
      </c>
      <c r="DW31" s="279">
        <v>0</v>
      </c>
      <c r="DX31" s="280">
        <v>2</v>
      </c>
      <c r="DY31" s="280">
        <v>1</v>
      </c>
      <c r="DZ31" s="280">
        <v>6</v>
      </c>
      <c r="EA31" s="280">
        <v>2</v>
      </c>
      <c r="EB31" s="280">
        <v>1</v>
      </c>
      <c r="EC31" s="277">
        <v>12</v>
      </c>
      <c r="ED31" s="282">
        <v>15</v>
      </c>
      <c r="EE31" s="276">
        <v>0</v>
      </c>
      <c r="EF31" s="280">
        <v>0</v>
      </c>
      <c r="EG31" s="277">
        <v>0</v>
      </c>
      <c r="EH31" s="279">
        <v>0</v>
      </c>
      <c r="EI31" s="280">
        <v>1</v>
      </c>
      <c r="EJ31" s="280">
        <v>0</v>
      </c>
      <c r="EK31" s="280">
        <v>0</v>
      </c>
      <c r="EL31" s="280">
        <v>2</v>
      </c>
      <c r="EM31" s="280">
        <v>0</v>
      </c>
      <c r="EN31" s="277">
        <v>3</v>
      </c>
      <c r="EO31" s="282">
        <v>3</v>
      </c>
      <c r="EP31" s="276">
        <v>2</v>
      </c>
      <c r="EQ31" s="280">
        <v>1</v>
      </c>
      <c r="ER31" s="277">
        <v>3</v>
      </c>
      <c r="ES31" s="279">
        <v>0</v>
      </c>
      <c r="ET31" s="280">
        <v>3</v>
      </c>
      <c r="EU31" s="280">
        <v>2</v>
      </c>
      <c r="EV31" s="280">
        <v>6</v>
      </c>
      <c r="EW31" s="280">
        <v>2</v>
      </c>
      <c r="EX31" s="280">
        <v>1</v>
      </c>
      <c r="EY31" s="277">
        <v>14</v>
      </c>
      <c r="EZ31" s="282">
        <v>17</v>
      </c>
    </row>
    <row r="32" spans="2:156" ht="21" customHeight="1" x14ac:dyDescent="0.2">
      <c r="B32" s="261" t="s">
        <v>30</v>
      </c>
      <c r="C32" s="276">
        <v>0</v>
      </c>
      <c r="D32" s="280">
        <v>0</v>
      </c>
      <c r="E32" s="384">
        <v>0</v>
      </c>
      <c r="F32" s="279">
        <v>0</v>
      </c>
      <c r="G32" s="280">
        <v>1</v>
      </c>
      <c r="H32" s="280">
        <v>0</v>
      </c>
      <c r="I32" s="280">
        <v>1</v>
      </c>
      <c r="J32" s="280">
        <v>1</v>
      </c>
      <c r="K32" s="280">
        <v>0</v>
      </c>
      <c r="L32" s="281">
        <v>3</v>
      </c>
      <c r="M32" s="282">
        <v>3</v>
      </c>
      <c r="N32" s="276">
        <v>0</v>
      </c>
      <c r="O32" s="280">
        <v>0</v>
      </c>
      <c r="P32" s="277">
        <v>0</v>
      </c>
      <c r="Q32" s="279">
        <v>0</v>
      </c>
      <c r="R32" s="280">
        <v>0</v>
      </c>
      <c r="S32" s="280">
        <v>0</v>
      </c>
      <c r="T32" s="280">
        <v>0</v>
      </c>
      <c r="U32" s="280">
        <v>1</v>
      </c>
      <c r="V32" s="280">
        <v>0</v>
      </c>
      <c r="W32" s="277">
        <v>1</v>
      </c>
      <c r="X32" s="282">
        <v>1</v>
      </c>
      <c r="Y32" s="276">
        <v>0</v>
      </c>
      <c r="Z32" s="280">
        <v>0</v>
      </c>
      <c r="AA32" s="277">
        <v>0</v>
      </c>
      <c r="AB32" s="279">
        <v>0</v>
      </c>
      <c r="AC32" s="280">
        <v>1</v>
      </c>
      <c r="AD32" s="280">
        <v>0</v>
      </c>
      <c r="AE32" s="280">
        <v>0</v>
      </c>
      <c r="AF32" s="280">
        <v>1</v>
      </c>
      <c r="AG32" s="280">
        <v>0</v>
      </c>
      <c r="AH32" s="277">
        <v>2</v>
      </c>
      <c r="AI32" s="282">
        <v>2</v>
      </c>
      <c r="AJ32" s="276">
        <v>0</v>
      </c>
      <c r="AK32" s="280">
        <v>0</v>
      </c>
      <c r="AL32" s="277">
        <v>0</v>
      </c>
      <c r="AM32" s="279">
        <v>0</v>
      </c>
      <c r="AN32" s="280">
        <v>0</v>
      </c>
      <c r="AO32" s="280">
        <v>0</v>
      </c>
      <c r="AP32" s="280">
        <v>0</v>
      </c>
      <c r="AQ32" s="280">
        <v>0</v>
      </c>
      <c r="AR32" s="280">
        <v>0</v>
      </c>
      <c r="AS32" s="277">
        <v>0</v>
      </c>
      <c r="AT32" s="282">
        <v>0</v>
      </c>
      <c r="AU32" s="276">
        <v>0</v>
      </c>
      <c r="AV32" s="280">
        <v>0</v>
      </c>
      <c r="AW32" s="277">
        <v>0</v>
      </c>
      <c r="AX32" s="279">
        <v>0</v>
      </c>
      <c r="AY32" s="280">
        <v>3</v>
      </c>
      <c r="AZ32" s="280">
        <v>1</v>
      </c>
      <c r="BA32" s="280">
        <v>1</v>
      </c>
      <c r="BB32" s="280">
        <v>0</v>
      </c>
      <c r="BC32" s="280">
        <v>0</v>
      </c>
      <c r="BD32" s="281">
        <v>5</v>
      </c>
      <c r="BE32" s="282">
        <v>5</v>
      </c>
      <c r="BF32" s="276">
        <v>0</v>
      </c>
      <c r="BG32" s="280">
        <v>0</v>
      </c>
      <c r="BH32" s="277">
        <v>0</v>
      </c>
      <c r="BI32" s="279">
        <v>0</v>
      </c>
      <c r="BJ32" s="280">
        <v>1</v>
      </c>
      <c r="BK32" s="280">
        <v>3</v>
      </c>
      <c r="BL32" s="280">
        <v>0</v>
      </c>
      <c r="BM32" s="280">
        <v>0</v>
      </c>
      <c r="BN32" s="280">
        <v>0</v>
      </c>
      <c r="BO32" s="277">
        <v>4</v>
      </c>
      <c r="BP32" s="282">
        <v>4</v>
      </c>
      <c r="BQ32" s="276">
        <v>0</v>
      </c>
      <c r="BR32" s="280">
        <v>0</v>
      </c>
      <c r="BS32" s="277">
        <v>0</v>
      </c>
      <c r="BT32" s="279">
        <v>0</v>
      </c>
      <c r="BU32" s="280">
        <v>0</v>
      </c>
      <c r="BV32" s="280">
        <v>1</v>
      </c>
      <c r="BW32" s="280">
        <v>0</v>
      </c>
      <c r="BX32" s="280">
        <v>0</v>
      </c>
      <c r="BY32" s="280">
        <v>0</v>
      </c>
      <c r="BZ32" s="277">
        <v>1</v>
      </c>
      <c r="CA32" s="282">
        <v>1</v>
      </c>
      <c r="CB32" s="276">
        <v>0</v>
      </c>
      <c r="CC32" s="280">
        <v>0</v>
      </c>
      <c r="CD32" s="277">
        <v>0</v>
      </c>
      <c r="CE32" s="279">
        <v>0</v>
      </c>
      <c r="CF32" s="280">
        <v>1</v>
      </c>
      <c r="CG32" s="280">
        <v>0</v>
      </c>
      <c r="CH32" s="280">
        <v>0</v>
      </c>
      <c r="CI32" s="280">
        <v>0</v>
      </c>
      <c r="CJ32" s="280">
        <v>0</v>
      </c>
      <c r="CK32" s="277">
        <v>1</v>
      </c>
      <c r="CL32" s="282">
        <v>1</v>
      </c>
      <c r="CM32" s="276">
        <v>0</v>
      </c>
      <c r="CN32" s="280">
        <v>0</v>
      </c>
      <c r="CO32" s="277">
        <v>0</v>
      </c>
      <c r="CP32" s="279">
        <v>0</v>
      </c>
      <c r="CQ32" s="280">
        <v>0</v>
      </c>
      <c r="CR32" s="280">
        <v>1</v>
      </c>
      <c r="CS32" s="280">
        <v>0</v>
      </c>
      <c r="CT32" s="280">
        <v>0</v>
      </c>
      <c r="CU32" s="280">
        <v>0</v>
      </c>
      <c r="CV32" s="277">
        <v>1</v>
      </c>
      <c r="CW32" s="282">
        <v>1</v>
      </c>
      <c r="CX32" s="276">
        <v>0</v>
      </c>
      <c r="CY32" s="280">
        <v>0</v>
      </c>
      <c r="CZ32" s="277">
        <v>0</v>
      </c>
      <c r="DA32" s="279">
        <v>0</v>
      </c>
      <c r="DB32" s="280">
        <v>0</v>
      </c>
      <c r="DC32" s="280">
        <v>0</v>
      </c>
      <c r="DD32" s="280">
        <v>0</v>
      </c>
      <c r="DE32" s="280">
        <v>0</v>
      </c>
      <c r="DF32" s="280">
        <v>0</v>
      </c>
      <c r="DG32" s="277">
        <v>0</v>
      </c>
      <c r="DH32" s="282">
        <v>0</v>
      </c>
      <c r="DI32" s="276">
        <v>0</v>
      </c>
      <c r="DJ32" s="280">
        <v>0</v>
      </c>
      <c r="DK32" s="277">
        <v>0</v>
      </c>
      <c r="DL32" s="279">
        <v>0</v>
      </c>
      <c r="DM32" s="280">
        <v>0</v>
      </c>
      <c r="DN32" s="280">
        <v>0</v>
      </c>
      <c r="DO32" s="280">
        <v>0</v>
      </c>
      <c r="DP32" s="280">
        <v>0</v>
      </c>
      <c r="DQ32" s="280">
        <v>0</v>
      </c>
      <c r="DR32" s="277">
        <v>0</v>
      </c>
      <c r="DS32" s="282">
        <v>0</v>
      </c>
      <c r="DT32" s="276">
        <v>3</v>
      </c>
      <c r="DU32" s="280">
        <v>1</v>
      </c>
      <c r="DV32" s="277">
        <v>4</v>
      </c>
      <c r="DW32" s="279">
        <v>0</v>
      </c>
      <c r="DX32" s="280">
        <v>1</v>
      </c>
      <c r="DY32" s="280">
        <v>3</v>
      </c>
      <c r="DZ32" s="280">
        <v>2</v>
      </c>
      <c r="EA32" s="280">
        <v>3</v>
      </c>
      <c r="EB32" s="280">
        <v>0</v>
      </c>
      <c r="EC32" s="277">
        <v>9</v>
      </c>
      <c r="ED32" s="282">
        <v>13</v>
      </c>
      <c r="EE32" s="276">
        <v>0</v>
      </c>
      <c r="EF32" s="280">
        <v>0</v>
      </c>
      <c r="EG32" s="277">
        <v>0</v>
      </c>
      <c r="EH32" s="279">
        <v>0</v>
      </c>
      <c r="EI32" s="280">
        <v>2</v>
      </c>
      <c r="EJ32" s="280">
        <v>0</v>
      </c>
      <c r="EK32" s="280">
        <v>0</v>
      </c>
      <c r="EL32" s="280">
        <v>0</v>
      </c>
      <c r="EM32" s="280">
        <v>0</v>
      </c>
      <c r="EN32" s="277">
        <v>2</v>
      </c>
      <c r="EO32" s="282">
        <v>2</v>
      </c>
      <c r="EP32" s="276">
        <v>3</v>
      </c>
      <c r="EQ32" s="280">
        <v>1</v>
      </c>
      <c r="ER32" s="277">
        <v>4</v>
      </c>
      <c r="ES32" s="279">
        <v>0</v>
      </c>
      <c r="ET32" s="280">
        <v>3</v>
      </c>
      <c r="EU32" s="280">
        <v>4</v>
      </c>
      <c r="EV32" s="280">
        <v>2</v>
      </c>
      <c r="EW32" s="280">
        <v>3</v>
      </c>
      <c r="EX32" s="280">
        <v>0</v>
      </c>
      <c r="EY32" s="277">
        <v>12</v>
      </c>
      <c r="EZ32" s="282">
        <v>16</v>
      </c>
    </row>
    <row r="33" spans="2:156" ht="21" customHeight="1" x14ac:dyDescent="0.2">
      <c r="B33" s="261" t="s">
        <v>31</v>
      </c>
      <c r="C33" s="276">
        <v>0</v>
      </c>
      <c r="D33" s="280">
        <v>0</v>
      </c>
      <c r="E33" s="384">
        <v>0</v>
      </c>
      <c r="F33" s="279">
        <v>0</v>
      </c>
      <c r="G33" s="280">
        <v>0</v>
      </c>
      <c r="H33" s="280">
        <v>0</v>
      </c>
      <c r="I33" s="280">
        <v>0</v>
      </c>
      <c r="J33" s="280">
        <v>1</v>
      </c>
      <c r="K33" s="280">
        <v>0</v>
      </c>
      <c r="L33" s="281">
        <v>1</v>
      </c>
      <c r="M33" s="282">
        <v>1</v>
      </c>
      <c r="N33" s="276">
        <v>0</v>
      </c>
      <c r="O33" s="280">
        <v>0</v>
      </c>
      <c r="P33" s="277">
        <v>0</v>
      </c>
      <c r="Q33" s="279">
        <v>0</v>
      </c>
      <c r="R33" s="280">
        <v>0</v>
      </c>
      <c r="S33" s="280">
        <v>0</v>
      </c>
      <c r="T33" s="280">
        <v>0</v>
      </c>
      <c r="U33" s="280">
        <v>0</v>
      </c>
      <c r="V33" s="280">
        <v>1</v>
      </c>
      <c r="W33" s="277">
        <v>1</v>
      </c>
      <c r="X33" s="282">
        <v>1</v>
      </c>
      <c r="Y33" s="276">
        <v>0</v>
      </c>
      <c r="Z33" s="280">
        <v>0</v>
      </c>
      <c r="AA33" s="277">
        <v>0</v>
      </c>
      <c r="AB33" s="279">
        <v>0</v>
      </c>
      <c r="AC33" s="280">
        <v>1</v>
      </c>
      <c r="AD33" s="280">
        <v>1</v>
      </c>
      <c r="AE33" s="280">
        <v>0</v>
      </c>
      <c r="AF33" s="280">
        <v>2</v>
      </c>
      <c r="AG33" s="280">
        <v>1</v>
      </c>
      <c r="AH33" s="277">
        <v>5</v>
      </c>
      <c r="AI33" s="282">
        <v>5</v>
      </c>
      <c r="AJ33" s="276">
        <v>0</v>
      </c>
      <c r="AK33" s="280">
        <v>0</v>
      </c>
      <c r="AL33" s="277">
        <v>0</v>
      </c>
      <c r="AM33" s="279">
        <v>0</v>
      </c>
      <c r="AN33" s="280">
        <v>0</v>
      </c>
      <c r="AO33" s="280">
        <v>0</v>
      </c>
      <c r="AP33" s="280">
        <v>1</v>
      </c>
      <c r="AQ33" s="280">
        <v>0</v>
      </c>
      <c r="AR33" s="280">
        <v>0</v>
      </c>
      <c r="AS33" s="277">
        <v>1</v>
      </c>
      <c r="AT33" s="282">
        <v>1</v>
      </c>
      <c r="AU33" s="276">
        <v>0</v>
      </c>
      <c r="AV33" s="280">
        <v>0</v>
      </c>
      <c r="AW33" s="277">
        <v>0</v>
      </c>
      <c r="AX33" s="279">
        <v>0</v>
      </c>
      <c r="AY33" s="280">
        <v>1</v>
      </c>
      <c r="AZ33" s="280">
        <v>1</v>
      </c>
      <c r="BA33" s="280">
        <v>0</v>
      </c>
      <c r="BB33" s="280">
        <v>0</v>
      </c>
      <c r="BC33" s="280">
        <v>1</v>
      </c>
      <c r="BD33" s="281">
        <v>3</v>
      </c>
      <c r="BE33" s="282">
        <v>3</v>
      </c>
      <c r="BF33" s="276">
        <v>0</v>
      </c>
      <c r="BG33" s="280">
        <v>0</v>
      </c>
      <c r="BH33" s="277">
        <v>0</v>
      </c>
      <c r="BI33" s="279">
        <v>0</v>
      </c>
      <c r="BJ33" s="280">
        <v>0</v>
      </c>
      <c r="BK33" s="280">
        <v>1</v>
      </c>
      <c r="BL33" s="280">
        <v>3</v>
      </c>
      <c r="BM33" s="280">
        <v>1</v>
      </c>
      <c r="BN33" s="280">
        <v>0</v>
      </c>
      <c r="BO33" s="277">
        <v>5</v>
      </c>
      <c r="BP33" s="282">
        <v>5</v>
      </c>
      <c r="BQ33" s="276">
        <v>0</v>
      </c>
      <c r="BR33" s="280">
        <v>0</v>
      </c>
      <c r="BS33" s="277">
        <v>0</v>
      </c>
      <c r="BT33" s="279">
        <v>0</v>
      </c>
      <c r="BU33" s="280">
        <v>0</v>
      </c>
      <c r="BV33" s="280">
        <v>0</v>
      </c>
      <c r="BW33" s="280">
        <v>0</v>
      </c>
      <c r="BX33" s="280">
        <v>0</v>
      </c>
      <c r="BY33" s="280">
        <v>0</v>
      </c>
      <c r="BZ33" s="277">
        <v>0</v>
      </c>
      <c r="CA33" s="282">
        <v>0</v>
      </c>
      <c r="CB33" s="276">
        <v>0</v>
      </c>
      <c r="CC33" s="280">
        <v>0</v>
      </c>
      <c r="CD33" s="277">
        <v>0</v>
      </c>
      <c r="CE33" s="279">
        <v>0</v>
      </c>
      <c r="CF33" s="280">
        <v>0</v>
      </c>
      <c r="CG33" s="280">
        <v>0</v>
      </c>
      <c r="CH33" s="280">
        <v>0</v>
      </c>
      <c r="CI33" s="280">
        <v>0</v>
      </c>
      <c r="CJ33" s="280">
        <v>0</v>
      </c>
      <c r="CK33" s="277">
        <v>0</v>
      </c>
      <c r="CL33" s="282">
        <v>0</v>
      </c>
      <c r="CM33" s="276">
        <v>0</v>
      </c>
      <c r="CN33" s="280">
        <v>0</v>
      </c>
      <c r="CO33" s="277">
        <v>0</v>
      </c>
      <c r="CP33" s="279">
        <v>0</v>
      </c>
      <c r="CQ33" s="280">
        <v>0</v>
      </c>
      <c r="CR33" s="280">
        <v>0</v>
      </c>
      <c r="CS33" s="280">
        <v>0</v>
      </c>
      <c r="CT33" s="280">
        <v>0</v>
      </c>
      <c r="CU33" s="280">
        <v>0</v>
      </c>
      <c r="CV33" s="277">
        <v>0</v>
      </c>
      <c r="CW33" s="282">
        <v>0</v>
      </c>
      <c r="CX33" s="276">
        <v>0</v>
      </c>
      <c r="CY33" s="280">
        <v>0</v>
      </c>
      <c r="CZ33" s="277">
        <v>0</v>
      </c>
      <c r="DA33" s="279">
        <v>0</v>
      </c>
      <c r="DB33" s="280">
        <v>0</v>
      </c>
      <c r="DC33" s="280">
        <v>0</v>
      </c>
      <c r="DD33" s="280">
        <v>0</v>
      </c>
      <c r="DE33" s="280">
        <v>0</v>
      </c>
      <c r="DF33" s="280">
        <v>0</v>
      </c>
      <c r="DG33" s="277">
        <v>0</v>
      </c>
      <c r="DH33" s="282">
        <v>0</v>
      </c>
      <c r="DI33" s="276">
        <v>0</v>
      </c>
      <c r="DJ33" s="280">
        <v>0</v>
      </c>
      <c r="DK33" s="277">
        <v>0</v>
      </c>
      <c r="DL33" s="279">
        <v>0</v>
      </c>
      <c r="DM33" s="280">
        <v>0</v>
      </c>
      <c r="DN33" s="280">
        <v>0</v>
      </c>
      <c r="DO33" s="280">
        <v>0</v>
      </c>
      <c r="DP33" s="280">
        <v>0</v>
      </c>
      <c r="DQ33" s="280">
        <v>0</v>
      </c>
      <c r="DR33" s="277">
        <v>0</v>
      </c>
      <c r="DS33" s="282">
        <v>0</v>
      </c>
      <c r="DT33" s="276">
        <v>2</v>
      </c>
      <c r="DU33" s="280">
        <v>0</v>
      </c>
      <c r="DV33" s="277">
        <v>2</v>
      </c>
      <c r="DW33" s="279">
        <v>0</v>
      </c>
      <c r="DX33" s="280">
        <v>3</v>
      </c>
      <c r="DY33" s="280">
        <v>2</v>
      </c>
      <c r="DZ33" s="280">
        <v>1</v>
      </c>
      <c r="EA33" s="280">
        <v>2</v>
      </c>
      <c r="EB33" s="280">
        <v>1</v>
      </c>
      <c r="EC33" s="277">
        <v>9</v>
      </c>
      <c r="ED33" s="282">
        <v>11</v>
      </c>
      <c r="EE33" s="276">
        <v>0</v>
      </c>
      <c r="EF33" s="280">
        <v>0</v>
      </c>
      <c r="EG33" s="277">
        <v>0</v>
      </c>
      <c r="EH33" s="279">
        <v>0</v>
      </c>
      <c r="EI33" s="280">
        <v>1</v>
      </c>
      <c r="EJ33" s="280">
        <v>1</v>
      </c>
      <c r="EK33" s="280">
        <v>0</v>
      </c>
      <c r="EL33" s="280">
        <v>0</v>
      </c>
      <c r="EM33" s="280">
        <v>1</v>
      </c>
      <c r="EN33" s="277">
        <v>3</v>
      </c>
      <c r="EO33" s="282">
        <v>3</v>
      </c>
      <c r="EP33" s="276">
        <v>2</v>
      </c>
      <c r="EQ33" s="280">
        <v>0</v>
      </c>
      <c r="ER33" s="277">
        <v>2</v>
      </c>
      <c r="ES33" s="279">
        <v>0</v>
      </c>
      <c r="ET33" s="280">
        <v>4</v>
      </c>
      <c r="EU33" s="280">
        <v>2</v>
      </c>
      <c r="EV33" s="280">
        <v>3</v>
      </c>
      <c r="EW33" s="280">
        <v>2</v>
      </c>
      <c r="EX33" s="280">
        <v>1</v>
      </c>
      <c r="EY33" s="277">
        <v>12</v>
      </c>
      <c r="EZ33" s="282">
        <v>14</v>
      </c>
    </row>
    <row r="34" spans="2:156" ht="21" customHeight="1" x14ac:dyDescent="0.2">
      <c r="B34" s="261" t="s">
        <v>32</v>
      </c>
      <c r="C34" s="276">
        <v>0</v>
      </c>
      <c r="D34" s="280">
        <v>0</v>
      </c>
      <c r="E34" s="384">
        <v>0</v>
      </c>
      <c r="F34" s="279">
        <v>0</v>
      </c>
      <c r="G34" s="280">
        <v>0</v>
      </c>
      <c r="H34" s="280">
        <v>0</v>
      </c>
      <c r="I34" s="280">
        <v>0</v>
      </c>
      <c r="J34" s="280">
        <v>1</v>
      </c>
      <c r="K34" s="280">
        <v>0</v>
      </c>
      <c r="L34" s="281">
        <v>1</v>
      </c>
      <c r="M34" s="282">
        <v>1</v>
      </c>
      <c r="N34" s="276">
        <v>0</v>
      </c>
      <c r="O34" s="280">
        <v>0</v>
      </c>
      <c r="P34" s="277">
        <v>0</v>
      </c>
      <c r="Q34" s="279">
        <v>0</v>
      </c>
      <c r="R34" s="280">
        <v>0</v>
      </c>
      <c r="S34" s="280">
        <v>0</v>
      </c>
      <c r="T34" s="280">
        <v>0</v>
      </c>
      <c r="U34" s="280">
        <v>0</v>
      </c>
      <c r="V34" s="280">
        <v>0</v>
      </c>
      <c r="W34" s="277">
        <v>0</v>
      </c>
      <c r="X34" s="282">
        <v>0</v>
      </c>
      <c r="Y34" s="276">
        <v>0</v>
      </c>
      <c r="Z34" s="280">
        <v>0</v>
      </c>
      <c r="AA34" s="277">
        <v>0</v>
      </c>
      <c r="AB34" s="279">
        <v>0</v>
      </c>
      <c r="AC34" s="280">
        <v>0</v>
      </c>
      <c r="AD34" s="280">
        <v>2</v>
      </c>
      <c r="AE34" s="280">
        <v>0</v>
      </c>
      <c r="AF34" s="280">
        <v>0</v>
      </c>
      <c r="AG34" s="280">
        <v>0</v>
      </c>
      <c r="AH34" s="277">
        <v>2</v>
      </c>
      <c r="AI34" s="282">
        <v>2</v>
      </c>
      <c r="AJ34" s="276">
        <v>1</v>
      </c>
      <c r="AK34" s="280">
        <v>0</v>
      </c>
      <c r="AL34" s="277">
        <v>1</v>
      </c>
      <c r="AM34" s="279">
        <v>0</v>
      </c>
      <c r="AN34" s="280">
        <v>0</v>
      </c>
      <c r="AO34" s="280">
        <v>0</v>
      </c>
      <c r="AP34" s="280">
        <v>0</v>
      </c>
      <c r="AQ34" s="280">
        <v>1</v>
      </c>
      <c r="AR34" s="280">
        <v>0</v>
      </c>
      <c r="AS34" s="277">
        <v>1</v>
      </c>
      <c r="AT34" s="282">
        <v>2</v>
      </c>
      <c r="AU34" s="276">
        <v>0</v>
      </c>
      <c r="AV34" s="280">
        <v>0</v>
      </c>
      <c r="AW34" s="277">
        <v>0</v>
      </c>
      <c r="AX34" s="279">
        <v>0</v>
      </c>
      <c r="AY34" s="280">
        <v>0</v>
      </c>
      <c r="AZ34" s="280">
        <v>1</v>
      </c>
      <c r="BA34" s="280">
        <v>2</v>
      </c>
      <c r="BB34" s="280">
        <v>3</v>
      </c>
      <c r="BC34" s="280">
        <v>2</v>
      </c>
      <c r="BD34" s="281">
        <v>8</v>
      </c>
      <c r="BE34" s="282">
        <v>8</v>
      </c>
      <c r="BF34" s="276">
        <v>0</v>
      </c>
      <c r="BG34" s="280">
        <v>0</v>
      </c>
      <c r="BH34" s="277">
        <v>0</v>
      </c>
      <c r="BI34" s="279">
        <v>0</v>
      </c>
      <c r="BJ34" s="280">
        <v>3</v>
      </c>
      <c r="BK34" s="280">
        <v>2</v>
      </c>
      <c r="BL34" s="280">
        <v>0</v>
      </c>
      <c r="BM34" s="280">
        <v>0</v>
      </c>
      <c r="BN34" s="280">
        <v>0</v>
      </c>
      <c r="BO34" s="277">
        <v>5</v>
      </c>
      <c r="BP34" s="282">
        <v>5</v>
      </c>
      <c r="BQ34" s="276">
        <v>1</v>
      </c>
      <c r="BR34" s="280">
        <v>0</v>
      </c>
      <c r="BS34" s="277">
        <v>1</v>
      </c>
      <c r="BT34" s="279">
        <v>0</v>
      </c>
      <c r="BU34" s="280">
        <v>0</v>
      </c>
      <c r="BV34" s="280">
        <v>0</v>
      </c>
      <c r="BW34" s="280">
        <v>1</v>
      </c>
      <c r="BX34" s="280">
        <v>1</v>
      </c>
      <c r="BY34" s="280">
        <v>0</v>
      </c>
      <c r="BZ34" s="277">
        <v>2</v>
      </c>
      <c r="CA34" s="282">
        <v>3</v>
      </c>
      <c r="CB34" s="276">
        <v>0</v>
      </c>
      <c r="CC34" s="280">
        <v>0</v>
      </c>
      <c r="CD34" s="277">
        <v>0</v>
      </c>
      <c r="CE34" s="279">
        <v>0</v>
      </c>
      <c r="CF34" s="280">
        <v>0</v>
      </c>
      <c r="CG34" s="280">
        <v>0</v>
      </c>
      <c r="CH34" s="280">
        <v>1</v>
      </c>
      <c r="CI34" s="280">
        <v>1</v>
      </c>
      <c r="CJ34" s="280">
        <v>0</v>
      </c>
      <c r="CK34" s="277">
        <v>2</v>
      </c>
      <c r="CL34" s="282">
        <v>2</v>
      </c>
      <c r="CM34" s="276">
        <v>0</v>
      </c>
      <c r="CN34" s="280">
        <v>0</v>
      </c>
      <c r="CO34" s="277">
        <v>0</v>
      </c>
      <c r="CP34" s="279">
        <v>0</v>
      </c>
      <c r="CQ34" s="280">
        <v>0</v>
      </c>
      <c r="CR34" s="280">
        <v>0</v>
      </c>
      <c r="CS34" s="280">
        <v>0</v>
      </c>
      <c r="CT34" s="280">
        <v>0</v>
      </c>
      <c r="CU34" s="280">
        <v>0</v>
      </c>
      <c r="CV34" s="277">
        <v>0</v>
      </c>
      <c r="CW34" s="282">
        <v>0</v>
      </c>
      <c r="CX34" s="276">
        <v>0</v>
      </c>
      <c r="CY34" s="280">
        <v>0</v>
      </c>
      <c r="CZ34" s="277">
        <v>0</v>
      </c>
      <c r="DA34" s="279">
        <v>0</v>
      </c>
      <c r="DB34" s="280">
        <v>0</v>
      </c>
      <c r="DC34" s="280">
        <v>0</v>
      </c>
      <c r="DD34" s="280">
        <v>0</v>
      </c>
      <c r="DE34" s="280">
        <v>0</v>
      </c>
      <c r="DF34" s="280">
        <v>0</v>
      </c>
      <c r="DG34" s="277">
        <v>0</v>
      </c>
      <c r="DH34" s="282">
        <v>0</v>
      </c>
      <c r="DI34" s="276">
        <v>0</v>
      </c>
      <c r="DJ34" s="280">
        <v>0</v>
      </c>
      <c r="DK34" s="277">
        <v>0</v>
      </c>
      <c r="DL34" s="279">
        <v>0</v>
      </c>
      <c r="DM34" s="280">
        <v>0</v>
      </c>
      <c r="DN34" s="280">
        <v>0</v>
      </c>
      <c r="DO34" s="280">
        <v>0</v>
      </c>
      <c r="DP34" s="280">
        <v>0</v>
      </c>
      <c r="DQ34" s="280">
        <v>0</v>
      </c>
      <c r="DR34" s="277">
        <v>0</v>
      </c>
      <c r="DS34" s="282">
        <v>0</v>
      </c>
      <c r="DT34" s="276">
        <v>1</v>
      </c>
      <c r="DU34" s="280">
        <v>0</v>
      </c>
      <c r="DV34" s="277">
        <v>1</v>
      </c>
      <c r="DW34" s="279">
        <v>0</v>
      </c>
      <c r="DX34" s="280">
        <v>2</v>
      </c>
      <c r="DY34" s="280">
        <v>4</v>
      </c>
      <c r="DZ34" s="280">
        <v>1</v>
      </c>
      <c r="EA34" s="280">
        <v>3</v>
      </c>
      <c r="EB34" s="280">
        <v>0</v>
      </c>
      <c r="EC34" s="277">
        <v>10</v>
      </c>
      <c r="ED34" s="282">
        <v>11</v>
      </c>
      <c r="EE34" s="276">
        <v>0</v>
      </c>
      <c r="EF34" s="280">
        <v>0</v>
      </c>
      <c r="EG34" s="277">
        <v>0</v>
      </c>
      <c r="EH34" s="279">
        <v>0</v>
      </c>
      <c r="EI34" s="280">
        <v>0</v>
      </c>
      <c r="EJ34" s="280">
        <v>1</v>
      </c>
      <c r="EK34" s="280">
        <v>1</v>
      </c>
      <c r="EL34" s="280">
        <v>0</v>
      </c>
      <c r="EM34" s="280">
        <v>1</v>
      </c>
      <c r="EN34" s="277">
        <v>3</v>
      </c>
      <c r="EO34" s="282">
        <v>3</v>
      </c>
      <c r="EP34" s="276">
        <v>3</v>
      </c>
      <c r="EQ34" s="280">
        <v>0</v>
      </c>
      <c r="ER34" s="277">
        <v>3</v>
      </c>
      <c r="ES34" s="279">
        <v>0</v>
      </c>
      <c r="ET34" s="280">
        <v>5</v>
      </c>
      <c r="EU34" s="280">
        <v>5</v>
      </c>
      <c r="EV34" s="280">
        <v>1</v>
      </c>
      <c r="EW34" s="280">
        <v>4</v>
      </c>
      <c r="EX34" s="280">
        <v>0</v>
      </c>
      <c r="EY34" s="277">
        <v>15</v>
      </c>
      <c r="EZ34" s="282">
        <v>18</v>
      </c>
    </row>
    <row r="35" spans="2:156" ht="21" customHeight="1" x14ac:dyDescent="0.2">
      <c r="B35" s="261" t="s">
        <v>33</v>
      </c>
      <c r="C35" s="276">
        <v>0</v>
      </c>
      <c r="D35" s="280">
        <v>0</v>
      </c>
      <c r="E35" s="384">
        <v>0</v>
      </c>
      <c r="F35" s="279">
        <v>0</v>
      </c>
      <c r="G35" s="280">
        <v>1</v>
      </c>
      <c r="H35" s="280">
        <v>0</v>
      </c>
      <c r="I35" s="280">
        <v>1</v>
      </c>
      <c r="J35" s="280">
        <v>1</v>
      </c>
      <c r="K35" s="280">
        <v>0</v>
      </c>
      <c r="L35" s="281">
        <v>3</v>
      </c>
      <c r="M35" s="282">
        <v>3</v>
      </c>
      <c r="N35" s="276">
        <v>0</v>
      </c>
      <c r="O35" s="280">
        <v>0</v>
      </c>
      <c r="P35" s="277">
        <v>0</v>
      </c>
      <c r="Q35" s="279">
        <v>0</v>
      </c>
      <c r="R35" s="280">
        <v>0</v>
      </c>
      <c r="S35" s="280">
        <v>0</v>
      </c>
      <c r="T35" s="280">
        <v>1</v>
      </c>
      <c r="U35" s="280">
        <v>0</v>
      </c>
      <c r="V35" s="280">
        <v>0</v>
      </c>
      <c r="W35" s="277">
        <v>1</v>
      </c>
      <c r="X35" s="282">
        <v>1</v>
      </c>
      <c r="Y35" s="276">
        <v>0</v>
      </c>
      <c r="Z35" s="280">
        <v>0</v>
      </c>
      <c r="AA35" s="277">
        <v>0</v>
      </c>
      <c r="AB35" s="279">
        <v>0</v>
      </c>
      <c r="AC35" s="280">
        <v>0</v>
      </c>
      <c r="AD35" s="280">
        <v>1</v>
      </c>
      <c r="AE35" s="280">
        <v>2</v>
      </c>
      <c r="AF35" s="280">
        <v>1</v>
      </c>
      <c r="AG35" s="280">
        <v>0</v>
      </c>
      <c r="AH35" s="277">
        <v>4</v>
      </c>
      <c r="AI35" s="282">
        <v>4</v>
      </c>
      <c r="AJ35" s="276">
        <v>0</v>
      </c>
      <c r="AK35" s="280">
        <v>1</v>
      </c>
      <c r="AL35" s="277">
        <v>1</v>
      </c>
      <c r="AM35" s="279">
        <v>0</v>
      </c>
      <c r="AN35" s="280">
        <v>1</v>
      </c>
      <c r="AO35" s="280">
        <v>2</v>
      </c>
      <c r="AP35" s="280">
        <v>1</v>
      </c>
      <c r="AQ35" s="280">
        <v>1</v>
      </c>
      <c r="AR35" s="280">
        <v>1</v>
      </c>
      <c r="AS35" s="277">
        <v>6</v>
      </c>
      <c r="AT35" s="282">
        <v>7</v>
      </c>
      <c r="AU35" s="276">
        <v>0</v>
      </c>
      <c r="AV35" s="280">
        <v>0</v>
      </c>
      <c r="AW35" s="277">
        <v>0</v>
      </c>
      <c r="AX35" s="279">
        <v>0</v>
      </c>
      <c r="AY35" s="280">
        <v>1</v>
      </c>
      <c r="AZ35" s="280">
        <v>1</v>
      </c>
      <c r="BA35" s="280">
        <v>2</v>
      </c>
      <c r="BB35" s="280">
        <v>0</v>
      </c>
      <c r="BC35" s="280">
        <v>0</v>
      </c>
      <c r="BD35" s="281">
        <v>4</v>
      </c>
      <c r="BE35" s="282">
        <v>4</v>
      </c>
      <c r="BF35" s="276">
        <v>0</v>
      </c>
      <c r="BG35" s="280">
        <v>0</v>
      </c>
      <c r="BH35" s="277">
        <v>0</v>
      </c>
      <c r="BI35" s="279">
        <v>0</v>
      </c>
      <c r="BJ35" s="280">
        <v>2</v>
      </c>
      <c r="BK35" s="280">
        <v>0</v>
      </c>
      <c r="BL35" s="280">
        <v>0</v>
      </c>
      <c r="BM35" s="280">
        <v>0</v>
      </c>
      <c r="BN35" s="280">
        <v>0</v>
      </c>
      <c r="BO35" s="277">
        <v>2</v>
      </c>
      <c r="BP35" s="282">
        <v>2</v>
      </c>
      <c r="BQ35" s="276">
        <v>0</v>
      </c>
      <c r="BR35" s="280">
        <v>0</v>
      </c>
      <c r="BS35" s="277">
        <v>0</v>
      </c>
      <c r="BT35" s="279">
        <v>0</v>
      </c>
      <c r="BU35" s="280">
        <v>2</v>
      </c>
      <c r="BV35" s="280">
        <v>0</v>
      </c>
      <c r="BW35" s="280">
        <v>0</v>
      </c>
      <c r="BX35" s="280">
        <v>0</v>
      </c>
      <c r="BY35" s="280">
        <v>0</v>
      </c>
      <c r="BZ35" s="277">
        <v>2</v>
      </c>
      <c r="CA35" s="282">
        <v>2</v>
      </c>
      <c r="CB35" s="276">
        <v>0</v>
      </c>
      <c r="CC35" s="280">
        <v>0</v>
      </c>
      <c r="CD35" s="277">
        <v>0</v>
      </c>
      <c r="CE35" s="279">
        <v>0</v>
      </c>
      <c r="CF35" s="280">
        <v>0</v>
      </c>
      <c r="CG35" s="280">
        <v>0</v>
      </c>
      <c r="CH35" s="280">
        <v>1</v>
      </c>
      <c r="CI35" s="280">
        <v>1</v>
      </c>
      <c r="CJ35" s="280">
        <v>0</v>
      </c>
      <c r="CK35" s="277">
        <v>2</v>
      </c>
      <c r="CL35" s="282">
        <v>2</v>
      </c>
      <c r="CM35" s="276">
        <v>0</v>
      </c>
      <c r="CN35" s="280">
        <v>0</v>
      </c>
      <c r="CO35" s="277">
        <v>0</v>
      </c>
      <c r="CP35" s="279">
        <v>0</v>
      </c>
      <c r="CQ35" s="280">
        <v>0</v>
      </c>
      <c r="CR35" s="280">
        <v>0</v>
      </c>
      <c r="CS35" s="280">
        <v>1</v>
      </c>
      <c r="CT35" s="280">
        <v>0</v>
      </c>
      <c r="CU35" s="280">
        <v>0</v>
      </c>
      <c r="CV35" s="277">
        <v>1</v>
      </c>
      <c r="CW35" s="282">
        <v>1</v>
      </c>
      <c r="CX35" s="276">
        <v>0</v>
      </c>
      <c r="CY35" s="280">
        <v>0</v>
      </c>
      <c r="CZ35" s="277">
        <v>0</v>
      </c>
      <c r="DA35" s="279">
        <v>0</v>
      </c>
      <c r="DB35" s="280">
        <v>0</v>
      </c>
      <c r="DC35" s="280">
        <v>0</v>
      </c>
      <c r="DD35" s="280">
        <v>0</v>
      </c>
      <c r="DE35" s="280">
        <v>0</v>
      </c>
      <c r="DF35" s="280">
        <v>0</v>
      </c>
      <c r="DG35" s="277">
        <v>0</v>
      </c>
      <c r="DH35" s="282">
        <v>0</v>
      </c>
      <c r="DI35" s="276">
        <v>0</v>
      </c>
      <c r="DJ35" s="280">
        <v>0</v>
      </c>
      <c r="DK35" s="277">
        <v>0</v>
      </c>
      <c r="DL35" s="279">
        <v>0</v>
      </c>
      <c r="DM35" s="280">
        <v>0</v>
      </c>
      <c r="DN35" s="280">
        <v>0</v>
      </c>
      <c r="DO35" s="280">
        <v>0</v>
      </c>
      <c r="DP35" s="280">
        <v>0</v>
      </c>
      <c r="DQ35" s="280">
        <v>0</v>
      </c>
      <c r="DR35" s="277">
        <v>0</v>
      </c>
      <c r="DS35" s="282">
        <v>0</v>
      </c>
      <c r="DT35" s="276">
        <v>0</v>
      </c>
      <c r="DU35" s="280">
        <v>1</v>
      </c>
      <c r="DV35" s="277">
        <v>1</v>
      </c>
      <c r="DW35" s="279">
        <v>0</v>
      </c>
      <c r="DX35" s="280">
        <v>1</v>
      </c>
      <c r="DY35" s="280">
        <v>2</v>
      </c>
      <c r="DZ35" s="280">
        <v>3</v>
      </c>
      <c r="EA35" s="280">
        <v>1</v>
      </c>
      <c r="EB35" s="280">
        <v>1</v>
      </c>
      <c r="EC35" s="277">
        <v>8</v>
      </c>
      <c r="ED35" s="282">
        <v>9</v>
      </c>
      <c r="EE35" s="276">
        <v>1</v>
      </c>
      <c r="EF35" s="280">
        <v>0</v>
      </c>
      <c r="EG35" s="277">
        <v>1</v>
      </c>
      <c r="EH35" s="279">
        <v>0</v>
      </c>
      <c r="EI35" s="280">
        <v>1</v>
      </c>
      <c r="EJ35" s="280">
        <v>0</v>
      </c>
      <c r="EK35" s="280">
        <v>1</v>
      </c>
      <c r="EL35" s="280">
        <v>1</v>
      </c>
      <c r="EM35" s="280">
        <v>0</v>
      </c>
      <c r="EN35" s="277">
        <v>3</v>
      </c>
      <c r="EO35" s="282">
        <v>4</v>
      </c>
      <c r="EP35" s="276">
        <v>0</v>
      </c>
      <c r="EQ35" s="280">
        <v>2</v>
      </c>
      <c r="ER35" s="277">
        <v>2</v>
      </c>
      <c r="ES35" s="279">
        <v>0</v>
      </c>
      <c r="ET35" s="280">
        <v>5</v>
      </c>
      <c r="EU35" s="280">
        <v>2</v>
      </c>
      <c r="EV35" s="280">
        <v>4</v>
      </c>
      <c r="EW35" s="280">
        <v>2</v>
      </c>
      <c r="EX35" s="280">
        <v>0</v>
      </c>
      <c r="EY35" s="277">
        <v>13</v>
      </c>
      <c r="EZ35" s="282">
        <v>15</v>
      </c>
    </row>
    <row r="36" spans="2:156" ht="21" customHeight="1" x14ac:dyDescent="0.2">
      <c r="B36" s="261" t="s">
        <v>34</v>
      </c>
      <c r="C36" s="276">
        <v>0</v>
      </c>
      <c r="D36" s="280">
        <v>0</v>
      </c>
      <c r="E36" s="384">
        <v>0</v>
      </c>
      <c r="F36" s="279">
        <v>0</v>
      </c>
      <c r="G36" s="280">
        <v>1</v>
      </c>
      <c r="H36" s="280">
        <v>0</v>
      </c>
      <c r="I36" s="280">
        <v>0</v>
      </c>
      <c r="J36" s="280">
        <v>0</v>
      </c>
      <c r="K36" s="280">
        <v>0</v>
      </c>
      <c r="L36" s="281">
        <v>1</v>
      </c>
      <c r="M36" s="282">
        <v>1</v>
      </c>
      <c r="N36" s="276">
        <v>0</v>
      </c>
      <c r="O36" s="280">
        <v>0</v>
      </c>
      <c r="P36" s="277">
        <v>0</v>
      </c>
      <c r="Q36" s="279">
        <v>0</v>
      </c>
      <c r="R36" s="280">
        <v>0</v>
      </c>
      <c r="S36" s="280">
        <v>0</v>
      </c>
      <c r="T36" s="280">
        <v>0</v>
      </c>
      <c r="U36" s="280">
        <v>0</v>
      </c>
      <c r="V36" s="280">
        <v>0</v>
      </c>
      <c r="W36" s="277">
        <v>0</v>
      </c>
      <c r="X36" s="282">
        <v>0</v>
      </c>
      <c r="Y36" s="276">
        <v>0</v>
      </c>
      <c r="Z36" s="280">
        <v>0</v>
      </c>
      <c r="AA36" s="277">
        <v>0</v>
      </c>
      <c r="AB36" s="279">
        <v>0</v>
      </c>
      <c r="AC36" s="280">
        <v>0</v>
      </c>
      <c r="AD36" s="280">
        <v>0</v>
      </c>
      <c r="AE36" s="280">
        <v>0</v>
      </c>
      <c r="AF36" s="280">
        <v>0</v>
      </c>
      <c r="AG36" s="280">
        <v>1</v>
      </c>
      <c r="AH36" s="277">
        <v>1</v>
      </c>
      <c r="AI36" s="282">
        <v>1</v>
      </c>
      <c r="AJ36" s="276">
        <v>0</v>
      </c>
      <c r="AK36" s="280">
        <v>0</v>
      </c>
      <c r="AL36" s="277">
        <v>0</v>
      </c>
      <c r="AM36" s="279">
        <v>0</v>
      </c>
      <c r="AN36" s="280">
        <v>0</v>
      </c>
      <c r="AO36" s="280">
        <v>0</v>
      </c>
      <c r="AP36" s="280">
        <v>0</v>
      </c>
      <c r="AQ36" s="280">
        <v>0</v>
      </c>
      <c r="AR36" s="280">
        <v>0</v>
      </c>
      <c r="AS36" s="277">
        <v>0</v>
      </c>
      <c r="AT36" s="282">
        <v>0</v>
      </c>
      <c r="AU36" s="276">
        <v>0</v>
      </c>
      <c r="AV36" s="280">
        <v>0</v>
      </c>
      <c r="AW36" s="277">
        <v>0</v>
      </c>
      <c r="AX36" s="279">
        <v>0</v>
      </c>
      <c r="AY36" s="280">
        <v>1</v>
      </c>
      <c r="AZ36" s="280">
        <v>2</v>
      </c>
      <c r="BA36" s="280">
        <v>0</v>
      </c>
      <c r="BB36" s="280">
        <v>0</v>
      </c>
      <c r="BC36" s="280">
        <v>2</v>
      </c>
      <c r="BD36" s="281">
        <v>5</v>
      </c>
      <c r="BE36" s="282">
        <v>5</v>
      </c>
      <c r="BF36" s="276">
        <v>0</v>
      </c>
      <c r="BG36" s="280">
        <v>0</v>
      </c>
      <c r="BH36" s="277">
        <v>0</v>
      </c>
      <c r="BI36" s="279">
        <v>0</v>
      </c>
      <c r="BJ36" s="280">
        <v>0</v>
      </c>
      <c r="BK36" s="280">
        <v>2</v>
      </c>
      <c r="BL36" s="280">
        <v>1</v>
      </c>
      <c r="BM36" s="280">
        <v>0</v>
      </c>
      <c r="BN36" s="280">
        <v>1</v>
      </c>
      <c r="BO36" s="277">
        <v>4</v>
      </c>
      <c r="BP36" s="282">
        <v>4</v>
      </c>
      <c r="BQ36" s="276">
        <v>0</v>
      </c>
      <c r="BR36" s="280">
        <v>0</v>
      </c>
      <c r="BS36" s="277">
        <v>0</v>
      </c>
      <c r="BT36" s="279">
        <v>0</v>
      </c>
      <c r="BU36" s="280">
        <v>1</v>
      </c>
      <c r="BV36" s="280">
        <v>0</v>
      </c>
      <c r="BW36" s="280">
        <v>0</v>
      </c>
      <c r="BX36" s="280">
        <v>0</v>
      </c>
      <c r="BY36" s="280">
        <v>0</v>
      </c>
      <c r="BZ36" s="277">
        <v>1</v>
      </c>
      <c r="CA36" s="282">
        <v>1</v>
      </c>
      <c r="CB36" s="276">
        <v>0</v>
      </c>
      <c r="CC36" s="280">
        <v>0</v>
      </c>
      <c r="CD36" s="277">
        <v>0</v>
      </c>
      <c r="CE36" s="279">
        <v>0</v>
      </c>
      <c r="CF36" s="280">
        <v>0</v>
      </c>
      <c r="CG36" s="280">
        <v>0</v>
      </c>
      <c r="CH36" s="280">
        <v>0</v>
      </c>
      <c r="CI36" s="280">
        <v>0</v>
      </c>
      <c r="CJ36" s="280">
        <v>0</v>
      </c>
      <c r="CK36" s="277">
        <v>0</v>
      </c>
      <c r="CL36" s="282">
        <v>0</v>
      </c>
      <c r="CM36" s="276">
        <v>0</v>
      </c>
      <c r="CN36" s="280">
        <v>0</v>
      </c>
      <c r="CO36" s="277">
        <v>0</v>
      </c>
      <c r="CP36" s="279">
        <v>0</v>
      </c>
      <c r="CQ36" s="280">
        <v>0</v>
      </c>
      <c r="CR36" s="280">
        <v>0</v>
      </c>
      <c r="CS36" s="280">
        <v>0</v>
      </c>
      <c r="CT36" s="280">
        <v>0</v>
      </c>
      <c r="CU36" s="280">
        <v>0</v>
      </c>
      <c r="CV36" s="277">
        <v>0</v>
      </c>
      <c r="CW36" s="282">
        <v>0</v>
      </c>
      <c r="CX36" s="276">
        <v>0</v>
      </c>
      <c r="CY36" s="280">
        <v>0</v>
      </c>
      <c r="CZ36" s="277">
        <v>0</v>
      </c>
      <c r="DA36" s="279">
        <v>0</v>
      </c>
      <c r="DB36" s="280">
        <v>0</v>
      </c>
      <c r="DC36" s="280">
        <v>0</v>
      </c>
      <c r="DD36" s="280">
        <v>0</v>
      </c>
      <c r="DE36" s="280">
        <v>0</v>
      </c>
      <c r="DF36" s="280">
        <v>0</v>
      </c>
      <c r="DG36" s="277">
        <v>0</v>
      </c>
      <c r="DH36" s="282">
        <v>0</v>
      </c>
      <c r="DI36" s="276">
        <v>0</v>
      </c>
      <c r="DJ36" s="280">
        <v>0</v>
      </c>
      <c r="DK36" s="277">
        <v>0</v>
      </c>
      <c r="DL36" s="279">
        <v>0</v>
      </c>
      <c r="DM36" s="280">
        <v>0</v>
      </c>
      <c r="DN36" s="280">
        <v>0</v>
      </c>
      <c r="DO36" s="280">
        <v>0</v>
      </c>
      <c r="DP36" s="280">
        <v>0</v>
      </c>
      <c r="DQ36" s="280">
        <v>0</v>
      </c>
      <c r="DR36" s="277">
        <v>0</v>
      </c>
      <c r="DS36" s="282">
        <v>0</v>
      </c>
      <c r="DT36" s="276">
        <v>0</v>
      </c>
      <c r="DU36" s="280">
        <v>0</v>
      </c>
      <c r="DV36" s="277">
        <v>0</v>
      </c>
      <c r="DW36" s="279">
        <v>0</v>
      </c>
      <c r="DX36" s="280">
        <v>1</v>
      </c>
      <c r="DY36" s="280">
        <v>2</v>
      </c>
      <c r="DZ36" s="280">
        <v>0</v>
      </c>
      <c r="EA36" s="280">
        <v>0</v>
      </c>
      <c r="EB36" s="280">
        <v>1</v>
      </c>
      <c r="EC36" s="277">
        <v>4</v>
      </c>
      <c r="ED36" s="282">
        <v>4</v>
      </c>
      <c r="EE36" s="276">
        <v>0</v>
      </c>
      <c r="EF36" s="280">
        <v>0</v>
      </c>
      <c r="EG36" s="277">
        <v>0</v>
      </c>
      <c r="EH36" s="279">
        <v>0</v>
      </c>
      <c r="EI36" s="280">
        <v>0</v>
      </c>
      <c r="EJ36" s="280">
        <v>1</v>
      </c>
      <c r="EK36" s="280">
        <v>0</v>
      </c>
      <c r="EL36" s="280">
        <v>0</v>
      </c>
      <c r="EM36" s="280">
        <v>0</v>
      </c>
      <c r="EN36" s="277">
        <v>1</v>
      </c>
      <c r="EO36" s="282">
        <v>1</v>
      </c>
      <c r="EP36" s="276">
        <v>0</v>
      </c>
      <c r="EQ36" s="280">
        <v>0</v>
      </c>
      <c r="ER36" s="277">
        <v>0</v>
      </c>
      <c r="ES36" s="279">
        <v>0</v>
      </c>
      <c r="ET36" s="280">
        <v>2</v>
      </c>
      <c r="EU36" s="280">
        <v>2</v>
      </c>
      <c r="EV36" s="280">
        <v>1</v>
      </c>
      <c r="EW36" s="280">
        <v>0</v>
      </c>
      <c r="EX36" s="280">
        <v>0</v>
      </c>
      <c r="EY36" s="277">
        <v>5</v>
      </c>
      <c r="EZ36" s="282">
        <v>5</v>
      </c>
    </row>
    <row r="37" spans="2:156" ht="21" customHeight="1" x14ac:dyDescent="0.2">
      <c r="B37" s="261" t="s">
        <v>35</v>
      </c>
      <c r="C37" s="276">
        <v>0</v>
      </c>
      <c r="D37" s="280">
        <v>0</v>
      </c>
      <c r="E37" s="384">
        <v>0</v>
      </c>
      <c r="F37" s="279">
        <v>0</v>
      </c>
      <c r="G37" s="280">
        <v>4</v>
      </c>
      <c r="H37" s="280">
        <v>3</v>
      </c>
      <c r="I37" s="280">
        <v>2</v>
      </c>
      <c r="J37" s="280">
        <v>2</v>
      </c>
      <c r="K37" s="280">
        <v>0</v>
      </c>
      <c r="L37" s="281">
        <v>11</v>
      </c>
      <c r="M37" s="282">
        <v>11</v>
      </c>
      <c r="N37" s="276">
        <v>0</v>
      </c>
      <c r="O37" s="280">
        <v>0</v>
      </c>
      <c r="P37" s="277">
        <v>0</v>
      </c>
      <c r="Q37" s="279">
        <v>0</v>
      </c>
      <c r="R37" s="280">
        <v>0</v>
      </c>
      <c r="S37" s="280">
        <v>0</v>
      </c>
      <c r="T37" s="280">
        <v>0</v>
      </c>
      <c r="U37" s="280">
        <v>0</v>
      </c>
      <c r="V37" s="280">
        <v>0</v>
      </c>
      <c r="W37" s="277">
        <v>0</v>
      </c>
      <c r="X37" s="282">
        <v>0</v>
      </c>
      <c r="Y37" s="276">
        <v>0</v>
      </c>
      <c r="Z37" s="280">
        <v>1</v>
      </c>
      <c r="AA37" s="277">
        <v>1</v>
      </c>
      <c r="AB37" s="279">
        <v>0</v>
      </c>
      <c r="AC37" s="280">
        <v>2</v>
      </c>
      <c r="AD37" s="280">
        <v>1</v>
      </c>
      <c r="AE37" s="280">
        <v>1</v>
      </c>
      <c r="AF37" s="280">
        <v>4</v>
      </c>
      <c r="AG37" s="280">
        <v>0</v>
      </c>
      <c r="AH37" s="277">
        <v>8</v>
      </c>
      <c r="AI37" s="282">
        <v>9</v>
      </c>
      <c r="AJ37" s="276">
        <v>0</v>
      </c>
      <c r="AK37" s="280">
        <v>0</v>
      </c>
      <c r="AL37" s="277">
        <v>0</v>
      </c>
      <c r="AM37" s="279">
        <v>0</v>
      </c>
      <c r="AN37" s="280">
        <v>2</v>
      </c>
      <c r="AO37" s="280">
        <v>0</v>
      </c>
      <c r="AP37" s="280">
        <v>0</v>
      </c>
      <c r="AQ37" s="280">
        <v>0</v>
      </c>
      <c r="AR37" s="280">
        <v>0</v>
      </c>
      <c r="AS37" s="277">
        <v>2</v>
      </c>
      <c r="AT37" s="282">
        <v>2</v>
      </c>
      <c r="AU37" s="276">
        <v>3</v>
      </c>
      <c r="AV37" s="280">
        <v>1</v>
      </c>
      <c r="AW37" s="277">
        <v>4</v>
      </c>
      <c r="AX37" s="279">
        <v>0</v>
      </c>
      <c r="AY37" s="280">
        <v>3</v>
      </c>
      <c r="AZ37" s="280">
        <v>3</v>
      </c>
      <c r="BA37" s="280">
        <v>4</v>
      </c>
      <c r="BB37" s="280">
        <v>9</v>
      </c>
      <c r="BC37" s="280">
        <v>0</v>
      </c>
      <c r="BD37" s="281">
        <v>19</v>
      </c>
      <c r="BE37" s="282">
        <v>23</v>
      </c>
      <c r="BF37" s="276">
        <v>0</v>
      </c>
      <c r="BG37" s="280">
        <v>0</v>
      </c>
      <c r="BH37" s="277">
        <v>0</v>
      </c>
      <c r="BI37" s="279">
        <v>0</v>
      </c>
      <c r="BJ37" s="280">
        <v>5</v>
      </c>
      <c r="BK37" s="280">
        <v>3</v>
      </c>
      <c r="BL37" s="280">
        <v>1</v>
      </c>
      <c r="BM37" s="280">
        <v>1</v>
      </c>
      <c r="BN37" s="280">
        <v>0</v>
      </c>
      <c r="BO37" s="277">
        <v>10</v>
      </c>
      <c r="BP37" s="282">
        <v>10</v>
      </c>
      <c r="BQ37" s="276">
        <v>0</v>
      </c>
      <c r="BR37" s="280">
        <v>3</v>
      </c>
      <c r="BS37" s="277">
        <v>3</v>
      </c>
      <c r="BT37" s="279">
        <v>0</v>
      </c>
      <c r="BU37" s="280">
        <v>1</v>
      </c>
      <c r="BV37" s="280">
        <v>3</v>
      </c>
      <c r="BW37" s="280">
        <v>0</v>
      </c>
      <c r="BX37" s="280">
        <v>1</v>
      </c>
      <c r="BY37" s="280">
        <v>0</v>
      </c>
      <c r="BZ37" s="277">
        <v>5</v>
      </c>
      <c r="CA37" s="282">
        <v>8</v>
      </c>
      <c r="CB37" s="276">
        <v>0</v>
      </c>
      <c r="CC37" s="280">
        <v>0</v>
      </c>
      <c r="CD37" s="277">
        <v>0</v>
      </c>
      <c r="CE37" s="279">
        <v>0</v>
      </c>
      <c r="CF37" s="280">
        <v>2</v>
      </c>
      <c r="CG37" s="280">
        <v>0</v>
      </c>
      <c r="CH37" s="280">
        <v>0</v>
      </c>
      <c r="CI37" s="280">
        <v>2</v>
      </c>
      <c r="CJ37" s="280">
        <v>0</v>
      </c>
      <c r="CK37" s="277">
        <v>4</v>
      </c>
      <c r="CL37" s="282">
        <v>4</v>
      </c>
      <c r="CM37" s="276">
        <v>0</v>
      </c>
      <c r="CN37" s="280">
        <v>0</v>
      </c>
      <c r="CO37" s="277">
        <v>0</v>
      </c>
      <c r="CP37" s="279">
        <v>0</v>
      </c>
      <c r="CQ37" s="280">
        <v>0</v>
      </c>
      <c r="CR37" s="280">
        <v>0</v>
      </c>
      <c r="CS37" s="280">
        <v>0</v>
      </c>
      <c r="CT37" s="280">
        <v>0</v>
      </c>
      <c r="CU37" s="280">
        <v>0</v>
      </c>
      <c r="CV37" s="277">
        <v>0</v>
      </c>
      <c r="CW37" s="282">
        <v>0</v>
      </c>
      <c r="CX37" s="276">
        <v>0</v>
      </c>
      <c r="CY37" s="280">
        <v>0</v>
      </c>
      <c r="CZ37" s="277">
        <v>0</v>
      </c>
      <c r="DA37" s="279">
        <v>0</v>
      </c>
      <c r="DB37" s="280">
        <v>0</v>
      </c>
      <c r="DC37" s="280">
        <v>0</v>
      </c>
      <c r="DD37" s="280">
        <v>0</v>
      </c>
      <c r="DE37" s="280">
        <v>0</v>
      </c>
      <c r="DF37" s="280">
        <v>0</v>
      </c>
      <c r="DG37" s="277">
        <v>0</v>
      </c>
      <c r="DH37" s="282">
        <v>0</v>
      </c>
      <c r="DI37" s="276">
        <v>0</v>
      </c>
      <c r="DJ37" s="280">
        <v>0</v>
      </c>
      <c r="DK37" s="277">
        <v>0</v>
      </c>
      <c r="DL37" s="279">
        <v>0</v>
      </c>
      <c r="DM37" s="280">
        <v>0</v>
      </c>
      <c r="DN37" s="280">
        <v>0</v>
      </c>
      <c r="DO37" s="280">
        <v>0</v>
      </c>
      <c r="DP37" s="280">
        <v>0</v>
      </c>
      <c r="DQ37" s="280">
        <v>0</v>
      </c>
      <c r="DR37" s="277">
        <v>0</v>
      </c>
      <c r="DS37" s="282">
        <v>0</v>
      </c>
      <c r="DT37" s="276">
        <v>1</v>
      </c>
      <c r="DU37" s="280">
        <v>2</v>
      </c>
      <c r="DV37" s="277">
        <v>3</v>
      </c>
      <c r="DW37" s="279">
        <v>0</v>
      </c>
      <c r="DX37" s="280">
        <v>4</v>
      </c>
      <c r="DY37" s="280">
        <v>6</v>
      </c>
      <c r="DZ37" s="280">
        <v>2</v>
      </c>
      <c r="EA37" s="280">
        <v>4</v>
      </c>
      <c r="EB37" s="280">
        <v>0</v>
      </c>
      <c r="EC37" s="277">
        <v>16</v>
      </c>
      <c r="ED37" s="282">
        <v>19</v>
      </c>
      <c r="EE37" s="276">
        <v>3</v>
      </c>
      <c r="EF37" s="280">
        <v>0</v>
      </c>
      <c r="EG37" s="277">
        <v>3</v>
      </c>
      <c r="EH37" s="279">
        <v>0</v>
      </c>
      <c r="EI37" s="280">
        <v>2</v>
      </c>
      <c r="EJ37" s="280">
        <v>2</v>
      </c>
      <c r="EK37" s="280">
        <v>4</v>
      </c>
      <c r="EL37" s="280">
        <v>5</v>
      </c>
      <c r="EM37" s="280">
        <v>0</v>
      </c>
      <c r="EN37" s="277">
        <v>13</v>
      </c>
      <c r="EO37" s="282">
        <v>16</v>
      </c>
      <c r="EP37" s="276">
        <v>1</v>
      </c>
      <c r="EQ37" s="280">
        <v>5</v>
      </c>
      <c r="ER37" s="277">
        <v>6</v>
      </c>
      <c r="ES37" s="279">
        <v>0</v>
      </c>
      <c r="ET37" s="280">
        <v>13</v>
      </c>
      <c r="EU37" s="280">
        <v>7</v>
      </c>
      <c r="EV37" s="280">
        <v>2</v>
      </c>
      <c r="EW37" s="280">
        <v>5</v>
      </c>
      <c r="EX37" s="280">
        <v>0</v>
      </c>
      <c r="EY37" s="277">
        <v>27</v>
      </c>
      <c r="EZ37" s="282">
        <v>33</v>
      </c>
    </row>
    <row r="38" spans="2:156" ht="21" customHeight="1" x14ac:dyDescent="0.2">
      <c r="B38" s="261" t="s">
        <v>36</v>
      </c>
      <c r="C38" s="276">
        <v>0</v>
      </c>
      <c r="D38" s="280">
        <v>0</v>
      </c>
      <c r="E38" s="384">
        <v>0</v>
      </c>
      <c r="F38" s="279">
        <v>0</v>
      </c>
      <c r="G38" s="280">
        <v>1</v>
      </c>
      <c r="H38" s="280">
        <v>1</v>
      </c>
      <c r="I38" s="280">
        <v>1</v>
      </c>
      <c r="J38" s="280">
        <v>0</v>
      </c>
      <c r="K38" s="280">
        <v>0</v>
      </c>
      <c r="L38" s="281">
        <v>3</v>
      </c>
      <c r="M38" s="282">
        <v>3</v>
      </c>
      <c r="N38" s="276">
        <v>0</v>
      </c>
      <c r="O38" s="280">
        <v>0</v>
      </c>
      <c r="P38" s="277">
        <v>0</v>
      </c>
      <c r="Q38" s="279">
        <v>0</v>
      </c>
      <c r="R38" s="280">
        <v>1</v>
      </c>
      <c r="S38" s="280">
        <v>0</v>
      </c>
      <c r="T38" s="280">
        <v>0</v>
      </c>
      <c r="U38" s="280">
        <v>0</v>
      </c>
      <c r="V38" s="280">
        <v>0</v>
      </c>
      <c r="W38" s="277">
        <v>1</v>
      </c>
      <c r="X38" s="282">
        <v>1</v>
      </c>
      <c r="Y38" s="276">
        <v>0</v>
      </c>
      <c r="Z38" s="280">
        <v>3</v>
      </c>
      <c r="AA38" s="277">
        <v>3</v>
      </c>
      <c r="AB38" s="279">
        <v>0</v>
      </c>
      <c r="AC38" s="280">
        <v>2</v>
      </c>
      <c r="AD38" s="280">
        <v>2</v>
      </c>
      <c r="AE38" s="280">
        <v>3</v>
      </c>
      <c r="AF38" s="280">
        <v>1</v>
      </c>
      <c r="AG38" s="280">
        <v>0</v>
      </c>
      <c r="AH38" s="277">
        <v>8</v>
      </c>
      <c r="AI38" s="282">
        <v>11</v>
      </c>
      <c r="AJ38" s="276">
        <v>0</v>
      </c>
      <c r="AK38" s="280">
        <v>0</v>
      </c>
      <c r="AL38" s="277">
        <v>0</v>
      </c>
      <c r="AM38" s="279">
        <v>0</v>
      </c>
      <c r="AN38" s="280">
        <v>1</v>
      </c>
      <c r="AO38" s="280">
        <v>0</v>
      </c>
      <c r="AP38" s="280">
        <v>0</v>
      </c>
      <c r="AQ38" s="280">
        <v>0</v>
      </c>
      <c r="AR38" s="280">
        <v>0</v>
      </c>
      <c r="AS38" s="277">
        <v>1</v>
      </c>
      <c r="AT38" s="282">
        <v>1</v>
      </c>
      <c r="AU38" s="276">
        <v>0</v>
      </c>
      <c r="AV38" s="280">
        <v>0</v>
      </c>
      <c r="AW38" s="277">
        <v>0</v>
      </c>
      <c r="AX38" s="279">
        <v>0</v>
      </c>
      <c r="AY38" s="280">
        <v>1</v>
      </c>
      <c r="AZ38" s="280">
        <v>1</v>
      </c>
      <c r="BA38" s="280">
        <v>4</v>
      </c>
      <c r="BB38" s="280">
        <v>3</v>
      </c>
      <c r="BC38" s="280">
        <v>1</v>
      </c>
      <c r="BD38" s="281">
        <v>10</v>
      </c>
      <c r="BE38" s="282">
        <v>10</v>
      </c>
      <c r="BF38" s="276">
        <v>0</v>
      </c>
      <c r="BG38" s="280">
        <v>0</v>
      </c>
      <c r="BH38" s="277">
        <v>0</v>
      </c>
      <c r="BI38" s="279">
        <v>0</v>
      </c>
      <c r="BJ38" s="280">
        <v>3</v>
      </c>
      <c r="BK38" s="280">
        <v>1</v>
      </c>
      <c r="BL38" s="280">
        <v>2</v>
      </c>
      <c r="BM38" s="280">
        <v>2</v>
      </c>
      <c r="BN38" s="280">
        <v>1</v>
      </c>
      <c r="BO38" s="277">
        <v>9</v>
      </c>
      <c r="BP38" s="282">
        <v>9</v>
      </c>
      <c r="BQ38" s="276">
        <v>0</v>
      </c>
      <c r="BR38" s="280">
        <v>0</v>
      </c>
      <c r="BS38" s="277">
        <v>0</v>
      </c>
      <c r="BT38" s="279">
        <v>0</v>
      </c>
      <c r="BU38" s="280">
        <v>1</v>
      </c>
      <c r="BV38" s="280">
        <v>0</v>
      </c>
      <c r="BW38" s="280">
        <v>0</v>
      </c>
      <c r="BX38" s="280">
        <v>0</v>
      </c>
      <c r="BY38" s="280">
        <v>0</v>
      </c>
      <c r="BZ38" s="277">
        <v>1</v>
      </c>
      <c r="CA38" s="282">
        <v>1</v>
      </c>
      <c r="CB38" s="276">
        <v>0</v>
      </c>
      <c r="CC38" s="280">
        <v>0</v>
      </c>
      <c r="CD38" s="277">
        <v>0</v>
      </c>
      <c r="CE38" s="279">
        <v>0</v>
      </c>
      <c r="CF38" s="280">
        <v>0</v>
      </c>
      <c r="CG38" s="280">
        <v>1</v>
      </c>
      <c r="CH38" s="280">
        <v>1</v>
      </c>
      <c r="CI38" s="280">
        <v>0</v>
      </c>
      <c r="CJ38" s="280">
        <v>0</v>
      </c>
      <c r="CK38" s="277">
        <v>2</v>
      </c>
      <c r="CL38" s="282">
        <v>2</v>
      </c>
      <c r="CM38" s="276">
        <v>0</v>
      </c>
      <c r="CN38" s="280">
        <v>0</v>
      </c>
      <c r="CO38" s="277">
        <v>0</v>
      </c>
      <c r="CP38" s="279">
        <v>0</v>
      </c>
      <c r="CQ38" s="280">
        <v>0</v>
      </c>
      <c r="CR38" s="280">
        <v>0</v>
      </c>
      <c r="CS38" s="280">
        <v>0</v>
      </c>
      <c r="CT38" s="280">
        <v>0</v>
      </c>
      <c r="CU38" s="280">
        <v>0</v>
      </c>
      <c r="CV38" s="277">
        <v>0</v>
      </c>
      <c r="CW38" s="282">
        <v>0</v>
      </c>
      <c r="CX38" s="276">
        <v>0</v>
      </c>
      <c r="CY38" s="280">
        <v>0</v>
      </c>
      <c r="CZ38" s="277">
        <v>0</v>
      </c>
      <c r="DA38" s="279">
        <v>0</v>
      </c>
      <c r="DB38" s="280">
        <v>0</v>
      </c>
      <c r="DC38" s="280">
        <v>0</v>
      </c>
      <c r="DD38" s="280">
        <v>0</v>
      </c>
      <c r="DE38" s="280">
        <v>0</v>
      </c>
      <c r="DF38" s="280">
        <v>0</v>
      </c>
      <c r="DG38" s="277">
        <v>0</v>
      </c>
      <c r="DH38" s="282">
        <v>0</v>
      </c>
      <c r="DI38" s="276">
        <v>0</v>
      </c>
      <c r="DJ38" s="280">
        <v>0</v>
      </c>
      <c r="DK38" s="277">
        <v>0</v>
      </c>
      <c r="DL38" s="279">
        <v>0</v>
      </c>
      <c r="DM38" s="280">
        <v>0</v>
      </c>
      <c r="DN38" s="280">
        <v>0</v>
      </c>
      <c r="DO38" s="280">
        <v>0</v>
      </c>
      <c r="DP38" s="280">
        <v>0</v>
      </c>
      <c r="DQ38" s="280">
        <v>0</v>
      </c>
      <c r="DR38" s="277">
        <v>0</v>
      </c>
      <c r="DS38" s="282">
        <v>0</v>
      </c>
      <c r="DT38" s="276">
        <v>0</v>
      </c>
      <c r="DU38" s="280">
        <v>1</v>
      </c>
      <c r="DV38" s="277">
        <v>1</v>
      </c>
      <c r="DW38" s="279">
        <v>0</v>
      </c>
      <c r="DX38" s="280">
        <v>5</v>
      </c>
      <c r="DY38" s="280">
        <v>3</v>
      </c>
      <c r="DZ38" s="280">
        <v>3</v>
      </c>
      <c r="EA38" s="280">
        <v>2</v>
      </c>
      <c r="EB38" s="280">
        <v>1</v>
      </c>
      <c r="EC38" s="277">
        <v>14</v>
      </c>
      <c r="ED38" s="282">
        <v>15</v>
      </c>
      <c r="EE38" s="276">
        <v>0</v>
      </c>
      <c r="EF38" s="280">
        <v>0</v>
      </c>
      <c r="EG38" s="277">
        <v>0</v>
      </c>
      <c r="EH38" s="279">
        <v>0</v>
      </c>
      <c r="EI38" s="280">
        <v>0</v>
      </c>
      <c r="EJ38" s="280">
        <v>1</v>
      </c>
      <c r="EK38" s="280">
        <v>2</v>
      </c>
      <c r="EL38" s="280">
        <v>3</v>
      </c>
      <c r="EM38" s="280">
        <v>0</v>
      </c>
      <c r="EN38" s="277">
        <v>6</v>
      </c>
      <c r="EO38" s="282">
        <v>6</v>
      </c>
      <c r="EP38" s="276">
        <v>0</v>
      </c>
      <c r="EQ38" s="280">
        <v>4</v>
      </c>
      <c r="ER38" s="277">
        <v>4</v>
      </c>
      <c r="ES38" s="279">
        <v>0</v>
      </c>
      <c r="ET38" s="280">
        <v>7</v>
      </c>
      <c r="EU38" s="280">
        <v>4</v>
      </c>
      <c r="EV38" s="280">
        <v>3</v>
      </c>
      <c r="EW38" s="280">
        <v>3</v>
      </c>
      <c r="EX38" s="280">
        <v>1</v>
      </c>
      <c r="EY38" s="277">
        <v>18</v>
      </c>
      <c r="EZ38" s="282">
        <v>22</v>
      </c>
    </row>
    <row r="39" spans="2:156" ht="21" customHeight="1" thickBot="1" x14ac:dyDescent="0.25">
      <c r="B39" s="262" t="s">
        <v>37</v>
      </c>
      <c r="C39" s="283">
        <v>0</v>
      </c>
      <c r="D39" s="287">
        <v>0</v>
      </c>
      <c r="E39" s="385">
        <v>0</v>
      </c>
      <c r="F39" s="286">
        <v>0</v>
      </c>
      <c r="G39" s="287">
        <v>0</v>
      </c>
      <c r="H39" s="287">
        <v>0</v>
      </c>
      <c r="I39" s="287">
        <v>0</v>
      </c>
      <c r="J39" s="287">
        <v>0</v>
      </c>
      <c r="K39" s="287">
        <v>1</v>
      </c>
      <c r="L39" s="288">
        <v>1</v>
      </c>
      <c r="M39" s="289">
        <v>1</v>
      </c>
      <c r="N39" s="283">
        <v>0</v>
      </c>
      <c r="O39" s="287">
        <v>0</v>
      </c>
      <c r="P39" s="284">
        <v>0</v>
      </c>
      <c r="Q39" s="286">
        <v>0</v>
      </c>
      <c r="R39" s="287">
        <v>0</v>
      </c>
      <c r="S39" s="287">
        <v>0</v>
      </c>
      <c r="T39" s="287">
        <v>0</v>
      </c>
      <c r="U39" s="287">
        <v>0</v>
      </c>
      <c r="V39" s="287">
        <v>0</v>
      </c>
      <c r="W39" s="284">
        <v>0</v>
      </c>
      <c r="X39" s="289">
        <v>0</v>
      </c>
      <c r="Y39" s="283">
        <v>0</v>
      </c>
      <c r="Z39" s="287">
        <v>0</v>
      </c>
      <c r="AA39" s="284">
        <v>0</v>
      </c>
      <c r="AB39" s="286">
        <v>0</v>
      </c>
      <c r="AC39" s="287">
        <v>0</v>
      </c>
      <c r="AD39" s="287">
        <v>0</v>
      </c>
      <c r="AE39" s="287">
        <v>0</v>
      </c>
      <c r="AF39" s="287">
        <v>0</v>
      </c>
      <c r="AG39" s="287">
        <v>1</v>
      </c>
      <c r="AH39" s="284">
        <v>1</v>
      </c>
      <c r="AI39" s="289">
        <v>1</v>
      </c>
      <c r="AJ39" s="283">
        <v>0</v>
      </c>
      <c r="AK39" s="287">
        <v>0</v>
      </c>
      <c r="AL39" s="284">
        <v>0</v>
      </c>
      <c r="AM39" s="286">
        <v>0</v>
      </c>
      <c r="AN39" s="287">
        <v>0</v>
      </c>
      <c r="AO39" s="287">
        <v>0</v>
      </c>
      <c r="AP39" s="287">
        <v>0</v>
      </c>
      <c r="AQ39" s="287">
        <v>0</v>
      </c>
      <c r="AR39" s="287">
        <v>0</v>
      </c>
      <c r="AS39" s="284">
        <v>0</v>
      </c>
      <c r="AT39" s="289">
        <v>0</v>
      </c>
      <c r="AU39" s="283">
        <v>0</v>
      </c>
      <c r="AV39" s="287">
        <v>0</v>
      </c>
      <c r="AW39" s="284">
        <v>0</v>
      </c>
      <c r="AX39" s="286">
        <v>0</v>
      </c>
      <c r="AY39" s="287">
        <v>0</v>
      </c>
      <c r="AZ39" s="287">
        <v>0</v>
      </c>
      <c r="BA39" s="287">
        <v>0</v>
      </c>
      <c r="BB39" s="287">
        <v>1</v>
      </c>
      <c r="BC39" s="287">
        <v>1</v>
      </c>
      <c r="BD39" s="288">
        <v>2</v>
      </c>
      <c r="BE39" s="289">
        <v>2</v>
      </c>
      <c r="BF39" s="283">
        <v>0</v>
      </c>
      <c r="BG39" s="287">
        <v>0</v>
      </c>
      <c r="BH39" s="284">
        <v>0</v>
      </c>
      <c r="BI39" s="286">
        <v>0</v>
      </c>
      <c r="BJ39" s="287">
        <v>0</v>
      </c>
      <c r="BK39" s="287">
        <v>0</v>
      </c>
      <c r="BL39" s="287">
        <v>0</v>
      </c>
      <c r="BM39" s="287">
        <v>0</v>
      </c>
      <c r="BN39" s="287">
        <v>0</v>
      </c>
      <c r="BO39" s="284">
        <v>0</v>
      </c>
      <c r="BP39" s="289">
        <v>0</v>
      </c>
      <c r="BQ39" s="283">
        <v>0</v>
      </c>
      <c r="BR39" s="287">
        <v>0</v>
      </c>
      <c r="BS39" s="284">
        <v>0</v>
      </c>
      <c r="BT39" s="286">
        <v>0</v>
      </c>
      <c r="BU39" s="287">
        <v>0</v>
      </c>
      <c r="BV39" s="287">
        <v>0</v>
      </c>
      <c r="BW39" s="287">
        <v>0</v>
      </c>
      <c r="BX39" s="287">
        <v>0</v>
      </c>
      <c r="BY39" s="287">
        <v>0</v>
      </c>
      <c r="BZ39" s="284">
        <v>0</v>
      </c>
      <c r="CA39" s="289">
        <v>0</v>
      </c>
      <c r="CB39" s="283">
        <v>0</v>
      </c>
      <c r="CC39" s="287">
        <v>0</v>
      </c>
      <c r="CD39" s="284">
        <v>0</v>
      </c>
      <c r="CE39" s="286">
        <v>0</v>
      </c>
      <c r="CF39" s="287">
        <v>0</v>
      </c>
      <c r="CG39" s="287">
        <v>0</v>
      </c>
      <c r="CH39" s="287">
        <v>0</v>
      </c>
      <c r="CI39" s="287">
        <v>0</v>
      </c>
      <c r="CJ39" s="287">
        <v>1</v>
      </c>
      <c r="CK39" s="284">
        <v>1</v>
      </c>
      <c r="CL39" s="289">
        <v>1</v>
      </c>
      <c r="CM39" s="283">
        <v>0</v>
      </c>
      <c r="CN39" s="287">
        <v>0</v>
      </c>
      <c r="CO39" s="284">
        <v>0</v>
      </c>
      <c r="CP39" s="286">
        <v>0</v>
      </c>
      <c r="CQ39" s="287">
        <v>0</v>
      </c>
      <c r="CR39" s="287">
        <v>0</v>
      </c>
      <c r="CS39" s="287">
        <v>0</v>
      </c>
      <c r="CT39" s="287">
        <v>0</v>
      </c>
      <c r="CU39" s="287">
        <v>1</v>
      </c>
      <c r="CV39" s="284">
        <v>1</v>
      </c>
      <c r="CW39" s="289">
        <v>1</v>
      </c>
      <c r="CX39" s="283">
        <v>0</v>
      </c>
      <c r="CY39" s="287">
        <v>0</v>
      </c>
      <c r="CZ39" s="284">
        <v>0</v>
      </c>
      <c r="DA39" s="286">
        <v>0</v>
      </c>
      <c r="DB39" s="287">
        <v>0</v>
      </c>
      <c r="DC39" s="287">
        <v>0</v>
      </c>
      <c r="DD39" s="287">
        <v>0</v>
      </c>
      <c r="DE39" s="287">
        <v>0</v>
      </c>
      <c r="DF39" s="287">
        <v>0</v>
      </c>
      <c r="DG39" s="284">
        <v>0</v>
      </c>
      <c r="DH39" s="289">
        <v>0</v>
      </c>
      <c r="DI39" s="283">
        <v>0</v>
      </c>
      <c r="DJ39" s="287">
        <v>0</v>
      </c>
      <c r="DK39" s="284">
        <v>0</v>
      </c>
      <c r="DL39" s="286">
        <v>0</v>
      </c>
      <c r="DM39" s="287">
        <v>0</v>
      </c>
      <c r="DN39" s="287">
        <v>0</v>
      </c>
      <c r="DO39" s="287">
        <v>0</v>
      </c>
      <c r="DP39" s="287">
        <v>0</v>
      </c>
      <c r="DQ39" s="287">
        <v>0</v>
      </c>
      <c r="DR39" s="284">
        <v>0</v>
      </c>
      <c r="DS39" s="289">
        <v>0</v>
      </c>
      <c r="DT39" s="283">
        <v>0</v>
      </c>
      <c r="DU39" s="287">
        <v>0</v>
      </c>
      <c r="DV39" s="284">
        <v>0</v>
      </c>
      <c r="DW39" s="286">
        <v>0</v>
      </c>
      <c r="DX39" s="287">
        <v>0</v>
      </c>
      <c r="DY39" s="287">
        <v>0</v>
      </c>
      <c r="DZ39" s="287">
        <v>0</v>
      </c>
      <c r="EA39" s="287">
        <v>0</v>
      </c>
      <c r="EB39" s="287">
        <v>1</v>
      </c>
      <c r="EC39" s="284">
        <v>1</v>
      </c>
      <c r="ED39" s="289">
        <v>1</v>
      </c>
      <c r="EE39" s="283">
        <v>0</v>
      </c>
      <c r="EF39" s="287">
        <v>0</v>
      </c>
      <c r="EG39" s="284">
        <v>0</v>
      </c>
      <c r="EH39" s="286">
        <v>0</v>
      </c>
      <c r="EI39" s="287">
        <v>0</v>
      </c>
      <c r="EJ39" s="287">
        <v>0</v>
      </c>
      <c r="EK39" s="287">
        <v>0</v>
      </c>
      <c r="EL39" s="287">
        <v>1</v>
      </c>
      <c r="EM39" s="287">
        <v>0</v>
      </c>
      <c r="EN39" s="284">
        <v>1</v>
      </c>
      <c r="EO39" s="289">
        <v>1</v>
      </c>
      <c r="EP39" s="283">
        <v>0</v>
      </c>
      <c r="EQ39" s="287">
        <v>0</v>
      </c>
      <c r="ER39" s="284">
        <v>0</v>
      </c>
      <c r="ES39" s="286">
        <v>0</v>
      </c>
      <c r="ET39" s="287">
        <v>0</v>
      </c>
      <c r="EU39" s="287">
        <v>0</v>
      </c>
      <c r="EV39" s="287">
        <v>0</v>
      </c>
      <c r="EW39" s="287">
        <v>0</v>
      </c>
      <c r="EX39" s="287">
        <v>1</v>
      </c>
      <c r="EY39" s="284">
        <v>1</v>
      </c>
      <c r="EZ39" s="289">
        <v>1</v>
      </c>
    </row>
  </sheetData>
  <mergeCells count="59">
    <mergeCell ref="CM3:CW3"/>
    <mergeCell ref="I1:J1"/>
    <mergeCell ref="L1:M1"/>
    <mergeCell ref="B3:B5"/>
    <mergeCell ref="C3:M3"/>
    <mergeCell ref="N3:X3"/>
    <mergeCell ref="Y3:AI3"/>
    <mergeCell ref="X4:X5"/>
    <mergeCell ref="Y4:AA4"/>
    <mergeCell ref="AB4:AH4"/>
    <mergeCell ref="AI4:AI5"/>
    <mergeCell ref="AJ3:AT3"/>
    <mergeCell ref="AU3:BE3"/>
    <mergeCell ref="BF3:BP3"/>
    <mergeCell ref="BQ3:CA3"/>
    <mergeCell ref="CB3:CL3"/>
    <mergeCell ref="C4:E4"/>
    <mergeCell ref="F4:L4"/>
    <mergeCell ref="M4:M5"/>
    <mergeCell ref="N4:P4"/>
    <mergeCell ref="Q4:W4"/>
    <mergeCell ref="CX3:DH3"/>
    <mergeCell ref="DI3:DS3"/>
    <mergeCell ref="DT3:ED3"/>
    <mergeCell ref="EE3:EO3"/>
    <mergeCell ref="EP3:EZ3"/>
    <mergeCell ref="CA4:CA5"/>
    <mergeCell ref="AJ4:AL4"/>
    <mergeCell ref="AM4:AS4"/>
    <mergeCell ref="AT4:AT5"/>
    <mergeCell ref="AU4:AW4"/>
    <mergeCell ref="AX4:BD4"/>
    <mergeCell ref="BE4:BE5"/>
    <mergeCell ref="BF4:BH4"/>
    <mergeCell ref="BI4:BO4"/>
    <mergeCell ref="BP4:BP5"/>
    <mergeCell ref="BQ4:BS4"/>
    <mergeCell ref="BT4:BZ4"/>
    <mergeCell ref="DS4:DS5"/>
    <mergeCell ref="CB4:CD4"/>
    <mergeCell ref="CE4:CK4"/>
    <mergeCell ref="CL4:CL5"/>
    <mergeCell ref="CM4:CO4"/>
    <mergeCell ref="CP4:CV4"/>
    <mergeCell ref="CW4:CW5"/>
    <mergeCell ref="CX4:CZ4"/>
    <mergeCell ref="DA4:DG4"/>
    <mergeCell ref="DH4:DH5"/>
    <mergeCell ref="DI4:DK4"/>
    <mergeCell ref="DL4:DR4"/>
    <mergeCell ref="EP4:ER4"/>
    <mergeCell ref="ES4:EY4"/>
    <mergeCell ref="EZ4:EZ5"/>
    <mergeCell ref="DT4:DV4"/>
    <mergeCell ref="DW4:EC4"/>
    <mergeCell ref="ED4:ED5"/>
    <mergeCell ref="EE4:EG4"/>
    <mergeCell ref="EH4:EN4"/>
    <mergeCell ref="EO4:EO5"/>
  </mergeCells>
  <phoneticPr fontId="4"/>
  <pageMargins left="0.70866141732283472" right="0.70866141732283472" top="0.74803149606299213" bottom="0.74803149606299213" header="0.31496062992125984" footer="0.31496062992125984"/>
  <pageSetup paperSize="9" scale="64" orientation="landscape" r:id="rId1"/>
  <headerFooter>
    <oddFooter>&amp;L&amp;20&amp;A&amp;C&amp;P/&amp;N</oddFooter>
  </headerFooter>
  <colBreaks count="6" manualBreakCount="6">
    <brk id="24" max="1048575" man="1"/>
    <brk id="46" max="1048575" man="1"/>
    <brk id="68" max="1048575" man="1"/>
    <brk id="90" max="1048575" man="1"/>
    <brk id="123" max="1048575" man="1"/>
    <brk id="145" max="1048575" man="1"/>
  </colBreaks>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sheetPr>
  <dimension ref="A1:DH40"/>
  <sheetViews>
    <sheetView zoomScaleNormal="100" workbookViewId="0">
      <pane xSplit="2" ySplit="6" topLeftCell="C7" activePane="bottomRight" state="frozen"/>
      <selection pane="topRight" activeCell="B1" sqref="B1"/>
      <selection pane="bottomLeft" activeCell="A7" sqref="A7"/>
      <selection pane="bottomRight" activeCell="B1" sqref="B1"/>
    </sheetView>
  </sheetViews>
  <sheetFormatPr defaultColWidth="9" defaultRowHeight="13.2" x14ac:dyDescent="0.2"/>
  <cols>
    <col min="1" max="1" width="2.77734375" style="44" customWidth="1"/>
    <col min="2" max="5" width="9" style="255"/>
    <col min="6" max="6" width="7.77734375" style="255" customWidth="1"/>
    <col min="7" max="7" width="9" style="255"/>
    <col min="8" max="8" width="10.6640625" style="255" customWidth="1"/>
    <col min="9" max="16" width="9" style="255"/>
    <col min="17" max="17" width="7.77734375" style="255" customWidth="1"/>
    <col min="18" max="27" width="9" style="255"/>
    <col min="28" max="28" width="6.88671875" style="255" customWidth="1"/>
    <col min="29" max="38" width="9" style="255"/>
    <col min="39" max="39" width="7.21875" style="255" customWidth="1"/>
    <col min="40" max="49" width="9" style="255"/>
    <col min="50" max="50" width="7.44140625" style="255" customWidth="1"/>
    <col min="51" max="60" width="9" style="255"/>
    <col min="61" max="61" width="7.6640625" style="255" customWidth="1"/>
    <col min="62" max="71" width="9" style="255"/>
    <col min="72" max="72" width="7.88671875" style="255" customWidth="1"/>
    <col min="73" max="82" width="9" style="255"/>
    <col min="83" max="83" width="7" style="255" customWidth="1"/>
    <col min="84" max="93" width="9" style="255"/>
    <col min="94" max="94" width="7.6640625" style="255" customWidth="1"/>
    <col min="95" max="16384" width="9" style="255"/>
  </cols>
  <sheetData>
    <row r="1" spans="2:112" ht="24" customHeight="1" x14ac:dyDescent="0.2">
      <c r="B1" s="290" t="s">
        <v>123</v>
      </c>
      <c r="J1" s="524">
        <f>第１表!F2</f>
        <v>5</v>
      </c>
      <c r="K1" s="524"/>
      <c r="L1" s="248">
        <f>第１表!G2</f>
        <v>2</v>
      </c>
      <c r="M1" s="529">
        <f>IF(L1&lt;3,L1+12-2,L1-2)</f>
        <v>12</v>
      </c>
      <c r="N1" s="529"/>
    </row>
    <row r="2" spans="2:112" ht="24" customHeight="1" thickBot="1" x14ac:dyDescent="0.25">
      <c r="B2" s="290" t="s">
        <v>139</v>
      </c>
    </row>
    <row r="3" spans="2:112" ht="21" customHeight="1" thickBot="1" x14ac:dyDescent="0.25">
      <c r="B3" s="549"/>
      <c r="C3" s="552" t="s">
        <v>112</v>
      </c>
      <c r="D3" s="552"/>
      <c r="E3" s="552"/>
      <c r="F3" s="552"/>
      <c r="G3" s="552"/>
      <c r="H3" s="552"/>
      <c r="I3" s="552"/>
      <c r="J3" s="552"/>
      <c r="K3" s="552"/>
      <c r="L3" s="552"/>
      <c r="M3" s="553"/>
      <c r="N3" s="547" t="s">
        <v>111</v>
      </c>
      <c r="O3" s="547"/>
      <c r="P3" s="547"/>
      <c r="Q3" s="547"/>
      <c r="R3" s="547"/>
      <c r="S3" s="547"/>
      <c r="T3" s="547"/>
      <c r="U3" s="547"/>
      <c r="V3" s="547"/>
      <c r="W3" s="547"/>
      <c r="X3" s="548"/>
      <c r="Y3" s="546" t="s">
        <v>110</v>
      </c>
      <c r="Z3" s="547"/>
      <c r="AA3" s="547"/>
      <c r="AB3" s="547"/>
      <c r="AC3" s="547"/>
      <c r="AD3" s="547"/>
      <c r="AE3" s="547"/>
      <c r="AF3" s="547"/>
      <c r="AG3" s="547"/>
      <c r="AH3" s="547"/>
      <c r="AI3" s="548"/>
      <c r="AJ3" s="546" t="s">
        <v>109</v>
      </c>
      <c r="AK3" s="547"/>
      <c r="AL3" s="547"/>
      <c r="AM3" s="547"/>
      <c r="AN3" s="547"/>
      <c r="AO3" s="547"/>
      <c r="AP3" s="547"/>
      <c r="AQ3" s="547"/>
      <c r="AR3" s="547"/>
      <c r="AS3" s="547"/>
      <c r="AT3" s="548"/>
      <c r="AU3" s="546" t="s">
        <v>108</v>
      </c>
      <c r="AV3" s="547"/>
      <c r="AW3" s="547"/>
      <c r="AX3" s="547"/>
      <c r="AY3" s="547"/>
      <c r="AZ3" s="547"/>
      <c r="BA3" s="547"/>
      <c r="BB3" s="547"/>
      <c r="BC3" s="547"/>
      <c r="BD3" s="547"/>
      <c r="BE3" s="548"/>
      <c r="BF3" s="546" t="s">
        <v>107</v>
      </c>
      <c r="BG3" s="547"/>
      <c r="BH3" s="547"/>
      <c r="BI3" s="547"/>
      <c r="BJ3" s="547"/>
      <c r="BK3" s="547"/>
      <c r="BL3" s="547"/>
      <c r="BM3" s="547"/>
      <c r="BN3" s="547"/>
      <c r="BO3" s="547"/>
      <c r="BP3" s="548"/>
      <c r="BQ3" s="546" t="s">
        <v>106</v>
      </c>
      <c r="BR3" s="547"/>
      <c r="BS3" s="547"/>
      <c r="BT3" s="547"/>
      <c r="BU3" s="547"/>
      <c r="BV3" s="547"/>
      <c r="BW3" s="547"/>
      <c r="BX3" s="547"/>
      <c r="BY3" s="547"/>
      <c r="BZ3" s="547"/>
      <c r="CA3" s="548"/>
      <c r="CB3" s="546" t="s">
        <v>128</v>
      </c>
      <c r="CC3" s="547"/>
      <c r="CD3" s="547"/>
      <c r="CE3" s="547"/>
      <c r="CF3" s="547"/>
      <c r="CG3" s="547"/>
      <c r="CH3" s="547"/>
      <c r="CI3" s="547"/>
      <c r="CJ3" s="547"/>
      <c r="CK3" s="547"/>
      <c r="CL3" s="548"/>
      <c r="CM3" s="546" t="s">
        <v>105</v>
      </c>
      <c r="CN3" s="547"/>
      <c r="CO3" s="547"/>
      <c r="CP3" s="547"/>
      <c r="CQ3" s="547"/>
      <c r="CR3" s="547"/>
      <c r="CS3" s="547"/>
      <c r="CT3" s="547"/>
      <c r="CU3" s="547"/>
      <c r="CV3" s="547"/>
      <c r="CW3" s="548"/>
      <c r="CX3" s="546" t="s">
        <v>160</v>
      </c>
      <c r="CY3" s="547"/>
      <c r="CZ3" s="547"/>
      <c r="DA3" s="547"/>
      <c r="DB3" s="547"/>
      <c r="DC3" s="547"/>
      <c r="DD3" s="547"/>
      <c r="DE3" s="547"/>
      <c r="DF3" s="547"/>
      <c r="DG3" s="547"/>
      <c r="DH3" s="548"/>
    </row>
    <row r="4" spans="2:112" ht="21" customHeight="1" x14ac:dyDescent="0.2">
      <c r="B4" s="550"/>
      <c r="C4" s="554" t="s">
        <v>61</v>
      </c>
      <c r="D4" s="533"/>
      <c r="E4" s="534"/>
      <c r="F4" s="535" t="s">
        <v>62</v>
      </c>
      <c r="G4" s="533"/>
      <c r="H4" s="533"/>
      <c r="I4" s="533"/>
      <c r="J4" s="533"/>
      <c r="K4" s="533"/>
      <c r="L4" s="536"/>
      <c r="M4" s="530" t="s">
        <v>52</v>
      </c>
      <c r="N4" s="554" t="s">
        <v>61</v>
      </c>
      <c r="O4" s="533"/>
      <c r="P4" s="534"/>
      <c r="Q4" s="535" t="s">
        <v>62</v>
      </c>
      <c r="R4" s="533"/>
      <c r="S4" s="533"/>
      <c r="T4" s="533"/>
      <c r="U4" s="533"/>
      <c r="V4" s="533"/>
      <c r="W4" s="534"/>
      <c r="X4" s="530" t="s">
        <v>52</v>
      </c>
      <c r="Y4" s="532" t="s">
        <v>61</v>
      </c>
      <c r="Z4" s="533"/>
      <c r="AA4" s="536"/>
      <c r="AB4" s="535" t="s">
        <v>62</v>
      </c>
      <c r="AC4" s="533"/>
      <c r="AD4" s="533"/>
      <c r="AE4" s="533"/>
      <c r="AF4" s="533"/>
      <c r="AG4" s="533"/>
      <c r="AH4" s="534"/>
      <c r="AI4" s="530" t="s">
        <v>52</v>
      </c>
      <c r="AJ4" s="532" t="s">
        <v>61</v>
      </c>
      <c r="AK4" s="533"/>
      <c r="AL4" s="534"/>
      <c r="AM4" s="535" t="s">
        <v>62</v>
      </c>
      <c r="AN4" s="533"/>
      <c r="AO4" s="533"/>
      <c r="AP4" s="533"/>
      <c r="AQ4" s="533"/>
      <c r="AR4" s="533"/>
      <c r="AS4" s="534"/>
      <c r="AT4" s="530" t="s">
        <v>52</v>
      </c>
      <c r="AU4" s="532" t="s">
        <v>61</v>
      </c>
      <c r="AV4" s="533"/>
      <c r="AW4" s="536"/>
      <c r="AX4" s="535" t="s">
        <v>62</v>
      </c>
      <c r="AY4" s="533"/>
      <c r="AZ4" s="533"/>
      <c r="BA4" s="533"/>
      <c r="BB4" s="533"/>
      <c r="BC4" s="533"/>
      <c r="BD4" s="536"/>
      <c r="BE4" s="530" t="s">
        <v>52</v>
      </c>
      <c r="BF4" s="532" t="s">
        <v>61</v>
      </c>
      <c r="BG4" s="533"/>
      <c r="BH4" s="534"/>
      <c r="BI4" s="535" t="s">
        <v>62</v>
      </c>
      <c r="BJ4" s="533"/>
      <c r="BK4" s="533"/>
      <c r="BL4" s="533"/>
      <c r="BM4" s="533"/>
      <c r="BN4" s="533"/>
      <c r="BO4" s="534"/>
      <c r="BP4" s="530" t="s">
        <v>52</v>
      </c>
      <c r="BQ4" s="532" t="s">
        <v>61</v>
      </c>
      <c r="BR4" s="533"/>
      <c r="BS4" s="534"/>
      <c r="BT4" s="535" t="s">
        <v>62</v>
      </c>
      <c r="BU4" s="533"/>
      <c r="BV4" s="533"/>
      <c r="BW4" s="533"/>
      <c r="BX4" s="533"/>
      <c r="BY4" s="533"/>
      <c r="BZ4" s="534"/>
      <c r="CA4" s="530" t="s">
        <v>52</v>
      </c>
      <c r="CB4" s="532" t="s">
        <v>61</v>
      </c>
      <c r="CC4" s="533"/>
      <c r="CD4" s="534"/>
      <c r="CE4" s="535" t="s">
        <v>62</v>
      </c>
      <c r="CF4" s="533"/>
      <c r="CG4" s="533"/>
      <c r="CH4" s="533"/>
      <c r="CI4" s="533"/>
      <c r="CJ4" s="533"/>
      <c r="CK4" s="534"/>
      <c r="CL4" s="530" t="s">
        <v>52</v>
      </c>
      <c r="CM4" s="532" t="s">
        <v>61</v>
      </c>
      <c r="CN4" s="533"/>
      <c r="CO4" s="534"/>
      <c r="CP4" s="535" t="s">
        <v>62</v>
      </c>
      <c r="CQ4" s="533"/>
      <c r="CR4" s="533"/>
      <c r="CS4" s="533"/>
      <c r="CT4" s="533"/>
      <c r="CU4" s="533"/>
      <c r="CV4" s="534"/>
      <c r="CW4" s="530" t="s">
        <v>52</v>
      </c>
      <c r="CX4" s="532" t="s">
        <v>61</v>
      </c>
      <c r="CY4" s="533"/>
      <c r="CZ4" s="534"/>
      <c r="DA4" s="535" t="s">
        <v>62</v>
      </c>
      <c r="DB4" s="533"/>
      <c r="DC4" s="533"/>
      <c r="DD4" s="533"/>
      <c r="DE4" s="533"/>
      <c r="DF4" s="533"/>
      <c r="DG4" s="534"/>
      <c r="DH4" s="530" t="s">
        <v>52</v>
      </c>
    </row>
    <row r="5" spans="2:112" ht="30" customHeight="1" thickBot="1" x14ac:dyDescent="0.25">
      <c r="B5" s="551"/>
      <c r="C5" s="264" t="s">
        <v>43</v>
      </c>
      <c r="D5" s="259" t="s">
        <v>44</v>
      </c>
      <c r="E5" s="382" t="s">
        <v>45</v>
      </c>
      <c r="F5" s="267" t="s">
        <v>83</v>
      </c>
      <c r="G5" s="259" t="s">
        <v>47</v>
      </c>
      <c r="H5" s="259" t="s">
        <v>48</v>
      </c>
      <c r="I5" s="259" t="s">
        <v>49</v>
      </c>
      <c r="J5" s="259" t="s">
        <v>50</v>
      </c>
      <c r="K5" s="259" t="s">
        <v>51</v>
      </c>
      <c r="L5" s="268" t="s">
        <v>45</v>
      </c>
      <c r="M5" s="531"/>
      <c r="N5" s="264" t="s">
        <v>43</v>
      </c>
      <c r="O5" s="259" t="s">
        <v>44</v>
      </c>
      <c r="P5" s="265" t="s">
        <v>45</v>
      </c>
      <c r="Q5" s="267" t="s">
        <v>83</v>
      </c>
      <c r="R5" s="259" t="s">
        <v>47</v>
      </c>
      <c r="S5" s="259" t="s">
        <v>48</v>
      </c>
      <c r="T5" s="259" t="s">
        <v>49</v>
      </c>
      <c r="U5" s="259" t="s">
        <v>50</v>
      </c>
      <c r="V5" s="259" t="s">
        <v>51</v>
      </c>
      <c r="W5" s="265" t="s">
        <v>45</v>
      </c>
      <c r="X5" s="531"/>
      <c r="Y5" s="311" t="s">
        <v>43</v>
      </c>
      <c r="Z5" s="259" t="s">
        <v>44</v>
      </c>
      <c r="AA5" s="268" t="s">
        <v>45</v>
      </c>
      <c r="AB5" s="267" t="s">
        <v>83</v>
      </c>
      <c r="AC5" s="259" t="s">
        <v>47</v>
      </c>
      <c r="AD5" s="259" t="s">
        <v>48</v>
      </c>
      <c r="AE5" s="259" t="s">
        <v>49</v>
      </c>
      <c r="AF5" s="259" t="s">
        <v>50</v>
      </c>
      <c r="AG5" s="259" t="s">
        <v>51</v>
      </c>
      <c r="AH5" s="265" t="s">
        <v>45</v>
      </c>
      <c r="AI5" s="531"/>
      <c r="AJ5" s="263" t="s">
        <v>43</v>
      </c>
      <c r="AK5" s="259" t="s">
        <v>44</v>
      </c>
      <c r="AL5" s="265" t="s">
        <v>45</v>
      </c>
      <c r="AM5" s="267" t="s">
        <v>83</v>
      </c>
      <c r="AN5" s="259" t="s">
        <v>47</v>
      </c>
      <c r="AO5" s="259" t="s">
        <v>48</v>
      </c>
      <c r="AP5" s="259" t="s">
        <v>49</v>
      </c>
      <c r="AQ5" s="259" t="s">
        <v>50</v>
      </c>
      <c r="AR5" s="259" t="s">
        <v>51</v>
      </c>
      <c r="AS5" s="265" t="s">
        <v>45</v>
      </c>
      <c r="AT5" s="531"/>
      <c r="AU5" s="311" t="s">
        <v>43</v>
      </c>
      <c r="AV5" s="259" t="s">
        <v>44</v>
      </c>
      <c r="AW5" s="268" t="s">
        <v>45</v>
      </c>
      <c r="AX5" s="267" t="s">
        <v>83</v>
      </c>
      <c r="AY5" s="259" t="s">
        <v>47</v>
      </c>
      <c r="AZ5" s="259" t="s">
        <v>48</v>
      </c>
      <c r="BA5" s="259" t="s">
        <v>49</v>
      </c>
      <c r="BB5" s="259" t="s">
        <v>50</v>
      </c>
      <c r="BC5" s="259" t="s">
        <v>51</v>
      </c>
      <c r="BD5" s="268" t="s">
        <v>45</v>
      </c>
      <c r="BE5" s="531"/>
      <c r="BF5" s="311" t="s">
        <v>43</v>
      </c>
      <c r="BG5" s="259" t="s">
        <v>44</v>
      </c>
      <c r="BH5" s="265" t="s">
        <v>45</v>
      </c>
      <c r="BI5" s="267" t="s">
        <v>83</v>
      </c>
      <c r="BJ5" s="259" t="s">
        <v>47</v>
      </c>
      <c r="BK5" s="259" t="s">
        <v>48</v>
      </c>
      <c r="BL5" s="259" t="s">
        <v>49</v>
      </c>
      <c r="BM5" s="259" t="s">
        <v>50</v>
      </c>
      <c r="BN5" s="259" t="s">
        <v>51</v>
      </c>
      <c r="BO5" s="265" t="s">
        <v>45</v>
      </c>
      <c r="BP5" s="531"/>
      <c r="BQ5" s="311" t="s">
        <v>43</v>
      </c>
      <c r="BR5" s="259" t="s">
        <v>44</v>
      </c>
      <c r="BS5" s="265" t="s">
        <v>45</v>
      </c>
      <c r="BT5" s="267" t="s">
        <v>83</v>
      </c>
      <c r="BU5" s="259" t="s">
        <v>47</v>
      </c>
      <c r="BV5" s="259" t="s">
        <v>48</v>
      </c>
      <c r="BW5" s="259" t="s">
        <v>49</v>
      </c>
      <c r="BX5" s="259" t="s">
        <v>50</v>
      </c>
      <c r="BY5" s="259" t="s">
        <v>51</v>
      </c>
      <c r="BZ5" s="265" t="s">
        <v>45</v>
      </c>
      <c r="CA5" s="531"/>
      <c r="CB5" s="311" t="s">
        <v>43</v>
      </c>
      <c r="CC5" s="259" t="s">
        <v>44</v>
      </c>
      <c r="CD5" s="265" t="s">
        <v>45</v>
      </c>
      <c r="CE5" s="267" t="s">
        <v>83</v>
      </c>
      <c r="CF5" s="259" t="s">
        <v>47</v>
      </c>
      <c r="CG5" s="259" t="s">
        <v>48</v>
      </c>
      <c r="CH5" s="259" t="s">
        <v>49</v>
      </c>
      <c r="CI5" s="259" t="s">
        <v>50</v>
      </c>
      <c r="CJ5" s="259" t="s">
        <v>51</v>
      </c>
      <c r="CK5" s="265" t="s">
        <v>45</v>
      </c>
      <c r="CL5" s="531"/>
      <c r="CM5" s="311" t="s">
        <v>43</v>
      </c>
      <c r="CN5" s="259" t="s">
        <v>44</v>
      </c>
      <c r="CO5" s="265" t="s">
        <v>45</v>
      </c>
      <c r="CP5" s="267" t="s">
        <v>83</v>
      </c>
      <c r="CQ5" s="259" t="s">
        <v>47</v>
      </c>
      <c r="CR5" s="259" t="s">
        <v>48</v>
      </c>
      <c r="CS5" s="259" t="s">
        <v>49</v>
      </c>
      <c r="CT5" s="259" t="s">
        <v>50</v>
      </c>
      <c r="CU5" s="259" t="s">
        <v>51</v>
      </c>
      <c r="CV5" s="265" t="s">
        <v>45</v>
      </c>
      <c r="CW5" s="531"/>
      <c r="CX5" s="365" t="s">
        <v>43</v>
      </c>
      <c r="CY5" s="259" t="s">
        <v>44</v>
      </c>
      <c r="CZ5" s="265" t="s">
        <v>45</v>
      </c>
      <c r="DA5" s="267" t="s">
        <v>83</v>
      </c>
      <c r="DB5" s="259" t="s">
        <v>47</v>
      </c>
      <c r="DC5" s="259" t="s">
        <v>48</v>
      </c>
      <c r="DD5" s="259" t="s">
        <v>49</v>
      </c>
      <c r="DE5" s="259" t="s">
        <v>50</v>
      </c>
      <c r="DF5" s="259" t="s">
        <v>51</v>
      </c>
      <c r="DG5" s="265" t="s">
        <v>45</v>
      </c>
      <c r="DH5" s="531"/>
    </row>
    <row r="6" spans="2:112" ht="21" customHeight="1" x14ac:dyDescent="0.2">
      <c r="B6" s="260" t="s">
        <v>4</v>
      </c>
      <c r="C6" s="269">
        <v>0</v>
      </c>
      <c r="D6" s="273">
        <v>0</v>
      </c>
      <c r="E6" s="383">
        <v>0</v>
      </c>
      <c r="F6" s="272">
        <v>0</v>
      </c>
      <c r="G6" s="273">
        <v>207368</v>
      </c>
      <c r="H6" s="273">
        <v>334040</v>
      </c>
      <c r="I6" s="273">
        <v>347932</v>
      </c>
      <c r="J6" s="273">
        <v>420889</v>
      </c>
      <c r="K6" s="273">
        <v>406381</v>
      </c>
      <c r="L6" s="274">
        <v>1716610</v>
      </c>
      <c r="M6" s="275">
        <v>1716610</v>
      </c>
      <c r="N6" s="269">
        <v>8</v>
      </c>
      <c r="O6" s="273">
        <v>75</v>
      </c>
      <c r="P6" s="270">
        <v>83</v>
      </c>
      <c r="Q6" s="272">
        <v>0</v>
      </c>
      <c r="R6" s="273">
        <v>462</v>
      </c>
      <c r="S6" s="273">
        <v>2115</v>
      </c>
      <c r="T6" s="273">
        <v>3873</v>
      </c>
      <c r="U6" s="273">
        <v>9417</v>
      </c>
      <c r="V6" s="273">
        <v>18315</v>
      </c>
      <c r="W6" s="270">
        <v>34182</v>
      </c>
      <c r="X6" s="275">
        <v>34265</v>
      </c>
      <c r="Y6" s="269">
        <v>12096</v>
      </c>
      <c r="Z6" s="273">
        <v>38848</v>
      </c>
      <c r="AA6" s="270">
        <v>50944</v>
      </c>
      <c r="AB6" s="272">
        <v>0</v>
      </c>
      <c r="AC6" s="273">
        <v>100866</v>
      </c>
      <c r="AD6" s="273">
        <v>157982</v>
      </c>
      <c r="AE6" s="273">
        <v>101159</v>
      </c>
      <c r="AF6" s="273">
        <v>93235</v>
      </c>
      <c r="AG6" s="273">
        <v>76631</v>
      </c>
      <c r="AH6" s="270">
        <v>529873</v>
      </c>
      <c r="AI6" s="275">
        <v>580817</v>
      </c>
      <c r="AJ6" s="269">
        <v>2091</v>
      </c>
      <c r="AK6" s="273">
        <v>8445</v>
      </c>
      <c r="AL6" s="270">
        <v>10536</v>
      </c>
      <c r="AM6" s="272">
        <v>0</v>
      </c>
      <c r="AN6" s="273">
        <v>12531</v>
      </c>
      <c r="AO6" s="273">
        <v>20799</v>
      </c>
      <c r="AP6" s="273">
        <v>13844</v>
      </c>
      <c r="AQ6" s="273">
        <v>13086</v>
      </c>
      <c r="AR6" s="273">
        <v>7665</v>
      </c>
      <c r="AS6" s="270">
        <v>67925</v>
      </c>
      <c r="AT6" s="275">
        <v>78461</v>
      </c>
      <c r="AU6" s="269">
        <v>0</v>
      </c>
      <c r="AV6" s="273">
        <v>2</v>
      </c>
      <c r="AW6" s="270">
        <v>2</v>
      </c>
      <c r="AX6" s="272">
        <v>0</v>
      </c>
      <c r="AY6" s="273">
        <v>178729</v>
      </c>
      <c r="AZ6" s="273">
        <v>177826</v>
      </c>
      <c r="BA6" s="273">
        <v>111975</v>
      </c>
      <c r="BB6" s="273">
        <v>67531</v>
      </c>
      <c r="BC6" s="273">
        <v>32191</v>
      </c>
      <c r="BD6" s="274">
        <v>568252</v>
      </c>
      <c r="BE6" s="275">
        <v>568254</v>
      </c>
      <c r="BF6" s="269">
        <v>0</v>
      </c>
      <c r="BG6" s="273">
        <v>0</v>
      </c>
      <c r="BH6" s="270">
        <v>0</v>
      </c>
      <c r="BI6" s="272">
        <v>0</v>
      </c>
      <c r="BJ6" s="273">
        <v>29241</v>
      </c>
      <c r="BK6" s="273">
        <v>44811</v>
      </c>
      <c r="BL6" s="273">
        <v>27360</v>
      </c>
      <c r="BM6" s="273">
        <v>17745</v>
      </c>
      <c r="BN6" s="273">
        <v>6374</v>
      </c>
      <c r="BO6" s="270">
        <v>125531</v>
      </c>
      <c r="BP6" s="275">
        <v>125531</v>
      </c>
      <c r="BQ6" s="269">
        <v>231</v>
      </c>
      <c r="BR6" s="273">
        <v>1078</v>
      </c>
      <c r="BS6" s="270">
        <v>1309</v>
      </c>
      <c r="BT6" s="272">
        <v>0</v>
      </c>
      <c r="BU6" s="273">
        <v>14904</v>
      </c>
      <c r="BV6" s="273">
        <v>28912</v>
      </c>
      <c r="BW6" s="273">
        <v>53312</v>
      </c>
      <c r="BX6" s="273">
        <v>39838</v>
      </c>
      <c r="BY6" s="273">
        <v>21043</v>
      </c>
      <c r="BZ6" s="270">
        <v>158009</v>
      </c>
      <c r="CA6" s="275">
        <v>159318</v>
      </c>
      <c r="CB6" s="269">
        <v>7</v>
      </c>
      <c r="CC6" s="273">
        <v>113</v>
      </c>
      <c r="CD6" s="270">
        <v>120</v>
      </c>
      <c r="CE6" s="272">
        <v>0</v>
      </c>
      <c r="CF6" s="273">
        <v>1192</v>
      </c>
      <c r="CG6" s="273">
        <v>3022</v>
      </c>
      <c r="CH6" s="273">
        <v>4127</v>
      </c>
      <c r="CI6" s="273">
        <v>4172</v>
      </c>
      <c r="CJ6" s="273">
        <v>2577</v>
      </c>
      <c r="CK6" s="270">
        <v>15090</v>
      </c>
      <c r="CL6" s="275">
        <v>15210</v>
      </c>
      <c r="CM6" s="269">
        <v>0</v>
      </c>
      <c r="CN6" s="273">
        <v>0</v>
      </c>
      <c r="CO6" s="270">
        <v>0</v>
      </c>
      <c r="CP6" s="272">
        <v>0</v>
      </c>
      <c r="CQ6" s="273">
        <v>0</v>
      </c>
      <c r="CR6" s="273">
        <v>0</v>
      </c>
      <c r="CS6" s="273">
        <v>0</v>
      </c>
      <c r="CT6" s="273">
        <v>0</v>
      </c>
      <c r="CU6" s="273">
        <v>0</v>
      </c>
      <c r="CV6" s="270">
        <v>0</v>
      </c>
      <c r="CW6" s="275">
        <v>0</v>
      </c>
      <c r="CX6" s="269">
        <v>0</v>
      </c>
      <c r="CY6" s="273">
        <v>0</v>
      </c>
      <c r="CZ6" s="270">
        <v>0</v>
      </c>
      <c r="DA6" s="272">
        <v>0</v>
      </c>
      <c r="DB6" s="273">
        <v>0</v>
      </c>
      <c r="DC6" s="273">
        <v>0</v>
      </c>
      <c r="DD6" s="273">
        <v>6</v>
      </c>
      <c r="DE6" s="273">
        <v>0</v>
      </c>
      <c r="DF6" s="273">
        <v>0</v>
      </c>
      <c r="DG6" s="270">
        <v>6</v>
      </c>
      <c r="DH6" s="275">
        <v>6</v>
      </c>
    </row>
    <row r="7" spans="2:112" ht="21" customHeight="1" x14ac:dyDescent="0.2">
      <c r="B7" s="261" t="s">
        <v>5</v>
      </c>
      <c r="C7" s="276">
        <v>0</v>
      </c>
      <c r="D7" s="280">
        <v>0</v>
      </c>
      <c r="E7" s="384">
        <v>0</v>
      </c>
      <c r="F7" s="279">
        <v>0</v>
      </c>
      <c r="G7" s="280">
        <v>70306</v>
      </c>
      <c r="H7" s="280">
        <v>143928</v>
      </c>
      <c r="I7" s="280">
        <v>126170</v>
      </c>
      <c r="J7" s="280">
        <v>148111</v>
      </c>
      <c r="K7" s="280">
        <v>150555</v>
      </c>
      <c r="L7" s="281">
        <v>639070</v>
      </c>
      <c r="M7" s="282">
        <v>639070</v>
      </c>
      <c r="N7" s="276">
        <v>6</v>
      </c>
      <c r="O7" s="280">
        <v>17</v>
      </c>
      <c r="P7" s="277">
        <v>23</v>
      </c>
      <c r="Q7" s="279">
        <v>0</v>
      </c>
      <c r="R7" s="280">
        <v>92</v>
      </c>
      <c r="S7" s="280">
        <v>807</v>
      </c>
      <c r="T7" s="280">
        <v>1521</v>
      </c>
      <c r="U7" s="280">
        <v>3745</v>
      </c>
      <c r="V7" s="280">
        <v>8017</v>
      </c>
      <c r="W7" s="277">
        <v>14182</v>
      </c>
      <c r="X7" s="282">
        <v>14205</v>
      </c>
      <c r="Y7" s="276">
        <v>5332</v>
      </c>
      <c r="Z7" s="280">
        <v>19751</v>
      </c>
      <c r="AA7" s="277">
        <v>25083</v>
      </c>
      <c r="AB7" s="279">
        <v>0</v>
      </c>
      <c r="AC7" s="280">
        <v>37336</v>
      </c>
      <c r="AD7" s="280">
        <v>83050</v>
      </c>
      <c r="AE7" s="280">
        <v>49761</v>
      </c>
      <c r="AF7" s="280">
        <v>43135</v>
      </c>
      <c r="AG7" s="280">
        <v>35534</v>
      </c>
      <c r="AH7" s="277">
        <v>248816</v>
      </c>
      <c r="AI7" s="282">
        <v>273899</v>
      </c>
      <c r="AJ7" s="276">
        <v>874</v>
      </c>
      <c r="AK7" s="280">
        <v>4394</v>
      </c>
      <c r="AL7" s="277">
        <v>5268</v>
      </c>
      <c r="AM7" s="279">
        <v>0</v>
      </c>
      <c r="AN7" s="280">
        <v>3107</v>
      </c>
      <c r="AO7" s="280">
        <v>8342</v>
      </c>
      <c r="AP7" s="280">
        <v>5574</v>
      </c>
      <c r="AQ7" s="280">
        <v>5623</v>
      </c>
      <c r="AR7" s="280">
        <v>2757</v>
      </c>
      <c r="AS7" s="277">
        <v>25403</v>
      </c>
      <c r="AT7" s="282">
        <v>30671</v>
      </c>
      <c r="AU7" s="276">
        <v>0</v>
      </c>
      <c r="AV7" s="280">
        <v>2</v>
      </c>
      <c r="AW7" s="277">
        <v>2</v>
      </c>
      <c r="AX7" s="279">
        <v>0</v>
      </c>
      <c r="AY7" s="280">
        <v>55538</v>
      </c>
      <c r="AZ7" s="280">
        <v>70202</v>
      </c>
      <c r="BA7" s="280">
        <v>38721</v>
      </c>
      <c r="BB7" s="280">
        <v>21974</v>
      </c>
      <c r="BC7" s="280">
        <v>10684</v>
      </c>
      <c r="BD7" s="281">
        <v>197119</v>
      </c>
      <c r="BE7" s="282">
        <v>197121</v>
      </c>
      <c r="BF7" s="276">
        <v>0</v>
      </c>
      <c r="BG7" s="280">
        <v>0</v>
      </c>
      <c r="BH7" s="277">
        <v>0</v>
      </c>
      <c r="BI7" s="279">
        <v>0</v>
      </c>
      <c r="BJ7" s="280">
        <v>8623</v>
      </c>
      <c r="BK7" s="280">
        <v>20269</v>
      </c>
      <c r="BL7" s="280">
        <v>11772</v>
      </c>
      <c r="BM7" s="280">
        <v>7754</v>
      </c>
      <c r="BN7" s="280">
        <v>2877</v>
      </c>
      <c r="BO7" s="277">
        <v>51295</v>
      </c>
      <c r="BP7" s="282">
        <v>51295</v>
      </c>
      <c r="BQ7" s="276">
        <v>64</v>
      </c>
      <c r="BR7" s="280">
        <v>471</v>
      </c>
      <c r="BS7" s="277">
        <v>535</v>
      </c>
      <c r="BT7" s="279">
        <v>0</v>
      </c>
      <c r="BU7" s="280">
        <v>4540</v>
      </c>
      <c r="BV7" s="280">
        <v>11249</v>
      </c>
      <c r="BW7" s="280">
        <v>21025</v>
      </c>
      <c r="BX7" s="280">
        <v>15074</v>
      </c>
      <c r="BY7" s="280">
        <v>7984</v>
      </c>
      <c r="BZ7" s="277">
        <v>59872</v>
      </c>
      <c r="CA7" s="282">
        <v>60407</v>
      </c>
      <c r="CB7" s="276">
        <v>6</v>
      </c>
      <c r="CC7" s="280">
        <v>63</v>
      </c>
      <c r="CD7" s="277">
        <v>69</v>
      </c>
      <c r="CE7" s="279">
        <v>0</v>
      </c>
      <c r="CF7" s="280">
        <v>599</v>
      </c>
      <c r="CG7" s="280">
        <v>1770</v>
      </c>
      <c r="CH7" s="280">
        <v>2370</v>
      </c>
      <c r="CI7" s="280">
        <v>2447</v>
      </c>
      <c r="CJ7" s="280">
        <v>1670</v>
      </c>
      <c r="CK7" s="277">
        <v>8856</v>
      </c>
      <c r="CL7" s="282">
        <v>8925</v>
      </c>
      <c r="CM7" s="276">
        <v>0</v>
      </c>
      <c r="CN7" s="280">
        <v>0</v>
      </c>
      <c r="CO7" s="277">
        <v>0</v>
      </c>
      <c r="CP7" s="279">
        <v>0</v>
      </c>
      <c r="CQ7" s="280">
        <v>0</v>
      </c>
      <c r="CR7" s="280">
        <v>0</v>
      </c>
      <c r="CS7" s="280">
        <v>0</v>
      </c>
      <c r="CT7" s="280">
        <v>0</v>
      </c>
      <c r="CU7" s="280">
        <v>0</v>
      </c>
      <c r="CV7" s="277">
        <v>0</v>
      </c>
      <c r="CW7" s="282">
        <v>0</v>
      </c>
      <c r="CX7" s="276">
        <v>0</v>
      </c>
      <c r="CY7" s="280">
        <v>0</v>
      </c>
      <c r="CZ7" s="277">
        <v>0</v>
      </c>
      <c r="DA7" s="279">
        <v>0</v>
      </c>
      <c r="DB7" s="280">
        <v>0</v>
      </c>
      <c r="DC7" s="280">
        <v>0</v>
      </c>
      <c r="DD7" s="280">
        <v>0</v>
      </c>
      <c r="DE7" s="280">
        <v>0</v>
      </c>
      <c r="DF7" s="280">
        <v>0</v>
      </c>
      <c r="DG7" s="277">
        <v>0</v>
      </c>
      <c r="DH7" s="282">
        <v>0</v>
      </c>
    </row>
    <row r="8" spans="2:112" ht="21" customHeight="1" x14ac:dyDescent="0.2">
      <c r="B8" s="261" t="s">
        <v>6</v>
      </c>
      <c r="C8" s="276">
        <v>0</v>
      </c>
      <c r="D8" s="280">
        <v>0</v>
      </c>
      <c r="E8" s="384">
        <v>0</v>
      </c>
      <c r="F8" s="279">
        <v>0</v>
      </c>
      <c r="G8" s="280">
        <v>36787</v>
      </c>
      <c r="H8" s="280">
        <v>46320</v>
      </c>
      <c r="I8" s="280">
        <v>54703</v>
      </c>
      <c r="J8" s="280">
        <v>65075</v>
      </c>
      <c r="K8" s="280">
        <v>69090</v>
      </c>
      <c r="L8" s="281">
        <v>271975</v>
      </c>
      <c r="M8" s="282">
        <v>271975</v>
      </c>
      <c r="N8" s="276">
        <v>1</v>
      </c>
      <c r="O8" s="280">
        <v>12</v>
      </c>
      <c r="P8" s="277">
        <v>13</v>
      </c>
      <c r="Q8" s="279">
        <v>0</v>
      </c>
      <c r="R8" s="280">
        <v>62</v>
      </c>
      <c r="S8" s="280">
        <v>279</v>
      </c>
      <c r="T8" s="280">
        <v>507</v>
      </c>
      <c r="U8" s="280">
        <v>1253</v>
      </c>
      <c r="V8" s="280">
        <v>2559</v>
      </c>
      <c r="W8" s="277">
        <v>4660</v>
      </c>
      <c r="X8" s="282">
        <v>4673</v>
      </c>
      <c r="Y8" s="276">
        <v>1958</v>
      </c>
      <c r="Z8" s="280">
        <v>5765</v>
      </c>
      <c r="AA8" s="277">
        <v>7723</v>
      </c>
      <c r="AB8" s="279">
        <v>0</v>
      </c>
      <c r="AC8" s="280">
        <v>21637</v>
      </c>
      <c r="AD8" s="280">
        <v>22191</v>
      </c>
      <c r="AE8" s="280">
        <v>16128</v>
      </c>
      <c r="AF8" s="280">
        <v>16039</v>
      </c>
      <c r="AG8" s="280">
        <v>12853</v>
      </c>
      <c r="AH8" s="277">
        <v>88848</v>
      </c>
      <c r="AI8" s="282">
        <v>96571</v>
      </c>
      <c r="AJ8" s="276">
        <v>93</v>
      </c>
      <c r="AK8" s="280">
        <v>603</v>
      </c>
      <c r="AL8" s="277">
        <v>696</v>
      </c>
      <c r="AM8" s="279">
        <v>0</v>
      </c>
      <c r="AN8" s="280">
        <v>1776</v>
      </c>
      <c r="AO8" s="280">
        <v>2238</v>
      </c>
      <c r="AP8" s="280">
        <v>1562</v>
      </c>
      <c r="AQ8" s="280">
        <v>1404</v>
      </c>
      <c r="AR8" s="280">
        <v>937</v>
      </c>
      <c r="AS8" s="277">
        <v>7917</v>
      </c>
      <c r="AT8" s="282">
        <v>8613</v>
      </c>
      <c r="AU8" s="276">
        <v>0</v>
      </c>
      <c r="AV8" s="280">
        <v>0</v>
      </c>
      <c r="AW8" s="277">
        <v>0</v>
      </c>
      <c r="AX8" s="279">
        <v>0</v>
      </c>
      <c r="AY8" s="280">
        <v>31149</v>
      </c>
      <c r="AZ8" s="280">
        <v>23031</v>
      </c>
      <c r="BA8" s="280">
        <v>15740</v>
      </c>
      <c r="BB8" s="280">
        <v>10714</v>
      </c>
      <c r="BC8" s="280">
        <v>5431</v>
      </c>
      <c r="BD8" s="281">
        <v>86065</v>
      </c>
      <c r="BE8" s="282">
        <v>86065</v>
      </c>
      <c r="BF8" s="276">
        <v>0</v>
      </c>
      <c r="BG8" s="280">
        <v>0</v>
      </c>
      <c r="BH8" s="277">
        <v>0</v>
      </c>
      <c r="BI8" s="279">
        <v>0</v>
      </c>
      <c r="BJ8" s="280">
        <v>4028</v>
      </c>
      <c r="BK8" s="280">
        <v>4919</v>
      </c>
      <c r="BL8" s="280">
        <v>3657</v>
      </c>
      <c r="BM8" s="280">
        <v>2533</v>
      </c>
      <c r="BN8" s="280">
        <v>902</v>
      </c>
      <c r="BO8" s="277">
        <v>16039</v>
      </c>
      <c r="BP8" s="282">
        <v>16039</v>
      </c>
      <c r="BQ8" s="276">
        <v>16</v>
      </c>
      <c r="BR8" s="280">
        <v>67</v>
      </c>
      <c r="BS8" s="277">
        <v>83</v>
      </c>
      <c r="BT8" s="279">
        <v>0</v>
      </c>
      <c r="BU8" s="280">
        <v>1786</v>
      </c>
      <c r="BV8" s="280">
        <v>2878</v>
      </c>
      <c r="BW8" s="280">
        <v>5290</v>
      </c>
      <c r="BX8" s="280">
        <v>4883</v>
      </c>
      <c r="BY8" s="280">
        <v>2481</v>
      </c>
      <c r="BZ8" s="277">
        <v>17318</v>
      </c>
      <c r="CA8" s="282">
        <v>17401</v>
      </c>
      <c r="CB8" s="276">
        <v>1</v>
      </c>
      <c r="CC8" s="280">
        <v>0</v>
      </c>
      <c r="CD8" s="277">
        <v>1</v>
      </c>
      <c r="CE8" s="279">
        <v>0</v>
      </c>
      <c r="CF8" s="280">
        <v>166</v>
      </c>
      <c r="CG8" s="280">
        <v>334</v>
      </c>
      <c r="CH8" s="280">
        <v>527</v>
      </c>
      <c r="CI8" s="280">
        <v>632</v>
      </c>
      <c r="CJ8" s="280">
        <v>245</v>
      </c>
      <c r="CK8" s="277">
        <v>1904</v>
      </c>
      <c r="CL8" s="282">
        <v>1905</v>
      </c>
      <c r="CM8" s="276">
        <v>0</v>
      </c>
      <c r="CN8" s="280">
        <v>0</v>
      </c>
      <c r="CO8" s="277">
        <v>0</v>
      </c>
      <c r="CP8" s="279">
        <v>0</v>
      </c>
      <c r="CQ8" s="280">
        <v>0</v>
      </c>
      <c r="CR8" s="280">
        <v>0</v>
      </c>
      <c r="CS8" s="280">
        <v>0</v>
      </c>
      <c r="CT8" s="280">
        <v>0</v>
      </c>
      <c r="CU8" s="280">
        <v>0</v>
      </c>
      <c r="CV8" s="277">
        <v>0</v>
      </c>
      <c r="CW8" s="282">
        <v>0</v>
      </c>
      <c r="CX8" s="276">
        <v>0</v>
      </c>
      <c r="CY8" s="280">
        <v>0</v>
      </c>
      <c r="CZ8" s="277">
        <v>0</v>
      </c>
      <c r="DA8" s="279">
        <v>0</v>
      </c>
      <c r="DB8" s="280">
        <v>0</v>
      </c>
      <c r="DC8" s="280">
        <v>0</v>
      </c>
      <c r="DD8" s="280">
        <v>0</v>
      </c>
      <c r="DE8" s="280">
        <v>0</v>
      </c>
      <c r="DF8" s="280">
        <v>0</v>
      </c>
      <c r="DG8" s="277">
        <v>0</v>
      </c>
      <c r="DH8" s="282">
        <v>0</v>
      </c>
    </row>
    <row r="9" spans="2:112" ht="21" customHeight="1" x14ac:dyDescent="0.2">
      <c r="B9" s="261" t="s">
        <v>14</v>
      </c>
      <c r="C9" s="276">
        <v>0</v>
      </c>
      <c r="D9" s="280">
        <v>0</v>
      </c>
      <c r="E9" s="384">
        <v>0</v>
      </c>
      <c r="F9" s="279">
        <v>0</v>
      </c>
      <c r="G9" s="280">
        <v>13349</v>
      </c>
      <c r="H9" s="280">
        <v>25819</v>
      </c>
      <c r="I9" s="280">
        <v>29122</v>
      </c>
      <c r="J9" s="280">
        <v>28479</v>
      </c>
      <c r="K9" s="280">
        <v>23998</v>
      </c>
      <c r="L9" s="281">
        <v>120767</v>
      </c>
      <c r="M9" s="282">
        <v>120767</v>
      </c>
      <c r="N9" s="276">
        <v>0</v>
      </c>
      <c r="O9" s="280">
        <v>14</v>
      </c>
      <c r="P9" s="277">
        <v>14</v>
      </c>
      <c r="Q9" s="279">
        <v>0</v>
      </c>
      <c r="R9" s="280">
        <v>9</v>
      </c>
      <c r="S9" s="280">
        <v>94</v>
      </c>
      <c r="T9" s="280">
        <v>274</v>
      </c>
      <c r="U9" s="280">
        <v>621</v>
      </c>
      <c r="V9" s="280">
        <v>1237</v>
      </c>
      <c r="W9" s="277">
        <v>2235</v>
      </c>
      <c r="X9" s="282">
        <v>2249</v>
      </c>
      <c r="Y9" s="276">
        <v>701</v>
      </c>
      <c r="Z9" s="280">
        <v>3311</v>
      </c>
      <c r="AA9" s="277">
        <v>4012</v>
      </c>
      <c r="AB9" s="279">
        <v>0</v>
      </c>
      <c r="AC9" s="280">
        <v>5246</v>
      </c>
      <c r="AD9" s="280">
        <v>11241</v>
      </c>
      <c r="AE9" s="280">
        <v>7503</v>
      </c>
      <c r="AF9" s="280">
        <v>6821</v>
      </c>
      <c r="AG9" s="280">
        <v>5444</v>
      </c>
      <c r="AH9" s="277">
        <v>36255</v>
      </c>
      <c r="AI9" s="282">
        <v>40267</v>
      </c>
      <c r="AJ9" s="276">
        <v>38</v>
      </c>
      <c r="AK9" s="280">
        <v>460</v>
      </c>
      <c r="AL9" s="277">
        <v>498</v>
      </c>
      <c r="AM9" s="279">
        <v>0</v>
      </c>
      <c r="AN9" s="280">
        <v>329</v>
      </c>
      <c r="AO9" s="280">
        <v>978</v>
      </c>
      <c r="AP9" s="280">
        <v>549</v>
      </c>
      <c r="AQ9" s="280">
        <v>551</v>
      </c>
      <c r="AR9" s="280">
        <v>319</v>
      </c>
      <c r="AS9" s="277">
        <v>2726</v>
      </c>
      <c r="AT9" s="282">
        <v>3224</v>
      </c>
      <c r="AU9" s="276">
        <v>0</v>
      </c>
      <c r="AV9" s="280">
        <v>0</v>
      </c>
      <c r="AW9" s="277">
        <v>0</v>
      </c>
      <c r="AX9" s="279">
        <v>0</v>
      </c>
      <c r="AY9" s="280">
        <v>12962</v>
      </c>
      <c r="AZ9" s="280">
        <v>15824</v>
      </c>
      <c r="BA9" s="280">
        <v>11782</v>
      </c>
      <c r="BB9" s="280">
        <v>6885</v>
      </c>
      <c r="BC9" s="280">
        <v>3359</v>
      </c>
      <c r="BD9" s="281">
        <v>50812</v>
      </c>
      <c r="BE9" s="282">
        <v>50812</v>
      </c>
      <c r="BF9" s="276">
        <v>0</v>
      </c>
      <c r="BG9" s="280">
        <v>0</v>
      </c>
      <c r="BH9" s="277">
        <v>0</v>
      </c>
      <c r="BI9" s="279">
        <v>0</v>
      </c>
      <c r="BJ9" s="280">
        <v>966</v>
      </c>
      <c r="BK9" s="280">
        <v>2815</v>
      </c>
      <c r="BL9" s="280">
        <v>1866</v>
      </c>
      <c r="BM9" s="280">
        <v>1292</v>
      </c>
      <c r="BN9" s="280">
        <v>341</v>
      </c>
      <c r="BO9" s="277">
        <v>7280</v>
      </c>
      <c r="BP9" s="282">
        <v>7280</v>
      </c>
      <c r="BQ9" s="276">
        <v>16</v>
      </c>
      <c r="BR9" s="280">
        <v>77</v>
      </c>
      <c r="BS9" s="277">
        <v>93</v>
      </c>
      <c r="BT9" s="279">
        <v>0</v>
      </c>
      <c r="BU9" s="280">
        <v>964</v>
      </c>
      <c r="BV9" s="280">
        <v>2449</v>
      </c>
      <c r="BW9" s="280">
        <v>4881</v>
      </c>
      <c r="BX9" s="280">
        <v>3434</v>
      </c>
      <c r="BY9" s="280">
        <v>1850</v>
      </c>
      <c r="BZ9" s="277">
        <v>13578</v>
      </c>
      <c r="CA9" s="282">
        <v>13671</v>
      </c>
      <c r="CB9" s="276">
        <v>0</v>
      </c>
      <c r="CC9" s="280">
        <v>23</v>
      </c>
      <c r="CD9" s="277">
        <v>23</v>
      </c>
      <c r="CE9" s="279">
        <v>0</v>
      </c>
      <c r="CF9" s="280">
        <v>0</v>
      </c>
      <c r="CG9" s="280">
        <v>91</v>
      </c>
      <c r="CH9" s="280">
        <v>18</v>
      </c>
      <c r="CI9" s="280">
        <v>74</v>
      </c>
      <c r="CJ9" s="280">
        <v>14</v>
      </c>
      <c r="CK9" s="277">
        <v>197</v>
      </c>
      <c r="CL9" s="282">
        <v>220</v>
      </c>
      <c r="CM9" s="276">
        <v>0</v>
      </c>
      <c r="CN9" s="280">
        <v>0</v>
      </c>
      <c r="CO9" s="277">
        <v>0</v>
      </c>
      <c r="CP9" s="279">
        <v>0</v>
      </c>
      <c r="CQ9" s="280">
        <v>0</v>
      </c>
      <c r="CR9" s="280">
        <v>0</v>
      </c>
      <c r="CS9" s="280">
        <v>0</v>
      </c>
      <c r="CT9" s="280">
        <v>0</v>
      </c>
      <c r="CU9" s="280">
        <v>0</v>
      </c>
      <c r="CV9" s="277">
        <v>0</v>
      </c>
      <c r="CW9" s="282">
        <v>0</v>
      </c>
      <c r="CX9" s="276">
        <v>0</v>
      </c>
      <c r="CY9" s="280">
        <v>0</v>
      </c>
      <c r="CZ9" s="277">
        <v>0</v>
      </c>
      <c r="DA9" s="279">
        <v>0</v>
      </c>
      <c r="DB9" s="280">
        <v>0</v>
      </c>
      <c r="DC9" s="280">
        <v>0</v>
      </c>
      <c r="DD9" s="280">
        <v>0</v>
      </c>
      <c r="DE9" s="280">
        <v>0</v>
      </c>
      <c r="DF9" s="280">
        <v>0</v>
      </c>
      <c r="DG9" s="277">
        <v>0</v>
      </c>
      <c r="DH9" s="282">
        <v>0</v>
      </c>
    </row>
    <row r="10" spans="2:112" ht="21" customHeight="1" x14ac:dyDescent="0.2">
      <c r="B10" s="261" t="s">
        <v>7</v>
      </c>
      <c r="C10" s="276">
        <v>0</v>
      </c>
      <c r="D10" s="280">
        <v>0</v>
      </c>
      <c r="E10" s="384">
        <v>0</v>
      </c>
      <c r="F10" s="279">
        <v>0</v>
      </c>
      <c r="G10" s="280">
        <v>16941</v>
      </c>
      <c r="H10" s="280">
        <v>17523</v>
      </c>
      <c r="I10" s="280">
        <v>20604</v>
      </c>
      <c r="J10" s="280">
        <v>28918</v>
      </c>
      <c r="K10" s="280">
        <v>23544</v>
      </c>
      <c r="L10" s="281">
        <v>107530</v>
      </c>
      <c r="M10" s="282">
        <v>107530</v>
      </c>
      <c r="N10" s="276">
        <v>0</v>
      </c>
      <c r="O10" s="280">
        <v>0</v>
      </c>
      <c r="P10" s="277">
        <v>0</v>
      </c>
      <c r="Q10" s="279">
        <v>0</v>
      </c>
      <c r="R10" s="280">
        <v>46</v>
      </c>
      <c r="S10" s="280">
        <v>197</v>
      </c>
      <c r="T10" s="280">
        <v>266</v>
      </c>
      <c r="U10" s="280">
        <v>624</v>
      </c>
      <c r="V10" s="280">
        <v>919</v>
      </c>
      <c r="W10" s="277">
        <v>2052</v>
      </c>
      <c r="X10" s="282">
        <v>2052</v>
      </c>
      <c r="Y10" s="276">
        <v>110</v>
      </c>
      <c r="Z10" s="280">
        <v>138</v>
      </c>
      <c r="AA10" s="277">
        <v>248</v>
      </c>
      <c r="AB10" s="279">
        <v>0</v>
      </c>
      <c r="AC10" s="280">
        <v>3562</v>
      </c>
      <c r="AD10" s="280">
        <v>4430</v>
      </c>
      <c r="AE10" s="280">
        <v>2727</v>
      </c>
      <c r="AF10" s="280">
        <v>3323</v>
      </c>
      <c r="AG10" s="280">
        <v>2543</v>
      </c>
      <c r="AH10" s="277">
        <v>16585</v>
      </c>
      <c r="AI10" s="282">
        <v>16833</v>
      </c>
      <c r="AJ10" s="276">
        <v>38</v>
      </c>
      <c r="AK10" s="280">
        <v>87</v>
      </c>
      <c r="AL10" s="277">
        <v>125</v>
      </c>
      <c r="AM10" s="279">
        <v>0</v>
      </c>
      <c r="AN10" s="280">
        <v>719</v>
      </c>
      <c r="AO10" s="280">
        <v>859</v>
      </c>
      <c r="AP10" s="280">
        <v>668</v>
      </c>
      <c r="AQ10" s="280">
        <v>685</v>
      </c>
      <c r="AR10" s="280">
        <v>365</v>
      </c>
      <c r="AS10" s="277">
        <v>3296</v>
      </c>
      <c r="AT10" s="282">
        <v>3421</v>
      </c>
      <c r="AU10" s="276">
        <v>0</v>
      </c>
      <c r="AV10" s="280">
        <v>0</v>
      </c>
      <c r="AW10" s="277">
        <v>0</v>
      </c>
      <c r="AX10" s="279">
        <v>0</v>
      </c>
      <c r="AY10" s="280">
        <v>13237</v>
      </c>
      <c r="AZ10" s="280">
        <v>9091</v>
      </c>
      <c r="BA10" s="280">
        <v>5459</v>
      </c>
      <c r="BB10" s="280">
        <v>3070</v>
      </c>
      <c r="BC10" s="280">
        <v>1222</v>
      </c>
      <c r="BD10" s="281">
        <v>32079</v>
      </c>
      <c r="BE10" s="282">
        <v>32079</v>
      </c>
      <c r="BF10" s="276">
        <v>0</v>
      </c>
      <c r="BG10" s="280">
        <v>0</v>
      </c>
      <c r="BH10" s="277">
        <v>0</v>
      </c>
      <c r="BI10" s="279">
        <v>0</v>
      </c>
      <c r="BJ10" s="280">
        <v>1863</v>
      </c>
      <c r="BK10" s="280">
        <v>1643</v>
      </c>
      <c r="BL10" s="280">
        <v>1097</v>
      </c>
      <c r="BM10" s="280">
        <v>517</v>
      </c>
      <c r="BN10" s="280">
        <v>149</v>
      </c>
      <c r="BO10" s="277">
        <v>5269</v>
      </c>
      <c r="BP10" s="282">
        <v>5269</v>
      </c>
      <c r="BQ10" s="276">
        <v>5</v>
      </c>
      <c r="BR10" s="280">
        <v>38</v>
      </c>
      <c r="BS10" s="277">
        <v>43</v>
      </c>
      <c r="BT10" s="279">
        <v>0</v>
      </c>
      <c r="BU10" s="280">
        <v>1315</v>
      </c>
      <c r="BV10" s="280">
        <v>2237</v>
      </c>
      <c r="BW10" s="280">
        <v>2589</v>
      </c>
      <c r="BX10" s="280">
        <v>2014</v>
      </c>
      <c r="BY10" s="280">
        <v>905</v>
      </c>
      <c r="BZ10" s="277">
        <v>9060</v>
      </c>
      <c r="CA10" s="282">
        <v>9103</v>
      </c>
      <c r="CB10" s="276">
        <v>0</v>
      </c>
      <c r="CC10" s="280">
        <v>0</v>
      </c>
      <c r="CD10" s="277">
        <v>0</v>
      </c>
      <c r="CE10" s="279">
        <v>0</v>
      </c>
      <c r="CF10" s="280">
        <v>30</v>
      </c>
      <c r="CG10" s="280">
        <v>69</v>
      </c>
      <c r="CH10" s="280">
        <v>229</v>
      </c>
      <c r="CI10" s="280">
        <v>148</v>
      </c>
      <c r="CJ10" s="280">
        <v>60</v>
      </c>
      <c r="CK10" s="277">
        <v>536</v>
      </c>
      <c r="CL10" s="282">
        <v>536</v>
      </c>
      <c r="CM10" s="276">
        <v>0</v>
      </c>
      <c r="CN10" s="280">
        <v>0</v>
      </c>
      <c r="CO10" s="277">
        <v>0</v>
      </c>
      <c r="CP10" s="279">
        <v>0</v>
      </c>
      <c r="CQ10" s="280">
        <v>0</v>
      </c>
      <c r="CR10" s="280">
        <v>0</v>
      </c>
      <c r="CS10" s="280">
        <v>0</v>
      </c>
      <c r="CT10" s="280">
        <v>0</v>
      </c>
      <c r="CU10" s="280">
        <v>0</v>
      </c>
      <c r="CV10" s="277">
        <v>0</v>
      </c>
      <c r="CW10" s="282">
        <v>0</v>
      </c>
      <c r="CX10" s="276">
        <v>0</v>
      </c>
      <c r="CY10" s="280">
        <v>0</v>
      </c>
      <c r="CZ10" s="277">
        <v>0</v>
      </c>
      <c r="DA10" s="279">
        <v>0</v>
      </c>
      <c r="DB10" s="280">
        <v>0</v>
      </c>
      <c r="DC10" s="280">
        <v>0</v>
      </c>
      <c r="DD10" s="280">
        <v>0</v>
      </c>
      <c r="DE10" s="280">
        <v>0</v>
      </c>
      <c r="DF10" s="280">
        <v>0</v>
      </c>
      <c r="DG10" s="277">
        <v>0</v>
      </c>
      <c r="DH10" s="282">
        <v>0</v>
      </c>
    </row>
    <row r="11" spans="2:112" ht="21" customHeight="1" x14ac:dyDescent="0.2">
      <c r="B11" s="261" t="s">
        <v>8</v>
      </c>
      <c r="C11" s="276">
        <v>0</v>
      </c>
      <c r="D11" s="280">
        <v>0</v>
      </c>
      <c r="E11" s="384">
        <v>0</v>
      </c>
      <c r="F11" s="279">
        <v>0</v>
      </c>
      <c r="G11" s="280">
        <v>6196</v>
      </c>
      <c r="H11" s="280">
        <v>12432</v>
      </c>
      <c r="I11" s="280">
        <v>13953</v>
      </c>
      <c r="J11" s="280">
        <v>14811</v>
      </c>
      <c r="K11" s="280">
        <v>14195</v>
      </c>
      <c r="L11" s="281">
        <v>61587</v>
      </c>
      <c r="M11" s="282">
        <v>61587</v>
      </c>
      <c r="N11" s="276">
        <v>1</v>
      </c>
      <c r="O11" s="280">
        <v>0</v>
      </c>
      <c r="P11" s="277">
        <v>1</v>
      </c>
      <c r="Q11" s="279">
        <v>0</v>
      </c>
      <c r="R11" s="280">
        <v>22</v>
      </c>
      <c r="S11" s="280">
        <v>57</v>
      </c>
      <c r="T11" s="280">
        <v>130</v>
      </c>
      <c r="U11" s="280">
        <v>296</v>
      </c>
      <c r="V11" s="280">
        <v>541</v>
      </c>
      <c r="W11" s="277">
        <v>1046</v>
      </c>
      <c r="X11" s="282">
        <v>1047</v>
      </c>
      <c r="Y11" s="276">
        <v>205</v>
      </c>
      <c r="Z11" s="280">
        <v>343</v>
      </c>
      <c r="AA11" s="277">
        <v>548</v>
      </c>
      <c r="AB11" s="279">
        <v>0</v>
      </c>
      <c r="AC11" s="280">
        <v>1689</v>
      </c>
      <c r="AD11" s="280">
        <v>2510</v>
      </c>
      <c r="AE11" s="280">
        <v>1798</v>
      </c>
      <c r="AF11" s="280">
        <v>1734</v>
      </c>
      <c r="AG11" s="280">
        <v>1564</v>
      </c>
      <c r="AH11" s="277">
        <v>9295</v>
      </c>
      <c r="AI11" s="282">
        <v>9843</v>
      </c>
      <c r="AJ11" s="276">
        <v>68</v>
      </c>
      <c r="AK11" s="280">
        <v>141</v>
      </c>
      <c r="AL11" s="277">
        <v>209</v>
      </c>
      <c r="AM11" s="279">
        <v>0</v>
      </c>
      <c r="AN11" s="280">
        <v>599</v>
      </c>
      <c r="AO11" s="280">
        <v>882</v>
      </c>
      <c r="AP11" s="280">
        <v>764</v>
      </c>
      <c r="AQ11" s="280">
        <v>676</v>
      </c>
      <c r="AR11" s="280">
        <v>431</v>
      </c>
      <c r="AS11" s="277">
        <v>3352</v>
      </c>
      <c r="AT11" s="282">
        <v>3561</v>
      </c>
      <c r="AU11" s="276">
        <v>0</v>
      </c>
      <c r="AV11" s="280">
        <v>0</v>
      </c>
      <c r="AW11" s="277">
        <v>0</v>
      </c>
      <c r="AX11" s="279">
        <v>0</v>
      </c>
      <c r="AY11" s="280">
        <v>5214</v>
      </c>
      <c r="AZ11" s="280">
        <v>5737</v>
      </c>
      <c r="BA11" s="280">
        <v>4152</v>
      </c>
      <c r="BB11" s="280">
        <v>2270</v>
      </c>
      <c r="BC11" s="280">
        <v>1292</v>
      </c>
      <c r="BD11" s="281">
        <v>18665</v>
      </c>
      <c r="BE11" s="282">
        <v>18665</v>
      </c>
      <c r="BF11" s="276">
        <v>0</v>
      </c>
      <c r="BG11" s="280">
        <v>0</v>
      </c>
      <c r="BH11" s="277">
        <v>0</v>
      </c>
      <c r="BI11" s="279">
        <v>0</v>
      </c>
      <c r="BJ11" s="280">
        <v>668</v>
      </c>
      <c r="BK11" s="280">
        <v>1032</v>
      </c>
      <c r="BL11" s="280">
        <v>597</v>
      </c>
      <c r="BM11" s="280">
        <v>407</v>
      </c>
      <c r="BN11" s="280">
        <v>108</v>
      </c>
      <c r="BO11" s="277">
        <v>2812</v>
      </c>
      <c r="BP11" s="282">
        <v>2812</v>
      </c>
      <c r="BQ11" s="276">
        <v>35</v>
      </c>
      <c r="BR11" s="280">
        <v>27</v>
      </c>
      <c r="BS11" s="277">
        <v>62</v>
      </c>
      <c r="BT11" s="279">
        <v>0</v>
      </c>
      <c r="BU11" s="280">
        <v>461</v>
      </c>
      <c r="BV11" s="280">
        <v>1130</v>
      </c>
      <c r="BW11" s="280">
        <v>2916</v>
      </c>
      <c r="BX11" s="280">
        <v>1477</v>
      </c>
      <c r="BY11" s="280">
        <v>814</v>
      </c>
      <c r="BZ11" s="277">
        <v>6798</v>
      </c>
      <c r="CA11" s="282">
        <v>6860</v>
      </c>
      <c r="CB11" s="276">
        <v>0</v>
      </c>
      <c r="CC11" s="280">
        <v>0</v>
      </c>
      <c r="CD11" s="277">
        <v>0</v>
      </c>
      <c r="CE11" s="279">
        <v>0</v>
      </c>
      <c r="CF11" s="280">
        <v>36</v>
      </c>
      <c r="CG11" s="280">
        <v>14</v>
      </c>
      <c r="CH11" s="280">
        <v>23</v>
      </c>
      <c r="CI11" s="280">
        <v>10</v>
      </c>
      <c r="CJ11" s="280">
        <v>6</v>
      </c>
      <c r="CK11" s="277">
        <v>89</v>
      </c>
      <c r="CL11" s="282">
        <v>89</v>
      </c>
      <c r="CM11" s="276">
        <v>0</v>
      </c>
      <c r="CN11" s="280">
        <v>0</v>
      </c>
      <c r="CO11" s="277">
        <v>0</v>
      </c>
      <c r="CP11" s="279">
        <v>0</v>
      </c>
      <c r="CQ11" s="280">
        <v>0</v>
      </c>
      <c r="CR11" s="280">
        <v>0</v>
      </c>
      <c r="CS11" s="280">
        <v>0</v>
      </c>
      <c r="CT11" s="280">
        <v>0</v>
      </c>
      <c r="CU11" s="280">
        <v>0</v>
      </c>
      <c r="CV11" s="277">
        <v>0</v>
      </c>
      <c r="CW11" s="282">
        <v>0</v>
      </c>
      <c r="CX11" s="276">
        <v>0</v>
      </c>
      <c r="CY11" s="280">
        <v>0</v>
      </c>
      <c r="CZ11" s="277">
        <v>0</v>
      </c>
      <c r="DA11" s="279">
        <v>0</v>
      </c>
      <c r="DB11" s="280">
        <v>0</v>
      </c>
      <c r="DC11" s="280">
        <v>0</v>
      </c>
      <c r="DD11" s="280">
        <v>0</v>
      </c>
      <c r="DE11" s="280">
        <v>0</v>
      </c>
      <c r="DF11" s="280">
        <v>0</v>
      </c>
      <c r="DG11" s="277">
        <v>0</v>
      </c>
      <c r="DH11" s="282">
        <v>0</v>
      </c>
    </row>
    <row r="12" spans="2:112" ht="21" customHeight="1" x14ac:dyDescent="0.2">
      <c r="B12" s="261" t="s">
        <v>9</v>
      </c>
      <c r="C12" s="276">
        <v>0</v>
      </c>
      <c r="D12" s="280">
        <v>0</v>
      </c>
      <c r="E12" s="384">
        <v>0</v>
      </c>
      <c r="F12" s="279">
        <v>0</v>
      </c>
      <c r="G12" s="280">
        <v>6362</v>
      </c>
      <c r="H12" s="280">
        <v>7995</v>
      </c>
      <c r="I12" s="280">
        <v>11448</v>
      </c>
      <c r="J12" s="280">
        <v>15102</v>
      </c>
      <c r="K12" s="280">
        <v>15474</v>
      </c>
      <c r="L12" s="281">
        <v>56381</v>
      </c>
      <c r="M12" s="282">
        <v>56381</v>
      </c>
      <c r="N12" s="276">
        <v>0</v>
      </c>
      <c r="O12" s="280">
        <v>0</v>
      </c>
      <c r="P12" s="277">
        <v>0</v>
      </c>
      <c r="Q12" s="279">
        <v>0</v>
      </c>
      <c r="R12" s="280">
        <v>36</v>
      </c>
      <c r="S12" s="280">
        <v>31</v>
      </c>
      <c r="T12" s="280">
        <v>95</v>
      </c>
      <c r="U12" s="280">
        <v>321</v>
      </c>
      <c r="V12" s="280">
        <v>527</v>
      </c>
      <c r="W12" s="277">
        <v>1010</v>
      </c>
      <c r="X12" s="282">
        <v>1010</v>
      </c>
      <c r="Y12" s="276">
        <v>209</v>
      </c>
      <c r="Z12" s="280">
        <v>543</v>
      </c>
      <c r="AA12" s="277">
        <v>752</v>
      </c>
      <c r="AB12" s="279">
        <v>0</v>
      </c>
      <c r="AC12" s="280">
        <v>3240</v>
      </c>
      <c r="AD12" s="280">
        <v>3058</v>
      </c>
      <c r="AE12" s="280">
        <v>2318</v>
      </c>
      <c r="AF12" s="280">
        <v>2531</v>
      </c>
      <c r="AG12" s="280">
        <v>2257</v>
      </c>
      <c r="AH12" s="277">
        <v>13404</v>
      </c>
      <c r="AI12" s="282">
        <v>14156</v>
      </c>
      <c r="AJ12" s="276">
        <v>29</v>
      </c>
      <c r="AK12" s="280">
        <v>215</v>
      </c>
      <c r="AL12" s="277">
        <v>244</v>
      </c>
      <c r="AM12" s="279">
        <v>0</v>
      </c>
      <c r="AN12" s="280">
        <v>554</v>
      </c>
      <c r="AO12" s="280">
        <v>606</v>
      </c>
      <c r="AP12" s="280">
        <v>577</v>
      </c>
      <c r="AQ12" s="280">
        <v>494</v>
      </c>
      <c r="AR12" s="280">
        <v>426</v>
      </c>
      <c r="AS12" s="277">
        <v>2657</v>
      </c>
      <c r="AT12" s="282">
        <v>2901</v>
      </c>
      <c r="AU12" s="276">
        <v>0</v>
      </c>
      <c r="AV12" s="280">
        <v>0</v>
      </c>
      <c r="AW12" s="277">
        <v>0</v>
      </c>
      <c r="AX12" s="279">
        <v>0</v>
      </c>
      <c r="AY12" s="280">
        <v>4012</v>
      </c>
      <c r="AZ12" s="280">
        <v>3099</v>
      </c>
      <c r="BA12" s="280">
        <v>2421</v>
      </c>
      <c r="BB12" s="280">
        <v>1441</v>
      </c>
      <c r="BC12" s="280">
        <v>527</v>
      </c>
      <c r="BD12" s="281">
        <v>11500</v>
      </c>
      <c r="BE12" s="282">
        <v>11500</v>
      </c>
      <c r="BF12" s="276">
        <v>0</v>
      </c>
      <c r="BG12" s="280">
        <v>0</v>
      </c>
      <c r="BH12" s="277">
        <v>0</v>
      </c>
      <c r="BI12" s="279">
        <v>0</v>
      </c>
      <c r="BJ12" s="280">
        <v>891</v>
      </c>
      <c r="BK12" s="280">
        <v>894</v>
      </c>
      <c r="BL12" s="280">
        <v>622</v>
      </c>
      <c r="BM12" s="280">
        <v>425</v>
      </c>
      <c r="BN12" s="280">
        <v>138</v>
      </c>
      <c r="BO12" s="277">
        <v>2970</v>
      </c>
      <c r="BP12" s="282">
        <v>2970</v>
      </c>
      <c r="BQ12" s="276">
        <v>21</v>
      </c>
      <c r="BR12" s="280">
        <v>3</v>
      </c>
      <c r="BS12" s="277">
        <v>24</v>
      </c>
      <c r="BT12" s="279">
        <v>0</v>
      </c>
      <c r="BU12" s="280">
        <v>453</v>
      </c>
      <c r="BV12" s="280">
        <v>840</v>
      </c>
      <c r="BW12" s="280">
        <v>1399</v>
      </c>
      <c r="BX12" s="280">
        <v>830</v>
      </c>
      <c r="BY12" s="280">
        <v>694</v>
      </c>
      <c r="BZ12" s="277">
        <v>4216</v>
      </c>
      <c r="CA12" s="282">
        <v>4240</v>
      </c>
      <c r="CB12" s="276">
        <v>0</v>
      </c>
      <c r="CC12" s="280">
        <v>2</v>
      </c>
      <c r="CD12" s="277">
        <v>2</v>
      </c>
      <c r="CE12" s="279">
        <v>0</v>
      </c>
      <c r="CF12" s="280">
        <v>33</v>
      </c>
      <c r="CG12" s="280">
        <v>45</v>
      </c>
      <c r="CH12" s="280">
        <v>145</v>
      </c>
      <c r="CI12" s="280">
        <v>186</v>
      </c>
      <c r="CJ12" s="280">
        <v>72</v>
      </c>
      <c r="CK12" s="277">
        <v>481</v>
      </c>
      <c r="CL12" s="282">
        <v>483</v>
      </c>
      <c r="CM12" s="276">
        <v>0</v>
      </c>
      <c r="CN12" s="280">
        <v>0</v>
      </c>
      <c r="CO12" s="277">
        <v>0</v>
      </c>
      <c r="CP12" s="279">
        <v>0</v>
      </c>
      <c r="CQ12" s="280">
        <v>0</v>
      </c>
      <c r="CR12" s="280">
        <v>0</v>
      </c>
      <c r="CS12" s="280">
        <v>0</v>
      </c>
      <c r="CT12" s="280">
        <v>0</v>
      </c>
      <c r="CU12" s="280">
        <v>0</v>
      </c>
      <c r="CV12" s="277">
        <v>0</v>
      </c>
      <c r="CW12" s="282">
        <v>0</v>
      </c>
      <c r="CX12" s="276">
        <v>0</v>
      </c>
      <c r="CY12" s="280">
        <v>0</v>
      </c>
      <c r="CZ12" s="277">
        <v>0</v>
      </c>
      <c r="DA12" s="279">
        <v>0</v>
      </c>
      <c r="DB12" s="280">
        <v>0</v>
      </c>
      <c r="DC12" s="280">
        <v>0</v>
      </c>
      <c r="DD12" s="280">
        <v>0</v>
      </c>
      <c r="DE12" s="280">
        <v>0</v>
      </c>
      <c r="DF12" s="280">
        <v>0</v>
      </c>
      <c r="DG12" s="277">
        <v>0</v>
      </c>
      <c r="DH12" s="282">
        <v>0</v>
      </c>
    </row>
    <row r="13" spans="2:112" ht="21" customHeight="1" x14ac:dyDescent="0.2">
      <c r="B13" s="261" t="s">
        <v>10</v>
      </c>
      <c r="C13" s="276">
        <v>0</v>
      </c>
      <c r="D13" s="280">
        <v>0</v>
      </c>
      <c r="E13" s="384">
        <v>0</v>
      </c>
      <c r="F13" s="279">
        <v>0</v>
      </c>
      <c r="G13" s="280">
        <v>16767</v>
      </c>
      <c r="H13" s="280">
        <v>17086</v>
      </c>
      <c r="I13" s="280">
        <v>19253</v>
      </c>
      <c r="J13" s="280">
        <v>27162</v>
      </c>
      <c r="K13" s="280">
        <v>24201</v>
      </c>
      <c r="L13" s="281">
        <v>104469</v>
      </c>
      <c r="M13" s="282">
        <v>104469</v>
      </c>
      <c r="N13" s="276">
        <v>0</v>
      </c>
      <c r="O13" s="280">
        <v>0</v>
      </c>
      <c r="P13" s="277">
        <v>0</v>
      </c>
      <c r="Q13" s="279">
        <v>0</v>
      </c>
      <c r="R13" s="280">
        <v>45</v>
      </c>
      <c r="S13" s="280">
        <v>100</v>
      </c>
      <c r="T13" s="280">
        <v>156</v>
      </c>
      <c r="U13" s="280">
        <v>457</v>
      </c>
      <c r="V13" s="280">
        <v>897</v>
      </c>
      <c r="W13" s="277">
        <v>1655</v>
      </c>
      <c r="X13" s="282">
        <v>1655</v>
      </c>
      <c r="Y13" s="276">
        <v>894</v>
      </c>
      <c r="Z13" s="280">
        <v>2181</v>
      </c>
      <c r="AA13" s="277">
        <v>3075</v>
      </c>
      <c r="AB13" s="279">
        <v>0</v>
      </c>
      <c r="AC13" s="280">
        <v>7206</v>
      </c>
      <c r="AD13" s="280">
        <v>5275</v>
      </c>
      <c r="AE13" s="280">
        <v>3350</v>
      </c>
      <c r="AF13" s="280">
        <v>3384</v>
      </c>
      <c r="AG13" s="280">
        <v>3148</v>
      </c>
      <c r="AH13" s="277">
        <v>22363</v>
      </c>
      <c r="AI13" s="282">
        <v>25438</v>
      </c>
      <c r="AJ13" s="276">
        <v>241</v>
      </c>
      <c r="AK13" s="280">
        <v>492</v>
      </c>
      <c r="AL13" s="277">
        <v>733</v>
      </c>
      <c r="AM13" s="279">
        <v>0</v>
      </c>
      <c r="AN13" s="280">
        <v>1251</v>
      </c>
      <c r="AO13" s="280">
        <v>1172</v>
      </c>
      <c r="AP13" s="280">
        <v>702</v>
      </c>
      <c r="AQ13" s="280">
        <v>545</v>
      </c>
      <c r="AR13" s="280">
        <v>546</v>
      </c>
      <c r="AS13" s="277">
        <v>4216</v>
      </c>
      <c r="AT13" s="282">
        <v>4949</v>
      </c>
      <c r="AU13" s="276">
        <v>0</v>
      </c>
      <c r="AV13" s="280">
        <v>0</v>
      </c>
      <c r="AW13" s="277">
        <v>0</v>
      </c>
      <c r="AX13" s="279">
        <v>0</v>
      </c>
      <c r="AY13" s="280">
        <v>12328</v>
      </c>
      <c r="AZ13" s="280">
        <v>7494</v>
      </c>
      <c r="BA13" s="280">
        <v>5096</v>
      </c>
      <c r="BB13" s="280">
        <v>2966</v>
      </c>
      <c r="BC13" s="280">
        <v>1259</v>
      </c>
      <c r="BD13" s="281">
        <v>29143</v>
      </c>
      <c r="BE13" s="282">
        <v>29143</v>
      </c>
      <c r="BF13" s="276">
        <v>0</v>
      </c>
      <c r="BG13" s="280">
        <v>0</v>
      </c>
      <c r="BH13" s="277">
        <v>0</v>
      </c>
      <c r="BI13" s="279">
        <v>0</v>
      </c>
      <c r="BJ13" s="280">
        <v>1806</v>
      </c>
      <c r="BK13" s="280">
        <v>1365</v>
      </c>
      <c r="BL13" s="280">
        <v>694</v>
      </c>
      <c r="BM13" s="280">
        <v>482</v>
      </c>
      <c r="BN13" s="280">
        <v>137</v>
      </c>
      <c r="BO13" s="277">
        <v>4484</v>
      </c>
      <c r="BP13" s="282">
        <v>4484</v>
      </c>
      <c r="BQ13" s="276">
        <v>12</v>
      </c>
      <c r="BR13" s="280">
        <v>102</v>
      </c>
      <c r="BS13" s="277">
        <v>114</v>
      </c>
      <c r="BT13" s="279">
        <v>0</v>
      </c>
      <c r="BU13" s="280">
        <v>1300</v>
      </c>
      <c r="BV13" s="280">
        <v>1300</v>
      </c>
      <c r="BW13" s="280">
        <v>2224</v>
      </c>
      <c r="BX13" s="280">
        <v>1925</v>
      </c>
      <c r="BY13" s="280">
        <v>1010</v>
      </c>
      <c r="BZ13" s="277">
        <v>7759</v>
      </c>
      <c r="CA13" s="282">
        <v>7873</v>
      </c>
      <c r="CB13" s="276">
        <v>0</v>
      </c>
      <c r="CC13" s="280">
        <v>3</v>
      </c>
      <c r="CD13" s="277">
        <v>3</v>
      </c>
      <c r="CE13" s="279">
        <v>0</v>
      </c>
      <c r="CF13" s="280">
        <v>59</v>
      </c>
      <c r="CG13" s="280">
        <v>82</v>
      </c>
      <c r="CH13" s="280">
        <v>97</v>
      </c>
      <c r="CI13" s="280">
        <v>50</v>
      </c>
      <c r="CJ13" s="280">
        <v>64</v>
      </c>
      <c r="CK13" s="277">
        <v>352</v>
      </c>
      <c r="CL13" s="282">
        <v>355</v>
      </c>
      <c r="CM13" s="276">
        <v>0</v>
      </c>
      <c r="CN13" s="280">
        <v>0</v>
      </c>
      <c r="CO13" s="277">
        <v>0</v>
      </c>
      <c r="CP13" s="279">
        <v>0</v>
      </c>
      <c r="CQ13" s="280">
        <v>0</v>
      </c>
      <c r="CR13" s="280">
        <v>0</v>
      </c>
      <c r="CS13" s="280">
        <v>0</v>
      </c>
      <c r="CT13" s="280">
        <v>0</v>
      </c>
      <c r="CU13" s="280">
        <v>0</v>
      </c>
      <c r="CV13" s="277">
        <v>0</v>
      </c>
      <c r="CW13" s="282">
        <v>0</v>
      </c>
      <c r="CX13" s="276">
        <v>0</v>
      </c>
      <c r="CY13" s="280">
        <v>0</v>
      </c>
      <c r="CZ13" s="277">
        <v>0</v>
      </c>
      <c r="DA13" s="279">
        <v>0</v>
      </c>
      <c r="DB13" s="280">
        <v>0</v>
      </c>
      <c r="DC13" s="280">
        <v>0</v>
      </c>
      <c r="DD13" s="280">
        <v>0</v>
      </c>
      <c r="DE13" s="280">
        <v>0</v>
      </c>
      <c r="DF13" s="280">
        <v>0</v>
      </c>
      <c r="DG13" s="277">
        <v>0</v>
      </c>
      <c r="DH13" s="282">
        <v>0</v>
      </c>
    </row>
    <row r="14" spans="2:112" ht="21" customHeight="1" x14ac:dyDescent="0.2">
      <c r="B14" s="261" t="s">
        <v>11</v>
      </c>
      <c r="C14" s="276">
        <v>0</v>
      </c>
      <c r="D14" s="280">
        <v>0</v>
      </c>
      <c r="E14" s="384">
        <v>0</v>
      </c>
      <c r="F14" s="279">
        <v>0</v>
      </c>
      <c r="G14" s="280">
        <v>5342</v>
      </c>
      <c r="H14" s="280">
        <v>6724</v>
      </c>
      <c r="I14" s="280">
        <v>8555</v>
      </c>
      <c r="J14" s="280">
        <v>11036</v>
      </c>
      <c r="K14" s="280">
        <v>9995</v>
      </c>
      <c r="L14" s="281">
        <v>41652</v>
      </c>
      <c r="M14" s="282">
        <v>41652</v>
      </c>
      <c r="N14" s="276">
        <v>0</v>
      </c>
      <c r="O14" s="280">
        <v>4</v>
      </c>
      <c r="P14" s="277">
        <v>4</v>
      </c>
      <c r="Q14" s="279">
        <v>0</v>
      </c>
      <c r="R14" s="280">
        <v>23</v>
      </c>
      <c r="S14" s="280">
        <v>75</v>
      </c>
      <c r="T14" s="280">
        <v>106</v>
      </c>
      <c r="U14" s="280">
        <v>249</v>
      </c>
      <c r="V14" s="280">
        <v>345</v>
      </c>
      <c r="W14" s="277">
        <v>798</v>
      </c>
      <c r="X14" s="282">
        <v>802</v>
      </c>
      <c r="Y14" s="276">
        <v>165</v>
      </c>
      <c r="Z14" s="280">
        <v>370</v>
      </c>
      <c r="AA14" s="277">
        <v>535</v>
      </c>
      <c r="AB14" s="279">
        <v>0</v>
      </c>
      <c r="AC14" s="280">
        <v>2588</v>
      </c>
      <c r="AD14" s="280">
        <v>2027</v>
      </c>
      <c r="AE14" s="280">
        <v>1571</v>
      </c>
      <c r="AF14" s="280">
        <v>1854</v>
      </c>
      <c r="AG14" s="280">
        <v>1440</v>
      </c>
      <c r="AH14" s="277">
        <v>9480</v>
      </c>
      <c r="AI14" s="282">
        <v>10015</v>
      </c>
      <c r="AJ14" s="276">
        <v>25</v>
      </c>
      <c r="AK14" s="280">
        <v>96</v>
      </c>
      <c r="AL14" s="277">
        <v>121</v>
      </c>
      <c r="AM14" s="279">
        <v>0</v>
      </c>
      <c r="AN14" s="280">
        <v>439</v>
      </c>
      <c r="AO14" s="280">
        <v>271</v>
      </c>
      <c r="AP14" s="280">
        <v>363</v>
      </c>
      <c r="AQ14" s="280">
        <v>327</v>
      </c>
      <c r="AR14" s="280">
        <v>63</v>
      </c>
      <c r="AS14" s="277">
        <v>1463</v>
      </c>
      <c r="AT14" s="282">
        <v>1584</v>
      </c>
      <c r="AU14" s="276">
        <v>0</v>
      </c>
      <c r="AV14" s="280">
        <v>0</v>
      </c>
      <c r="AW14" s="277">
        <v>0</v>
      </c>
      <c r="AX14" s="279">
        <v>0</v>
      </c>
      <c r="AY14" s="280">
        <v>6494</v>
      </c>
      <c r="AZ14" s="280">
        <v>3899</v>
      </c>
      <c r="BA14" s="280">
        <v>2784</v>
      </c>
      <c r="BB14" s="280">
        <v>1883</v>
      </c>
      <c r="BC14" s="280">
        <v>774</v>
      </c>
      <c r="BD14" s="281">
        <v>15834</v>
      </c>
      <c r="BE14" s="282">
        <v>15834</v>
      </c>
      <c r="BF14" s="276">
        <v>0</v>
      </c>
      <c r="BG14" s="280">
        <v>0</v>
      </c>
      <c r="BH14" s="277">
        <v>0</v>
      </c>
      <c r="BI14" s="279">
        <v>0</v>
      </c>
      <c r="BJ14" s="280">
        <v>1356</v>
      </c>
      <c r="BK14" s="280">
        <v>943</v>
      </c>
      <c r="BL14" s="280">
        <v>729</v>
      </c>
      <c r="BM14" s="280">
        <v>391</v>
      </c>
      <c r="BN14" s="280">
        <v>135</v>
      </c>
      <c r="BO14" s="277">
        <v>3554</v>
      </c>
      <c r="BP14" s="282">
        <v>3554</v>
      </c>
      <c r="BQ14" s="276">
        <v>18</v>
      </c>
      <c r="BR14" s="280">
        <v>29</v>
      </c>
      <c r="BS14" s="277">
        <v>47</v>
      </c>
      <c r="BT14" s="279">
        <v>0</v>
      </c>
      <c r="BU14" s="280">
        <v>664</v>
      </c>
      <c r="BV14" s="280">
        <v>545</v>
      </c>
      <c r="BW14" s="280">
        <v>1216</v>
      </c>
      <c r="BX14" s="280">
        <v>1011</v>
      </c>
      <c r="BY14" s="280">
        <v>505</v>
      </c>
      <c r="BZ14" s="277">
        <v>3941</v>
      </c>
      <c r="CA14" s="282">
        <v>3988</v>
      </c>
      <c r="CB14" s="276">
        <v>0</v>
      </c>
      <c r="CC14" s="280">
        <v>0</v>
      </c>
      <c r="CD14" s="277">
        <v>0</v>
      </c>
      <c r="CE14" s="279">
        <v>0</v>
      </c>
      <c r="CF14" s="280">
        <v>41</v>
      </c>
      <c r="CG14" s="280">
        <v>56</v>
      </c>
      <c r="CH14" s="280">
        <v>32</v>
      </c>
      <c r="CI14" s="280">
        <v>40</v>
      </c>
      <c r="CJ14" s="280">
        <v>67</v>
      </c>
      <c r="CK14" s="277">
        <v>236</v>
      </c>
      <c r="CL14" s="282">
        <v>236</v>
      </c>
      <c r="CM14" s="276">
        <v>0</v>
      </c>
      <c r="CN14" s="280">
        <v>0</v>
      </c>
      <c r="CO14" s="277">
        <v>0</v>
      </c>
      <c r="CP14" s="279">
        <v>0</v>
      </c>
      <c r="CQ14" s="280">
        <v>0</v>
      </c>
      <c r="CR14" s="280">
        <v>0</v>
      </c>
      <c r="CS14" s="280">
        <v>0</v>
      </c>
      <c r="CT14" s="280">
        <v>0</v>
      </c>
      <c r="CU14" s="280">
        <v>0</v>
      </c>
      <c r="CV14" s="277">
        <v>0</v>
      </c>
      <c r="CW14" s="282">
        <v>0</v>
      </c>
      <c r="CX14" s="276">
        <v>0</v>
      </c>
      <c r="CY14" s="280">
        <v>0</v>
      </c>
      <c r="CZ14" s="277">
        <v>0</v>
      </c>
      <c r="DA14" s="279">
        <v>0</v>
      </c>
      <c r="DB14" s="280">
        <v>0</v>
      </c>
      <c r="DC14" s="280">
        <v>0</v>
      </c>
      <c r="DD14" s="280">
        <v>0</v>
      </c>
      <c r="DE14" s="280">
        <v>0</v>
      </c>
      <c r="DF14" s="280">
        <v>0</v>
      </c>
      <c r="DG14" s="277">
        <v>0</v>
      </c>
      <c r="DH14" s="282">
        <v>0</v>
      </c>
    </row>
    <row r="15" spans="2:112" ht="21" customHeight="1" x14ac:dyDescent="0.2">
      <c r="B15" s="261" t="s">
        <v>12</v>
      </c>
      <c r="C15" s="276">
        <v>0</v>
      </c>
      <c r="D15" s="280">
        <v>0</v>
      </c>
      <c r="E15" s="384">
        <v>0</v>
      </c>
      <c r="F15" s="279">
        <v>0</v>
      </c>
      <c r="G15" s="280">
        <v>5623</v>
      </c>
      <c r="H15" s="280">
        <v>7859</v>
      </c>
      <c r="I15" s="280">
        <v>8804</v>
      </c>
      <c r="J15" s="280">
        <v>13380</v>
      </c>
      <c r="K15" s="280">
        <v>12140</v>
      </c>
      <c r="L15" s="281">
        <v>47806</v>
      </c>
      <c r="M15" s="282">
        <v>47806</v>
      </c>
      <c r="N15" s="276">
        <v>0</v>
      </c>
      <c r="O15" s="280">
        <v>24</v>
      </c>
      <c r="P15" s="277">
        <v>24</v>
      </c>
      <c r="Q15" s="279">
        <v>0</v>
      </c>
      <c r="R15" s="280">
        <v>27</v>
      </c>
      <c r="S15" s="280">
        <v>78</v>
      </c>
      <c r="T15" s="280">
        <v>96</v>
      </c>
      <c r="U15" s="280">
        <v>284</v>
      </c>
      <c r="V15" s="280">
        <v>390</v>
      </c>
      <c r="W15" s="277">
        <v>875</v>
      </c>
      <c r="X15" s="282">
        <v>899</v>
      </c>
      <c r="Y15" s="276">
        <v>469</v>
      </c>
      <c r="Z15" s="280">
        <v>1374</v>
      </c>
      <c r="AA15" s="277">
        <v>1843</v>
      </c>
      <c r="AB15" s="279">
        <v>0</v>
      </c>
      <c r="AC15" s="280">
        <v>1833</v>
      </c>
      <c r="AD15" s="280">
        <v>2536</v>
      </c>
      <c r="AE15" s="280">
        <v>1767</v>
      </c>
      <c r="AF15" s="280">
        <v>1662</v>
      </c>
      <c r="AG15" s="280">
        <v>1304</v>
      </c>
      <c r="AH15" s="277">
        <v>9102</v>
      </c>
      <c r="AI15" s="282">
        <v>10945</v>
      </c>
      <c r="AJ15" s="276">
        <v>48</v>
      </c>
      <c r="AK15" s="280">
        <v>195</v>
      </c>
      <c r="AL15" s="277">
        <v>243</v>
      </c>
      <c r="AM15" s="279">
        <v>0</v>
      </c>
      <c r="AN15" s="280">
        <v>169</v>
      </c>
      <c r="AO15" s="280">
        <v>535</v>
      </c>
      <c r="AP15" s="280">
        <v>318</v>
      </c>
      <c r="AQ15" s="280">
        <v>323</v>
      </c>
      <c r="AR15" s="280">
        <v>174</v>
      </c>
      <c r="AS15" s="277">
        <v>1519</v>
      </c>
      <c r="AT15" s="282">
        <v>1762</v>
      </c>
      <c r="AU15" s="276">
        <v>0</v>
      </c>
      <c r="AV15" s="280">
        <v>0</v>
      </c>
      <c r="AW15" s="277">
        <v>0</v>
      </c>
      <c r="AX15" s="279">
        <v>0</v>
      </c>
      <c r="AY15" s="280">
        <v>5262</v>
      </c>
      <c r="AZ15" s="280">
        <v>4038</v>
      </c>
      <c r="BA15" s="280">
        <v>2752</v>
      </c>
      <c r="BB15" s="280">
        <v>2264</v>
      </c>
      <c r="BC15" s="280">
        <v>996</v>
      </c>
      <c r="BD15" s="281">
        <v>15312</v>
      </c>
      <c r="BE15" s="282">
        <v>15312</v>
      </c>
      <c r="BF15" s="276">
        <v>0</v>
      </c>
      <c r="BG15" s="280">
        <v>0</v>
      </c>
      <c r="BH15" s="277">
        <v>0</v>
      </c>
      <c r="BI15" s="279">
        <v>0</v>
      </c>
      <c r="BJ15" s="280">
        <v>972</v>
      </c>
      <c r="BK15" s="280">
        <v>1367</v>
      </c>
      <c r="BL15" s="280">
        <v>875</v>
      </c>
      <c r="BM15" s="280">
        <v>608</v>
      </c>
      <c r="BN15" s="280">
        <v>223</v>
      </c>
      <c r="BO15" s="277">
        <v>4045</v>
      </c>
      <c r="BP15" s="282">
        <v>4045</v>
      </c>
      <c r="BQ15" s="276">
        <v>18</v>
      </c>
      <c r="BR15" s="280">
        <v>93</v>
      </c>
      <c r="BS15" s="277">
        <v>111</v>
      </c>
      <c r="BT15" s="279">
        <v>0</v>
      </c>
      <c r="BU15" s="280">
        <v>631</v>
      </c>
      <c r="BV15" s="280">
        <v>593</v>
      </c>
      <c r="BW15" s="280">
        <v>1130</v>
      </c>
      <c r="BX15" s="280">
        <v>1030</v>
      </c>
      <c r="BY15" s="280">
        <v>680</v>
      </c>
      <c r="BZ15" s="277">
        <v>4064</v>
      </c>
      <c r="CA15" s="282">
        <v>4175</v>
      </c>
      <c r="CB15" s="276">
        <v>0</v>
      </c>
      <c r="CC15" s="280">
        <v>0</v>
      </c>
      <c r="CD15" s="277">
        <v>0</v>
      </c>
      <c r="CE15" s="279">
        <v>0</v>
      </c>
      <c r="CF15" s="280">
        <v>6</v>
      </c>
      <c r="CG15" s="280">
        <v>43</v>
      </c>
      <c r="CH15" s="280">
        <v>22</v>
      </c>
      <c r="CI15" s="280">
        <v>18</v>
      </c>
      <c r="CJ15" s="280">
        <v>8</v>
      </c>
      <c r="CK15" s="277">
        <v>97</v>
      </c>
      <c r="CL15" s="282">
        <v>97</v>
      </c>
      <c r="CM15" s="276">
        <v>0</v>
      </c>
      <c r="CN15" s="280">
        <v>0</v>
      </c>
      <c r="CO15" s="277">
        <v>0</v>
      </c>
      <c r="CP15" s="279">
        <v>0</v>
      </c>
      <c r="CQ15" s="280">
        <v>0</v>
      </c>
      <c r="CR15" s="280">
        <v>0</v>
      </c>
      <c r="CS15" s="280">
        <v>0</v>
      </c>
      <c r="CT15" s="280">
        <v>0</v>
      </c>
      <c r="CU15" s="280">
        <v>0</v>
      </c>
      <c r="CV15" s="277">
        <v>0</v>
      </c>
      <c r="CW15" s="282">
        <v>0</v>
      </c>
      <c r="CX15" s="276">
        <v>0</v>
      </c>
      <c r="CY15" s="280">
        <v>0</v>
      </c>
      <c r="CZ15" s="277">
        <v>0</v>
      </c>
      <c r="DA15" s="279">
        <v>0</v>
      </c>
      <c r="DB15" s="280">
        <v>0</v>
      </c>
      <c r="DC15" s="280">
        <v>0</v>
      </c>
      <c r="DD15" s="280">
        <v>0</v>
      </c>
      <c r="DE15" s="280">
        <v>0</v>
      </c>
      <c r="DF15" s="280">
        <v>0</v>
      </c>
      <c r="DG15" s="277">
        <v>0</v>
      </c>
      <c r="DH15" s="282">
        <v>0</v>
      </c>
    </row>
    <row r="16" spans="2:112" ht="21" customHeight="1" x14ac:dyDescent="0.2">
      <c r="B16" s="261" t="s">
        <v>13</v>
      </c>
      <c r="C16" s="276">
        <v>0</v>
      </c>
      <c r="D16" s="280">
        <v>0</v>
      </c>
      <c r="E16" s="384">
        <v>0</v>
      </c>
      <c r="F16" s="279">
        <v>0</v>
      </c>
      <c r="G16" s="280">
        <v>2041</v>
      </c>
      <c r="H16" s="280">
        <v>3898</v>
      </c>
      <c r="I16" s="280">
        <v>3817</v>
      </c>
      <c r="J16" s="280">
        <v>4987</v>
      </c>
      <c r="K16" s="280">
        <v>5832</v>
      </c>
      <c r="L16" s="281">
        <v>20575</v>
      </c>
      <c r="M16" s="282">
        <v>20575</v>
      </c>
      <c r="N16" s="276">
        <v>0</v>
      </c>
      <c r="O16" s="280">
        <v>0</v>
      </c>
      <c r="P16" s="277">
        <v>0</v>
      </c>
      <c r="Q16" s="279">
        <v>0</v>
      </c>
      <c r="R16" s="280">
        <v>5</v>
      </c>
      <c r="S16" s="280">
        <v>4</v>
      </c>
      <c r="T16" s="280">
        <v>22</v>
      </c>
      <c r="U16" s="280">
        <v>55</v>
      </c>
      <c r="V16" s="280">
        <v>183</v>
      </c>
      <c r="W16" s="277">
        <v>269</v>
      </c>
      <c r="X16" s="282">
        <v>269</v>
      </c>
      <c r="Y16" s="276">
        <v>34</v>
      </c>
      <c r="Z16" s="280">
        <v>169</v>
      </c>
      <c r="AA16" s="277">
        <v>203</v>
      </c>
      <c r="AB16" s="279">
        <v>0</v>
      </c>
      <c r="AC16" s="280">
        <v>1016</v>
      </c>
      <c r="AD16" s="280">
        <v>1324</v>
      </c>
      <c r="AE16" s="280">
        <v>842</v>
      </c>
      <c r="AF16" s="280">
        <v>976</v>
      </c>
      <c r="AG16" s="280">
        <v>760</v>
      </c>
      <c r="AH16" s="277">
        <v>4918</v>
      </c>
      <c r="AI16" s="282">
        <v>5121</v>
      </c>
      <c r="AJ16" s="276">
        <v>50</v>
      </c>
      <c r="AK16" s="280">
        <v>70</v>
      </c>
      <c r="AL16" s="277">
        <v>120</v>
      </c>
      <c r="AM16" s="279">
        <v>0</v>
      </c>
      <c r="AN16" s="280">
        <v>197</v>
      </c>
      <c r="AO16" s="280">
        <v>300</v>
      </c>
      <c r="AP16" s="280">
        <v>76</v>
      </c>
      <c r="AQ16" s="280">
        <v>132</v>
      </c>
      <c r="AR16" s="280">
        <v>70</v>
      </c>
      <c r="AS16" s="277">
        <v>775</v>
      </c>
      <c r="AT16" s="282">
        <v>895</v>
      </c>
      <c r="AU16" s="276">
        <v>0</v>
      </c>
      <c r="AV16" s="280">
        <v>0</v>
      </c>
      <c r="AW16" s="277">
        <v>0</v>
      </c>
      <c r="AX16" s="279">
        <v>0</v>
      </c>
      <c r="AY16" s="280">
        <v>1417</v>
      </c>
      <c r="AZ16" s="280">
        <v>1369</v>
      </c>
      <c r="BA16" s="280">
        <v>1050</v>
      </c>
      <c r="BB16" s="280">
        <v>628</v>
      </c>
      <c r="BC16" s="280">
        <v>292</v>
      </c>
      <c r="BD16" s="281">
        <v>4756</v>
      </c>
      <c r="BE16" s="282">
        <v>4756</v>
      </c>
      <c r="BF16" s="276">
        <v>0</v>
      </c>
      <c r="BG16" s="280">
        <v>0</v>
      </c>
      <c r="BH16" s="277">
        <v>0</v>
      </c>
      <c r="BI16" s="279">
        <v>0</v>
      </c>
      <c r="BJ16" s="280">
        <v>192</v>
      </c>
      <c r="BK16" s="280">
        <v>259</v>
      </c>
      <c r="BL16" s="280">
        <v>122</v>
      </c>
      <c r="BM16" s="280">
        <v>258</v>
      </c>
      <c r="BN16" s="280">
        <v>69</v>
      </c>
      <c r="BO16" s="277">
        <v>900</v>
      </c>
      <c r="BP16" s="282">
        <v>900</v>
      </c>
      <c r="BQ16" s="276">
        <v>0</v>
      </c>
      <c r="BR16" s="280">
        <v>3</v>
      </c>
      <c r="BS16" s="277">
        <v>3</v>
      </c>
      <c r="BT16" s="279">
        <v>0</v>
      </c>
      <c r="BU16" s="280">
        <v>153</v>
      </c>
      <c r="BV16" s="280">
        <v>285</v>
      </c>
      <c r="BW16" s="280">
        <v>502</v>
      </c>
      <c r="BX16" s="280">
        <v>496</v>
      </c>
      <c r="BY16" s="280">
        <v>288</v>
      </c>
      <c r="BZ16" s="277">
        <v>1724</v>
      </c>
      <c r="CA16" s="282">
        <v>1727</v>
      </c>
      <c r="CB16" s="276">
        <v>0</v>
      </c>
      <c r="CC16" s="280">
        <v>0</v>
      </c>
      <c r="CD16" s="277">
        <v>0</v>
      </c>
      <c r="CE16" s="279">
        <v>0</v>
      </c>
      <c r="CF16" s="280">
        <v>4</v>
      </c>
      <c r="CG16" s="280">
        <v>41</v>
      </c>
      <c r="CH16" s="280">
        <v>65</v>
      </c>
      <c r="CI16" s="280">
        <v>31</v>
      </c>
      <c r="CJ16" s="280">
        <v>12</v>
      </c>
      <c r="CK16" s="277">
        <v>153</v>
      </c>
      <c r="CL16" s="282">
        <v>153</v>
      </c>
      <c r="CM16" s="276">
        <v>0</v>
      </c>
      <c r="CN16" s="280">
        <v>0</v>
      </c>
      <c r="CO16" s="277">
        <v>0</v>
      </c>
      <c r="CP16" s="279">
        <v>0</v>
      </c>
      <c r="CQ16" s="280">
        <v>0</v>
      </c>
      <c r="CR16" s="280">
        <v>0</v>
      </c>
      <c r="CS16" s="280">
        <v>0</v>
      </c>
      <c r="CT16" s="280">
        <v>0</v>
      </c>
      <c r="CU16" s="280">
        <v>0</v>
      </c>
      <c r="CV16" s="277">
        <v>0</v>
      </c>
      <c r="CW16" s="282">
        <v>0</v>
      </c>
      <c r="CX16" s="276">
        <v>0</v>
      </c>
      <c r="CY16" s="280">
        <v>0</v>
      </c>
      <c r="CZ16" s="277">
        <v>0</v>
      </c>
      <c r="DA16" s="279">
        <v>0</v>
      </c>
      <c r="DB16" s="280">
        <v>0</v>
      </c>
      <c r="DC16" s="280">
        <v>0</v>
      </c>
      <c r="DD16" s="280">
        <v>0</v>
      </c>
      <c r="DE16" s="280">
        <v>0</v>
      </c>
      <c r="DF16" s="280">
        <v>0</v>
      </c>
      <c r="DG16" s="277">
        <v>0</v>
      </c>
      <c r="DH16" s="282">
        <v>0</v>
      </c>
    </row>
    <row r="17" spans="2:112" ht="21" customHeight="1" x14ac:dyDescent="0.2">
      <c r="B17" s="261" t="s">
        <v>15</v>
      </c>
      <c r="C17" s="276">
        <v>0</v>
      </c>
      <c r="D17" s="280">
        <v>0</v>
      </c>
      <c r="E17" s="384">
        <v>0</v>
      </c>
      <c r="F17" s="279">
        <v>0</v>
      </c>
      <c r="G17" s="280">
        <v>1205</v>
      </c>
      <c r="H17" s="280">
        <v>2245</v>
      </c>
      <c r="I17" s="280">
        <v>1722</v>
      </c>
      <c r="J17" s="280">
        <v>1785</v>
      </c>
      <c r="K17" s="280">
        <v>2620</v>
      </c>
      <c r="L17" s="281">
        <v>9577</v>
      </c>
      <c r="M17" s="282">
        <v>9577</v>
      </c>
      <c r="N17" s="276">
        <v>0</v>
      </c>
      <c r="O17" s="280">
        <v>0</v>
      </c>
      <c r="P17" s="277">
        <v>0</v>
      </c>
      <c r="Q17" s="279">
        <v>0</v>
      </c>
      <c r="R17" s="280">
        <v>0</v>
      </c>
      <c r="S17" s="280">
        <v>1</v>
      </c>
      <c r="T17" s="280">
        <v>41</v>
      </c>
      <c r="U17" s="280">
        <v>81</v>
      </c>
      <c r="V17" s="280">
        <v>118</v>
      </c>
      <c r="W17" s="277">
        <v>241</v>
      </c>
      <c r="X17" s="282">
        <v>241</v>
      </c>
      <c r="Y17" s="276">
        <v>2</v>
      </c>
      <c r="Z17" s="280">
        <v>71</v>
      </c>
      <c r="AA17" s="277">
        <v>73</v>
      </c>
      <c r="AB17" s="279">
        <v>0</v>
      </c>
      <c r="AC17" s="280">
        <v>231</v>
      </c>
      <c r="AD17" s="280">
        <v>454</v>
      </c>
      <c r="AE17" s="280">
        <v>254</v>
      </c>
      <c r="AF17" s="280">
        <v>266</v>
      </c>
      <c r="AG17" s="280">
        <v>463</v>
      </c>
      <c r="AH17" s="277">
        <v>1668</v>
      </c>
      <c r="AI17" s="282">
        <v>1741</v>
      </c>
      <c r="AJ17" s="276">
        <v>0</v>
      </c>
      <c r="AK17" s="280">
        <v>10</v>
      </c>
      <c r="AL17" s="277">
        <v>10</v>
      </c>
      <c r="AM17" s="279">
        <v>0</v>
      </c>
      <c r="AN17" s="280">
        <v>77</v>
      </c>
      <c r="AO17" s="280">
        <v>137</v>
      </c>
      <c r="AP17" s="280">
        <v>47</v>
      </c>
      <c r="AQ17" s="280">
        <v>40</v>
      </c>
      <c r="AR17" s="280">
        <v>66</v>
      </c>
      <c r="AS17" s="277">
        <v>367</v>
      </c>
      <c r="AT17" s="282">
        <v>377</v>
      </c>
      <c r="AU17" s="276">
        <v>0</v>
      </c>
      <c r="AV17" s="280">
        <v>0</v>
      </c>
      <c r="AW17" s="277">
        <v>0</v>
      </c>
      <c r="AX17" s="279">
        <v>0</v>
      </c>
      <c r="AY17" s="280">
        <v>808</v>
      </c>
      <c r="AZ17" s="280">
        <v>1134</v>
      </c>
      <c r="BA17" s="280">
        <v>494</v>
      </c>
      <c r="BB17" s="280">
        <v>239</v>
      </c>
      <c r="BC17" s="280">
        <v>115</v>
      </c>
      <c r="BD17" s="281">
        <v>2790</v>
      </c>
      <c r="BE17" s="282">
        <v>2790</v>
      </c>
      <c r="BF17" s="276">
        <v>0</v>
      </c>
      <c r="BG17" s="280">
        <v>0</v>
      </c>
      <c r="BH17" s="277">
        <v>0</v>
      </c>
      <c r="BI17" s="279">
        <v>0</v>
      </c>
      <c r="BJ17" s="280">
        <v>213</v>
      </c>
      <c r="BK17" s="280">
        <v>232</v>
      </c>
      <c r="BL17" s="280">
        <v>168</v>
      </c>
      <c r="BM17" s="280">
        <v>107</v>
      </c>
      <c r="BN17" s="280">
        <v>23</v>
      </c>
      <c r="BO17" s="277">
        <v>743</v>
      </c>
      <c r="BP17" s="282">
        <v>743</v>
      </c>
      <c r="BQ17" s="276">
        <v>0</v>
      </c>
      <c r="BR17" s="280">
        <v>2</v>
      </c>
      <c r="BS17" s="277">
        <v>2</v>
      </c>
      <c r="BT17" s="279">
        <v>0</v>
      </c>
      <c r="BU17" s="280">
        <v>73</v>
      </c>
      <c r="BV17" s="280">
        <v>272</v>
      </c>
      <c r="BW17" s="280">
        <v>673</v>
      </c>
      <c r="BX17" s="280">
        <v>1062</v>
      </c>
      <c r="BY17" s="280">
        <v>311</v>
      </c>
      <c r="BZ17" s="277">
        <v>2391</v>
      </c>
      <c r="CA17" s="282">
        <v>2393</v>
      </c>
      <c r="CB17" s="276">
        <v>0</v>
      </c>
      <c r="CC17" s="280">
        <v>0</v>
      </c>
      <c r="CD17" s="277">
        <v>0</v>
      </c>
      <c r="CE17" s="279">
        <v>0</v>
      </c>
      <c r="CF17" s="280">
        <v>16</v>
      </c>
      <c r="CG17" s="280">
        <v>12</v>
      </c>
      <c r="CH17" s="280">
        <v>112</v>
      </c>
      <c r="CI17" s="280">
        <v>0</v>
      </c>
      <c r="CJ17" s="280">
        <v>11</v>
      </c>
      <c r="CK17" s="277">
        <v>151</v>
      </c>
      <c r="CL17" s="282">
        <v>151</v>
      </c>
      <c r="CM17" s="276">
        <v>0</v>
      </c>
      <c r="CN17" s="280">
        <v>0</v>
      </c>
      <c r="CO17" s="277">
        <v>0</v>
      </c>
      <c r="CP17" s="279">
        <v>0</v>
      </c>
      <c r="CQ17" s="280">
        <v>0</v>
      </c>
      <c r="CR17" s="280">
        <v>0</v>
      </c>
      <c r="CS17" s="280">
        <v>0</v>
      </c>
      <c r="CT17" s="280">
        <v>0</v>
      </c>
      <c r="CU17" s="280">
        <v>0</v>
      </c>
      <c r="CV17" s="277">
        <v>0</v>
      </c>
      <c r="CW17" s="282">
        <v>0</v>
      </c>
      <c r="CX17" s="276">
        <v>0</v>
      </c>
      <c r="CY17" s="280">
        <v>0</v>
      </c>
      <c r="CZ17" s="277">
        <v>0</v>
      </c>
      <c r="DA17" s="279">
        <v>0</v>
      </c>
      <c r="DB17" s="280">
        <v>0</v>
      </c>
      <c r="DC17" s="280">
        <v>0</v>
      </c>
      <c r="DD17" s="280">
        <v>0</v>
      </c>
      <c r="DE17" s="280">
        <v>0</v>
      </c>
      <c r="DF17" s="280">
        <v>0</v>
      </c>
      <c r="DG17" s="277">
        <v>0</v>
      </c>
      <c r="DH17" s="282">
        <v>0</v>
      </c>
    </row>
    <row r="18" spans="2:112" ht="21" customHeight="1" x14ac:dyDescent="0.2">
      <c r="B18" s="261" t="s">
        <v>16</v>
      </c>
      <c r="C18" s="276">
        <v>0</v>
      </c>
      <c r="D18" s="280">
        <v>0</v>
      </c>
      <c r="E18" s="384">
        <v>0</v>
      </c>
      <c r="F18" s="279">
        <v>0</v>
      </c>
      <c r="G18" s="280">
        <v>1782</v>
      </c>
      <c r="H18" s="280">
        <v>3689</v>
      </c>
      <c r="I18" s="280">
        <v>4197</v>
      </c>
      <c r="J18" s="280">
        <v>5435</v>
      </c>
      <c r="K18" s="280">
        <v>4110</v>
      </c>
      <c r="L18" s="281">
        <v>19213</v>
      </c>
      <c r="M18" s="282">
        <v>19213</v>
      </c>
      <c r="N18" s="276">
        <v>0</v>
      </c>
      <c r="O18" s="280">
        <v>0</v>
      </c>
      <c r="P18" s="277">
        <v>0</v>
      </c>
      <c r="Q18" s="279">
        <v>0</v>
      </c>
      <c r="R18" s="280">
        <v>11</v>
      </c>
      <c r="S18" s="280">
        <v>47</v>
      </c>
      <c r="T18" s="280">
        <v>68</v>
      </c>
      <c r="U18" s="280">
        <v>87</v>
      </c>
      <c r="V18" s="280">
        <v>218</v>
      </c>
      <c r="W18" s="277">
        <v>431</v>
      </c>
      <c r="X18" s="282">
        <v>431</v>
      </c>
      <c r="Y18" s="276">
        <v>107</v>
      </c>
      <c r="Z18" s="280">
        <v>258</v>
      </c>
      <c r="AA18" s="277">
        <v>365</v>
      </c>
      <c r="AB18" s="279">
        <v>0</v>
      </c>
      <c r="AC18" s="280">
        <v>1430</v>
      </c>
      <c r="AD18" s="280">
        <v>2193</v>
      </c>
      <c r="AE18" s="280">
        <v>1586</v>
      </c>
      <c r="AF18" s="280">
        <v>1402</v>
      </c>
      <c r="AG18" s="280">
        <v>1009</v>
      </c>
      <c r="AH18" s="277">
        <v>7620</v>
      </c>
      <c r="AI18" s="282">
        <v>7985</v>
      </c>
      <c r="AJ18" s="276">
        <v>21</v>
      </c>
      <c r="AK18" s="280">
        <v>113</v>
      </c>
      <c r="AL18" s="277">
        <v>134</v>
      </c>
      <c r="AM18" s="279">
        <v>0</v>
      </c>
      <c r="AN18" s="280">
        <v>147</v>
      </c>
      <c r="AO18" s="280">
        <v>517</v>
      </c>
      <c r="AP18" s="280">
        <v>206</v>
      </c>
      <c r="AQ18" s="280">
        <v>104</v>
      </c>
      <c r="AR18" s="280">
        <v>124</v>
      </c>
      <c r="AS18" s="277">
        <v>1098</v>
      </c>
      <c r="AT18" s="282">
        <v>1232</v>
      </c>
      <c r="AU18" s="276">
        <v>0</v>
      </c>
      <c r="AV18" s="280">
        <v>0</v>
      </c>
      <c r="AW18" s="277">
        <v>0</v>
      </c>
      <c r="AX18" s="279">
        <v>0</v>
      </c>
      <c r="AY18" s="280">
        <v>2634</v>
      </c>
      <c r="AZ18" s="280">
        <v>4214</v>
      </c>
      <c r="BA18" s="280">
        <v>2785</v>
      </c>
      <c r="BB18" s="280">
        <v>2011</v>
      </c>
      <c r="BC18" s="280">
        <v>1136</v>
      </c>
      <c r="BD18" s="281">
        <v>12780</v>
      </c>
      <c r="BE18" s="282">
        <v>12780</v>
      </c>
      <c r="BF18" s="276">
        <v>0</v>
      </c>
      <c r="BG18" s="280">
        <v>0</v>
      </c>
      <c r="BH18" s="277">
        <v>0</v>
      </c>
      <c r="BI18" s="279">
        <v>0</v>
      </c>
      <c r="BJ18" s="280">
        <v>1304</v>
      </c>
      <c r="BK18" s="280">
        <v>1867</v>
      </c>
      <c r="BL18" s="280">
        <v>935</v>
      </c>
      <c r="BM18" s="280">
        <v>481</v>
      </c>
      <c r="BN18" s="280">
        <v>131</v>
      </c>
      <c r="BO18" s="277">
        <v>4718</v>
      </c>
      <c r="BP18" s="282">
        <v>4718</v>
      </c>
      <c r="BQ18" s="276">
        <v>0</v>
      </c>
      <c r="BR18" s="280">
        <v>0</v>
      </c>
      <c r="BS18" s="277">
        <v>0</v>
      </c>
      <c r="BT18" s="279">
        <v>0</v>
      </c>
      <c r="BU18" s="280">
        <v>257</v>
      </c>
      <c r="BV18" s="280">
        <v>716</v>
      </c>
      <c r="BW18" s="280">
        <v>899</v>
      </c>
      <c r="BX18" s="280">
        <v>370</v>
      </c>
      <c r="BY18" s="280">
        <v>172</v>
      </c>
      <c r="BZ18" s="277">
        <v>2414</v>
      </c>
      <c r="CA18" s="282">
        <v>2414</v>
      </c>
      <c r="CB18" s="276">
        <v>0</v>
      </c>
      <c r="CC18" s="280">
        <v>0</v>
      </c>
      <c r="CD18" s="277">
        <v>0</v>
      </c>
      <c r="CE18" s="279">
        <v>0</v>
      </c>
      <c r="CF18" s="280">
        <v>11</v>
      </c>
      <c r="CG18" s="280">
        <v>20</v>
      </c>
      <c r="CH18" s="280">
        <v>47</v>
      </c>
      <c r="CI18" s="280">
        <v>45</v>
      </c>
      <c r="CJ18" s="280">
        <v>37</v>
      </c>
      <c r="CK18" s="277">
        <v>160</v>
      </c>
      <c r="CL18" s="282">
        <v>160</v>
      </c>
      <c r="CM18" s="276">
        <v>0</v>
      </c>
      <c r="CN18" s="280">
        <v>0</v>
      </c>
      <c r="CO18" s="277">
        <v>0</v>
      </c>
      <c r="CP18" s="279">
        <v>0</v>
      </c>
      <c r="CQ18" s="280">
        <v>0</v>
      </c>
      <c r="CR18" s="280">
        <v>0</v>
      </c>
      <c r="CS18" s="280">
        <v>0</v>
      </c>
      <c r="CT18" s="280">
        <v>0</v>
      </c>
      <c r="CU18" s="280">
        <v>0</v>
      </c>
      <c r="CV18" s="277">
        <v>0</v>
      </c>
      <c r="CW18" s="282">
        <v>0</v>
      </c>
      <c r="CX18" s="276">
        <v>0</v>
      </c>
      <c r="CY18" s="280">
        <v>0</v>
      </c>
      <c r="CZ18" s="277">
        <v>0</v>
      </c>
      <c r="DA18" s="279">
        <v>0</v>
      </c>
      <c r="DB18" s="280">
        <v>0</v>
      </c>
      <c r="DC18" s="280">
        <v>0</v>
      </c>
      <c r="DD18" s="280">
        <v>0</v>
      </c>
      <c r="DE18" s="280">
        <v>0</v>
      </c>
      <c r="DF18" s="280">
        <v>0</v>
      </c>
      <c r="DG18" s="277">
        <v>0</v>
      </c>
      <c r="DH18" s="282">
        <v>0</v>
      </c>
    </row>
    <row r="19" spans="2:112" ht="21" customHeight="1" x14ac:dyDescent="0.2">
      <c r="B19" s="261" t="s">
        <v>17</v>
      </c>
      <c r="C19" s="276">
        <v>0</v>
      </c>
      <c r="D19" s="280">
        <v>0</v>
      </c>
      <c r="E19" s="384">
        <v>0</v>
      </c>
      <c r="F19" s="279">
        <v>0</v>
      </c>
      <c r="G19" s="280">
        <v>2699</v>
      </c>
      <c r="H19" s="280">
        <v>7261</v>
      </c>
      <c r="I19" s="280">
        <v>8900</v>
      </c>
      <c r="J19" s="280">
        <v>10701</v>
      </c>
      <c r="K19" s="280">
        <v>11447</v>
      </c>
      <c r="L19" s="281">
        <v>41008</v>
      </c>
      <c r="M19" s="282">
        <v>41008</v>
      </c>
      <c r="N19" s="276">
        <v>0</v>
      </c>
      <c r="O19" s="280">
        <v>4</v>
      </c>
      <c r="P19" s="277">
        <v>4</v>
      </c>
      <c r="Q19" s="279">
        <v>0</v>
      </c>
      <c r="R19" s="280">
        <v>9</v>
      </c>
      <c r="S19" s="280">
        <v>27</v>
      </c>
      <c r="T19" s="280">
        <v>78</v>
      </c>
      <c r="U19" s="280">
        <v>184</v>
      </c>
      <c r="V19" s="280">
        <v>466</v>
      </c>
      <c r="W19" s="277">
        <v>764</v>
      </c>
      <c r="X19" s="282">
        <v>768</v>
      </c>
      <c r="Y19" s="276">
        <v>134</v>
      </c>
      <c r="Z19" s="280">
        <v>630</v>
      </c>
      <c r="AA19" s="277">
        <v>764</v>
      </c>
      <c r="AB19" s="279">
        <v>0</v>
      </c>
      <c r="AC19" s="280">
        <v>1326</v>
      </c>
      <c r="AD19" s="280">
        <v>2862</v>
      </c>
      <c r="AE19" s="280">
        <v>2227</v>
      </c>
      <c r="AF19" s="280">
        <v>1651</v>
      </c>
      <c r="AG19" s="280">
        <v>1719</v>
      </c>
      <c r="AH19" s="277">
        <v>9785</v>
      </c>
      <c r="AI19" s="282">
        <v>10549</v>
      </c>
      <c r="AJ19" s="276">
        <v>31</v>
      </c>
      <c r="AK19" s="280">
        <v>144</v>
      </c>
      <c r="AL19" s="277">
        <v>175</v>
      </c>
      <c r="AM19" s="279">
        <v>0</v>
      </c>
      <c r="AN19" s="280">
        <v>131</v>
      </c>
      <c r="AO19" s="280">
        <v>485</v>
      </c>
      <c r="AP19" s="280">
        <v>352</v>
      </c>
      <c r="AQ19" s="280">
        <v>239</v>
      </c>
      <c r="AR19" s="280">
        <v>175</v>
      </c>
      <c r="AS19" s="277">
        <v>1382</v>
      </c>
      <c r="AT19" s="282">
        <v>1557</v>
      </c>
      <c r="AU19" s="276">
        <v>0</v>
      </c>
      <c r="AV19" s="280">
        <v>0</v>
      </c>
      <c r="AW19" s="277">
        <v>0</v>
      </c>
      <c r="AX19" s="279">
        <v>0</v>
      </c>
      <c r="AY19" s="280">
        <v>3131</v>
      </c>
      <c r="AZ19" s="280">
        <v>5436</v>
      </c>
      <c r="BA19" s="280">
        <v>3514</v>
      </c>
      <c r="BB19" s="280">
        <v>2152</v>
      </c>
      <c r="BC19" s="280">
        <v>1065</v>
      </c>
      <c r="BD19" s="281">
        <v>15298</v>
      </c>
      <c r="BE19" s="282">
        <v>15298</v>
      </c>
      <c r="BF19" s="276">
        <v>0</v>
      </c>
      <c r="BG19" s="280">
        <v>0</v>
      </c>
      <c r="BH19" s="277">
        <v>0</v>
      </c>
      <c r="BI19" s="279">
        <v>0</v>
      </c>
      <c r="BJ19" s="280">
        <v>506</v>
      </c>
      <c r="BK19" s="280">
        <v>1371</v>
      </c>
      <c r="BL19" s="280">
        <v>752</v>
      </c>
      <c r="BM19" s="280">
        <v>307</v>
      </c>
      <c r="BN19" s="280">
        <v>151</v>
      </c>
      <c r="BO19" s="277">
        <v>3087</v>
      </c>
      <c r="BP19" s="282">
        <v>3087</v>
      </c>
      <c r="BQ19" s="276">
        <v>0</v>
      </c>
      <c r="BR19" s="280">
        <v>20</v>
      </c>
      <c r="BS19" s="277">
        <v>20</v>
      </c>
      <c r="BT19" s="279">
        <v>0</v>
      </c>
      <c r="BU19" s="280">
        <v>302</v>
      </c>
      <c r="BV19" s="280">
        <v>527</v>
      </c>
      <c r="BW19" s="280">
        <v>1452</v>
      </c>
      <c r="BX19" s="280">
        <v>875</v>
      </c>
      <c r="BY19" s="280">
        <v>526</v>
      </c>
      <c r="BZ19" s="277">
        <v>3682</v>
      </c>
      <c r="CA19" s="282">
        <v>3702</v>
      </c>
      <c r="CB19" s="276">
        <v>0</v>
      </c>
      <c r="CC19" s="280">
        <v>0</v>
      </c>
      <c r="CD19" s="277">
        <v>0</v>
      </c>
      <c r="CE19" s="279">
        <v>0</v>
      </c>
      <c r="CF19" s="280">
        <v>25</v>
      </c>
      <c r="CG19" s="280">
        <v>140</v>
      </c>
      <c r="CH19" s="280">
        <v>73</v>
      </c>
      <c r="CI19" s="280">
        <v>71</v>
      </c>
      <c r="CJ19" s="280">
        <v>122</v>
      </c>
      <c r="CK19" s="277">
        <v>431</v>
      </c>
      <c r="CL19" s="282">
        <v>431</v>
      </c>
      <c r="CM19" s="276">
        <v>0</v>
      </c>
      <c r="CN19" s="280">
        <v>0</v>
      </c>
      <c r="CO19" s="277">
        <v>0</v>
      </c>
      <c r="CP19" s="279">
        <v>0</v>
      </c>
      <c r="CQ19" s="280">
        <v>0</v>
      </c>
      <c r="CR19" s="280">
        <v>0</v>
      </c>
      <c r="CS19" s="280">
        <v>0</v>
      </c>
      <c r="CT19" s="280">
        <v>0</v>
      </c>
      <c r="CU19" s="280">
        <v>0</v>
      </c>
      <c r="CV19" s="277">
        <v>0</v>
      </c>
      <c r="CW19" s="282">
        <v>0</v>
      </c>
      <c r="CX19" s="276">
        <v>0</v>
      </c>
      <c r="CY19" s="280">
        <v>0</v>
      </c>
      <c r="CZ19" s="277">
        <v>0</v>
      </c>
      <c r="DA19" s="279">
        <v>0</v>
      </c>
      <c r="DB19" s="280">
        <v>0</v>
      </c>
      <c r="DC19" s="280">
        <v>0</v>
      </c>
      <c r="DD19" s="280">
        <v>0</v>
      </c>
      <c r="DE19" s="280">
        <v>0</v>
      </c>
      <c r="DF19" s="280">
        <v>0</v>
      </c>
      <c r="DG19" s="277">
        <v>0</v>
      </c>
      <c r="DH19" s="282">
        <v>0</v>
      </c>
    </row>
    <row r="20" spans="2:112" ht="21" customHeight="1" x14ac:dyDescent="0.2">
      <c r="B20" s="261" t="s">
        <v>18</v>
      </c>
      <c r="C20" s="276">
        <v>0</v>
      </c>
      <c r="D20" s="280">
        <v>0</v>
      </c>
      <c r="E20" s="384">
        <v>0</v>
      </c>
      <c r="F20" s="279">
        <v>0</v>
      </c>
      <c r="G20" s="280">
        <v>5497</v>
      </c>
      <c r="H20" s="280">
        <v>7854</v>
      </c>
      <c r="I20" s="280">
        <v>9197</v>
      </c>
      <c r="J20" s="280">
        <v>12990</v>
      </c>
      <c r="K20" s="280">
        <v>10648</v>
      </c>
      <c r="L20" s="281">
        <v>46186</v>
      </c>
      <c r="M20" s="282">
        <v>46186</v>
      </c>
      <c r="N20" s="276">
        <v>0</v>
      </c>
      <c r="O20" s="280">
        <v>0</v>
      </c>
      <c r="P20" s="277">
        <v>0</v>
      </c>
      <c r="Q20" s="279">
        <v>0</v>
      </c>
      <c r="R20" s="280">
        <v>11</v>
      </c>
      <c r="S20" s="280">
        <v>49</v>
      </c>
      <c r="T20" s="280">
        <v>109</v>
      </c>
      <c r="U20" s="280">
        <v>199</v>
      </c>
      <c r="V20" s="280">
        <v>422</v>
      </c>
      <c r="W20" s="277">
        <v>790</v>
      </c>
      <c r="X20" s="282">
        <v>790</v>
      </c>
      <c r="Y20" s="276">
        <v>297</v>
      </c>
      <c r="Z20" s="280">
        <v>747</v>
      </c>
      <c r="AA20" s="277">
        <v>1044</v>
      </c>
      <c r="AB20" s="279">
        <v>0</v>
      </c>
      <c r="AC20" s="280">
        <v>2773</v>
      </c>
      <c r="AD20" s="280">
        <v>3362</v>
      </c>
      <c r="AE20" s="280">
        <v>2242</v>
      </c>
      <c r="AF20" s="280">
        <v>1804</v>
      </c>
      <c r="AG20" s="280">
        <v>1551</v>
      </c>
      <c r="AH20" s="277">
        <v>11732</v>
      </c>
      <c r="AI20" s="282">
        <v>12776</v>
      </c>
      <c r="AJ20" s="276">
        <v>68</v>
      </c>
      <c r="AK20" s="280">
        <v>138</v>
      </c>
      <c r="AL20" s="277">
        <v>206</v>
      </c>
      <c r="AM20" s="279">
        <v>0</v>
      </c>
      <c r="AN20" s="280">
        <v>445</v>
      </c>
      <c r="AO20" s="280">
        <v>825</v>
      </c>
      <c r="AP20" s="280">
        <v>535</v>
      </c>
      <c r="AQ20" s="280">
        <v>262</v>
      </c>
      <c r="AR20" s="280">
        <v>313</v>
      </c>
      <c r="AS20" s="277">
        <v>2380</v>
      </c>
      <c r="AT20" s="282">
        <v>2586</v>
      </c>
      <c r="AU20" s="276">
        <v>0</v>
      </c>
      <c r="AV20" s="280">
        <v>0</v>
      </c>
      <c r="AW20" s="277">
        <v>0</v>
      </c>
      <c r="AX20" s="279">
        <v>0</v>
      </c>
      <c r="AY20" s="280">
        <v>5776</v>
      </c>
      <c r="AZ20" s="280">
        <v>5720</v>
      </c>
      <c r="BA20" s="280">
        <v>4037</v>
      </c>
      <c r="BB20" s="280">
        <v>2452</v>
      </c>
      <c r="BC20" s="280">
        <v>1119</v>
      </c>
      <c r="BD20" s="281">
        <v>19104</v>
      </c>
      <c r="BE20" s="282">
        <v>19104</v>
      </c>
      <c r="BF20" s="276">
        <v>0</v>
      </c>
      <c r="BG20" s="280">
        <v>0</v>
      </c>
      <c r="BH20" s="277">
        <v>0</v>
      </c>
      <c r="BI20" s="279">
        <v>0</v>
      </c>
      <c r="BJ20" s="280">
        <v>1259</v>
      </c>
      <c r="BK20" s="280">
        <v>1338</v>
      </c>
      <c r="BL20" s="280">
        <v>716</v>
      </c>
      <c r="BM20" s="280">
        <v>557</v>
      </c>
      <c r="BN20" s="280">
        <v>143</v>
      </c>
      <c r="BO20" s="277">
        <v>4013</v>
      </c>
      <c r="BP20" s="282">
        <v>4013</v>
      </c>
      <c r="BQ20" s="276">
        <v>0</v>
      </c>
      <c r="BR20" s="280">
        <v>13</v>
      </c>
      <c r="BS20" s="277">
        <v>13</v>
      </c>
      <c r="BT20" s="279">
        <v>0</v>
      </c>
      <c r="BU20" s="280">
        <v>383</v>
      </c>
      <c r="BV20" s="280">
        <v>851</v>
      </c>
      <c r="BW20" s="280">
        <v>1920</v>
      </c>
      <c r="BX20" s="280">
        <v>1592</v>
      </c>
      <c r="BY20" s="280">
        <v>954</v>
      </c>
      <c r="BZ20" s="277">
        <v>5700</v>
      </c>
      <c r="CA20" s="282">
        <v>5713</v>
      </c>
      <c r="CB20" s="276">
        <v>0</v>
      </c>
      <c r="CC20" s="280">
        <v>0</v>
      </c>
      <c r="CD20" s="277">
        <v>0</v>
      </c>
      <c r="CE20" s="279">
        <v>0</v>
      </c>
      <c r="CF20" s="280">
        <v>15</v>
      </c>
      <c r="CG20" s="280">
        <v>16</v>
      </c>
      <c r="CH20" s="280">
        <v>13</v>
      </c>
      <c r="CI20" s="280">
        <v>8</v>
      </c>
      <c r="CJ20" s="280">
        <v>13</v>
      </c>
      <c r="CK20" s="277">
        <v>65</v>
      </c>
      <c r="CL20" s="282">
        <v>65</v>
      </c>
      <c r="CM20" s="276">
        <v>0</v>
      </c>
      <c r="CN20" s="280">
        <v>0</v>
      </c>
      <c r="CO20" s="277">
        <v>0</v>
      </c>
      <c r="CP20" s="279">
        <v>0</v>
      </c>
      <c r="CQ20" s="280">
        <v>0</v>
      </c>
      <c r="CR20" s="280">
        <v>0</v>
      </c>
      <c r="CS20" s="280">
        <v>0</v>
      </c>
      <c r="CT20" s="280">
        <v>0</v>
      </c>
      <c r="CU20" s="280">
        <v>0</v>
      </c>
      <c r="CV20" s="277">
        <v>0</v>
      </c>
      <c r="CW20" s="282">
        <v>0</v>
      </c>
      <c r="CX20" s="276">
        <v>0</v>
      </c>
      <c r="CY20" s="280">
        <v>0</v>
      </c>
      <c r="CZ20" s="277">
        <v>0</v>
      </c>
      <c r="DA20" s="279">
        <v>0</v>
      </c>
      <c r="DB20" s="280">
        <v>0</v>
      </c>
      <c r="DC20" s="280">
        <v>0</v>
      </c>
      <c r="DD20" s="280">
        <v>0</v>
      </c>
      <c r="DE20" s="280">
        <v>0</v>
      </c>
      <c r="DF20" s="280">
        <v>0</v>
      </c>
      <c r="DG20" s="277">
        <v>0</v>
      </c>
      <c r="DH20" s="282">
        <v>0</v>
      </c>
    </row>
    <row r="21" spans="2:112" ht="21" customHeight="1" x14ac:dyDescent="0.2">
      <c r="B21" s="261" t="s">
        <v>19</v>
      </c>
      <c r="C21" s="276">
        <v>0</v>
      </c>
      <c r="D21" s="280">
        <v>0</v>
      </c>
      <c r="E21" s="384">
        <v>0</v>
      </c>
      <c r="F21" s="279">
        <v>0</v>
      </c>
      <c r="G21" s="280">
        <v>1829</v>
      </c>
      <c r="H21" s="280">
        <v>2190</v>
      </c>
      <c r="I21" s="280">
        <v>2889</v>
      </c>
      <c r="J21" s="280">
        <v>3794</v>
      </c>
      <c r="K21" s="280">
        <v>2935</v>
      </c>
      <c r="L21" s="281">
        <v>13637</v>
      </c>
      <c r="M21" s="282">
        <v>13637</v>
      </c>
      <c r="N21" s="276">
        <v>0</v>
      </c>
      <c r="O21" s="280">
        <v>0</v>
      </c>
      <c r="P21" s="277">
        <v>0</v>
      </c>
      <c r="Q21" s="279">
        <v>0</v>
      </c>
      <c r="R21" s="280">
        <v>14</v>
      </c>
      <c r="S21" s="280">
        <v>27</v>
      </c>
      <c r="T21" s="280">
        <v>60</v>
      </c>
      <c r="U21" s="280">
        <v>114</v>
      </c>
      <c r="V21" s="280">
        <v>157</v>
      </c>
      <c r="W21" s="277">
        <v>372</v>
      </c>
      <c r="X21" s="282">
        <v>372</v>
      </c>
      <c r="Y21" s="276">
        <v>146</v>
      </c>
      <c r="Z21" s="280">
        <v>279</v>
      </c>
      <c r="AA21" s="277">
        <v>425</v>
      </c>
      <c r="AB21" s="279">
        <v>0</v>
      </c>
      <c r="AC21" s="280">
        <v>1281</v>
      </c>
      <c r="AD21" s="280">
        <v>1343</v>
      </c>
      <c r="AE21" s="280">
        <v>1018</v>
      </c>
      <c r="AF21" s="280">
        <v>738</v>
      </c>
      <c r="AG21" s="280">
        <v>720</v>
      </c>
      <c r="AH21" s="277">
        <v>5100</v>
      </c>
      <c r="AI21" s="282">
        <v>5525</v>
      </c>
      <c r="AJ21" s="276">
        <v>32</v>
      </c>
      <c r="AK21" s="280">
        <v>41</v>
      </c>
      <c r="AL21" s="277">
        <v>73</v>
      </c>
      <c r="AM21" s="279">
        <v>0</v>
      </c>
      <c r="AN21" s="280">
        <v>226</v>
      </c>
      <c r="AO21" s="280">
        <v>169</v>
      </c>
      <c r="AP21" s="280">
        <v>66</v>
      </c>
      <c r="AQ21" s="280">
        <v>121</v>
      </c>
      <c r="AR21" s="280">
        <v>57</v>
      </c>
      <c r="AS21" s="277">
        <v>639</v>
      </c>
      <c r="AT21" s="282">
        <v>712</v>
      </c>
      <c r="AU21" s="276">
        <v>0</v>
      </c>
      <c r="AV21" s="280">
        <v>0</v>
      </c>
      <c r="AW21" s="277">
        <v>0</v>
      </c>
      <c r="AX21" s="279">
        <v>0</v>
      </c>
      <c r="AY21" s="280">
        <v>2201</v>
      </c>
      <c r="AZ21" s="280">
        <v>2256</v>
      </c>
      <c r="BA21" s="280">
        <v>1409</v>
      </c>
      <c r="BB21" s="280">
        <v>696</v>
      </c>
      <c r="BC21" s="280">
        <v>411</v>
      </c>
      <c r="BD21" s="281">
        <v>6973</v>
      </c>
      <c r="BE21" s="282">
        <v>6973</v>
      </c>
      <c r="BF21" s="276">
        <v>0</v>
      </c>
      <c r="BG21" s="280">
        <v>0</v>
      </c>
      <c r="BH21" s="277">
        <v>0</v>
      </c>
      <c r="BI21" s="279">
        <v>0</v>
      </c>
      <c r="BJ21" s="280">
        <v>702</v>
      </c>
      <c r="BK21" s="280">
        <v>631</v>
      </c>
      <c r="BL21" s="280">
        <v>440</v>
      </c>
      <c r="BM21" s="280">
        <v>236</v>
      </c>
      <c r="BN21" s="280">
        <v>100</v>
      </c>
      <c r="BO21" s="277">
        <v>2109</v>
      </c>
      <c r="BP21" s="282">
        <v>2109</v>
      </c>
      <c r="BQ21" s="276">
        <v>0</v>
      </c>
      <c r="BR21" s="280">
        <v>3</v>
      </c>
      <c r="BS21" s="277">
        <v>3</v>
      </c>
      <c r="BT21" s="279">
        <v>0</v>
      </c>
      <c r="BU21" s="280">
        <v>121</v>
      </c>
      <c r="BV21" s="280">
        <v>249</v>
      </c>
      <c r="BW21" s="280">
        <v>590</v>
      </c>
      <c r="BX21" s="280">
        <v>148</v>
      </c>
      <c r="BY21" s="280">
        <v>153</v>
      </c>
      <c r="BZ21" s="277">
        <v>1261</v>
      </c>
      <c r="CA21" s="282">
        <v>1264</v>
      </c>
      <c r="CB21" s="276">
        <v>0</v>
      </c>
      <c r="CC21" s="280">
        <v>2</v>
      </c>
      <c r="CD21" s="277">
        <v>2</v>
      </c>
      <c r="CE21" s="279">
        <v>0</v>
      </c>
      <c r="CF21" s="280">
        <v>17</v>
      </c>
      <c r="CG21" s="280">
        <v>92</v>
      </c>
      <c r="CH21" s="280">
        <v>54</v>
      </c>
      <c r="CI21" s="280">
        <v>109</v>
      </c>
      <c r="CJ21" s="280">
        <v>20</v>
      </c>
      <c r="CK21" s="277">
        <v>292</v>
      </c>
      <c r="CL21" s="282">
        <v>294</v>
      </c>
      <c r="CM21" s="276">
        <v>0</v>
      </c>
      <c r="CN21" s="280">
        <v>0</v>
      </c>
      <c r="CO21" s="277">
        <v>0</v>
      </c>
      <c r="CP21" s="279">
        <v>0</v>
      </c>
      <c r="CQ21" s="280">
        <v>0</v>
      </c>
      <c r="CR21" s="280">
        <v>0</v>
      </c>
      <c r="CS21" s="280">
        <v>0</v>
      </c>
      <c r="CT21" s="280">
        <v>0</v>
      </c>
      <c r="CU21" s="280">
        <v>0</v>
      </c>
      <c r="CV21" s="277">
        <v>0</v>
      </c>
      <c r="CW21" s="282">
        <v>0</v>
      </c>
      <c r="CX21" s="276">
        <v>0</v>
      </c>
      <c r="CY21" s="280">
        <v>0</v>
      </c>
      <c r="CZ21" s="277">
        <v>0</v>
      </c>
      <c r="DA21" s="279">
        <v>0</v>
      </c>
      <c r="DB21" s="280">
        <v>0</v>
      </c>
      <c r="DC21" s="280">
        <v>0</v>
      </c>
      <c r="DD21" s="280">
        <v>0</v>
      </c>
      <c r="DE21" s="280">
        <v>0</v>
      </c>
      <c r="DF21" s="280">
        <v>0</v>
      </c>
      <c r="DG21" s="277">
        <v>0</v>
      </c>
      <c r="DH21" s="282">
        <v>0</v>
      </c>
    </row>
    <row r="22" spans="2:112" ht="21" customHeight="1" x14ac:dyDescent="0.2">
      <c r="B22" s="261" t="s">
        <v>20</v>
      </c>
      <c r="C22" s="276">
        <v>0</v>
      </c>
      <c r="D22" s="280">
        <v>0</v>
      </c>
      <c r="E22" s="384">
        <v>0</v>
      </c>
      <c r="F22" s="279">
        <v>0</v>
      </c>
      <c r="G22" s="280">
        <v>2700</v>
      </c>
      <c r="H22" s="280">
        <v>2805</v>
      </c>
      <c r="I22" s="280">
        <v>5003</v>
      </c>
      <c r="J22" s="280">
        <v>4236</v>
      </c>
      <c r="K22" s="280">
        <v>3163</v>
      </c>
      <c r="L22" s="281">
        <v>17907</v>
      </c>
      <c r="M22" s="282">
        <v>17907</v>
      </c>
      <c r="N22" s="276">
        <v>0</v>
      </c>
      <c r="O22" s="280">
        <v>0</v>
      </c>
      <c r="P22" s="277">
        <v>0</v>
      </c>
      <c r="Q22" s="279">
        <v>0</v>
      </c>
      <c r="R22" s="280">
        <v>1</v>
      </c>
      <c r="S22" s="280">
        <v>28</v>
      </c>
      <c r="T22" s="280">
        <v>51</v>
      </c>
      <c r="U22" s="280">
        <v>112</v>
      </c>
      <c r="V22" s="280">
        <v>226</v>
      </c>
      <c r="W22" s="277">
        <v>418</v>
      </c>
      <c r="X22" s="282">
        <v>418</v>
      </c>
      <c r="Y22" s="276">
        <v>269</v>
      </c>
      <c r="Z22" s="280">
        <v>597</v>
      </c>
      <c r="AA22" s="277">
        <v>866</v>
      </c>
      <c r="AB22" s="279">
        <v>0</v>
      </c>
      <c r="AC22" s="280">
        <v>2138</v>
      </c>
      <c r="AD22" s="280">
        <v>1816</v>
      </c>
      <c r="AE22" s="280">
        <v>1100</v>
      </c>
      <c r="AF22" s="280">
        <v>942</v>
      </c>
      <c r="AG22" s="280">
        <v>590</v>
      </c>
      <c r="AH22" s="277">
        <v>6586</v>
      </c>
      <c r="AI22" s="282">
        <v>7452</v>
      </c>
      <c r="AJ22" s="276">
        <v>86</v>
      </c>
      <c r="AK22" s="280">
        <v>401</v>
      </c>
      <c r="AL22" s="277">
        <v>487</v>
      </c>
      <c r="AM22" s="279">
        <v>0</v>
      </c>
      <c r="AN22" s="280">
        <v>695</v>
      </c>
      <c r="AO22" s="280">
        <v>626</v>
      </c>
      <c r="AP22" s="280">
        <v>408</v>
      </c>
      <c r="AQ22" s="280">
        <v>381</v>
      </c>
      <c r="AR22" s="280">
        <v>130</v>
      </c>
      <c r="AS22" s="277">
        <v>2240</v>
      </c>
      <c r="AT22" s="282">
        <v>2727</v>
      </c>
      <c r="AU22" s="276">
        <v>0</v>
      </c>
      <c r="AV22" s="280">
        <v>0</v>
      </c>
      <c r="AW22" s="277">
        <v>0</v>
      </c>
      <c r="AX22" s="279">
        <v>0</v>
      </c>
      <c r="AY22" s="280">
        <v>2385</v>
      </c>
      <c r="AZ22" s="280">
        <v>1819</v>
      </c>
      <c r="BA22" s="280">
        <v>1536</v>
      </c>
      <c r="BB22" s="280">
        <v>736</v>
      </c>
      <c r="BC22" s="280">
        <v>340</v>
      </c>
      <c r="BD22" s="281">
        <v>6816</v>
      </c>
      <c r="BE22" s="282">
        <v>6816</v>
      </c>
      <c r="BF22" s="276">
        <v>0</v>
      </c>
      <c r="BG22" s="280">
        <v>0</v>
      </c>
      <c r="BH22" s="277">
        <v>0</v>
      </c>
      <c r="BI22" s="279">
        <v>0</v>
      </c>
      <c r="BJ22" s="280">
        <v>1064</v>
      </c>
      <c r="BK22" s="280">
        <v>780</v>
      </c>
      <c r="BL22" s="280">
        <v>469</v>
      </c>
      <c r="BM22" s="280">
        <v>270</v>
      </c>
      <c r="BN22" s="280">
        <v>163</v>
      </c>
      <c r="BO22" s="277">
        <v>2746</v>
      </c>
      <c r="BP22" s="282">
        <v>2746</v>
      </c>
      <c r="BQ22" s="276">
        <v>5</v>
      </c>
      <c r="BR22" s="280">
        <v>32</v>
      </c>
      <c r="BS22" s="277">
        <v>37</v>
      </c>
      <c r="BT22" s="279">
        <v>0</v>
      </c>
      <c r="BU22" s="280">
        <v>352</v>
      </c>
      <c r="BV22" s="280">
        <v>701</v>
      </c>
      <c r="BW22" s="280">
        <v>1003</v>
      </c>
      <c r="BX22" s="280">
        <v>734</v>
      </c>
      <c r="BY22" s="280">
        <v>238</v>
      </c>
      <c r="BZ22" s="277">
        <v>3028</v>
      </c>
      <c r="CA22" s="282">
        <v>3065</v>
      </c>
      <c r="CB22" s="276">
        <v>0</v>
      </c>
      <c r="CC22" s="280">
        <v>0</v>
      </c>
      <c r="CD22" s="277">
        <v>0</v>
      </c>
      <c r="CE22" s="279">
        <v>0</v>
      </c>
      <c r="CF22" s="280">
        <v>7</v>
      </c>
      <c r="CG22" s="280">
        <v>24</v>
      </c>
      <c r="CH22" s="280">
        <v>81</v>
      </c>
      <c r="CI22" s="280">
        <v>29</v>
      </c>
      <c r="CJ22" s="280">
        <v>32</v>
      </c>
      <c r="CK22" s="277">
        <v>173</v>
      </c>
      <c r="CL22" s="282">
        <v>173</v>
      </c>
      <c r="CM22" s="276">
        <v>0</v>
      </c>
      <c r="CN22" s="280">
        <v>0</v>
      </c>
      <c r="CO22" s="277">
        <v>0</v>
      </c>
      <c r="CP22" s="279">
        <v>0</v>
      </c>
      <c r="CQ22" s="280">
        <v>0</v>
      </c>
      <c r="CR22" s="280">
        <v>0</v>
      </c>
      <c r="CS22" s="280">
        <v>0</v>
      </c>
      <c r="CT22" s="280">
        <v>0</v>
      </c>
      <c r="CU22" s="280">
        <v>0</v>
      </c>
      <c r="CV22" s="277">
        <v>0</v>
      </c>
      <c r="CW22" s="282">
        <v>0</v>
      </c>
      <c r="CX22" s="276">
        <v>0</v>
      </c>
      <c r="CY22" s="280">
        <v>0</v>
      </c>
      <c r="CZ22" s="277">
        <v>0</v>
      </c>
      <c r="DA22" s="279">
        <v>0</v>
      </c>
      <c r="DB22" s="280">
        <v>0</v>
      </c>
      <c r="DC22" s="280">
        <v>0</v>
      </c>
      <c r="DD22" s="280">
        <v>0</v>
      </c>
      <c r="DE22" s="280">
        <v>0</v>
      </c>
      <c r="DF22" s="280">
        <v>0</v>
      </c>
      <c r="DG22" s="277">
        <v>0</v>
      </c>
      <c r="DH22" s="282">
        <v>0</v>
      </c>
    </row>
    <row r="23" spans="2:112" ht="21" customHeight="1" x14ac:dyDescent="0.2">
      <c r="B23" s="261" t="s">
        <v>21</v>
      </c>
      <c r="C23" s="276">
        <v>0</v>
      </c>
      <c r="D23" s="280">
        <v>0</v>
      </c>
      <c r="E23" s="384">
        <v>0</v>
      </c>
      <c r="F23" s="279">
        <v>0</v>
      </c>
      <c r="G23" s="280">
        <v>2544</v>
      </c>
      <c r="H23" s="280">
        <v>5618</v>
      </c>
      <c r="I23" s="280">
        <v>6289</v>
      </c>
      <c r="J23" s="280">
        <v>7101</v>
      </c>
      <c r="K23" s="280">
        <v>5520</v>
      </c>
      <c r="L23" s="281">
        <v>27072</v>
      </c>
      <c r="M23" s="282">
        <v>27072</v>
      </c>
      <c r="N23" s="276">
        <v>0</v>
      </c>
      <c r="O23" s="280">
        <v>0</v>
      </c>
      <c r="P23" s="277">
        <v>0</v>
      </c>
      <c r="Q23" s="279">
        <v>0</v>
      </c>
      <c r="R23" s="280">
        <v>0</v>
      </c>
      <c r="S23" s="280">
        <v>22</v>
      </c>
      <c r="T23" s="280">
        <v>74</v>
      </c>
      <c r="U23" s="280">
        <v>161</v>
      </c>
      <c r="V23" s="280">
        <v>195</v>
      </c>
      <c r="W23" s="277">
        <v>452</v>
      </c>
      <c r="X23" s="282">
        <v>452</v>
      </c>
      <c r="Y23" s="276">
        <v>317</v>
      </c>
      <c r="Z23" s="280">
        <v>594</v>
      </c>
      <c r="AA23" s="277">
        <v>911</v>
      </c>
      <c r="AB23" s="279">
        <v>0</v>
      </c>
      <c r="AC23" s="280">
        <v>1488</v>
      </c>
      <c r="AD23" s="280">
        <v>2705</v>
      </c>
      <c r="AE23" s="280">
        <v>1592</v>
      </c>
      <c r="AF23" s="280">
        <v>1443</v>
      </c>
      <c r="AG23" s="280">
        <v>889</v>
      </c>
      <c r="AH23" s="277">
        <v>8117</v>
      </c>
      <c r="AI23" s="282">
        <v>9028</v>
      </c>
      <c r="AJ23" s="276">
        <v>114</v>
      </c>
      <c r="AK23" s="280">
        <v>290</v>
      </c>
      <c r="AL23" s="277">
        <v>404</v>
      </c>
      <c r="AM23" s="279">
        <v>0</v>
      </c>
      <c r="AN23" s="280">
        <v>181</v>
      </c>
      <c r="AO23" s="280">
        <v>424</v>
      </c>
      <c r="AP23" s="280">
        <v>165</v>
      </c>
      <c r="AQ23" s="280">
        <v>178</v>
      </c>
      <c r="AR23" s="280">
        <v>116</v>
      </c>
      <c r="AS23" s="277">
        <v>1064</v>
      </c>
      <c r="AT23" s="282">
        <v>1468</v>
      </c>
      <c r="AU23" s="276">
        <v>0</v>
      </c>
      <c r="AV23" s="280">
        <v>0</v>
      </c>
      <c r="AW23" s="277">
        <v>0</v>
      </c>
      <c r="AX23" s="279">
        <v>0</v>
      </c>
      <c r="AY23" s="280">
        <v>2446</v>
      </c>
      <c r="AZ23" s="280">
        <v>3008</v>
      </c>
      <c r="BA23" s="280">
        <v>2151</v>
      </c>
      <c r="BB23" s="280">
        <v>959</v>
      </c>
      <c r="BC23" s="280">
        <v>358</v>
      </c>
      <c r="BD23" s="281">
        <v>8922</v>
      </c>
      <c r="BE23" s="282">
        <v>8922</v>
      </c>
      <c r="BF23" s="276">
        <v>0</v>
      </c>
      <c r="BG23" s="280">
        <v>0</v>
      </c>
      <c r="BH23" s="277">
        <v>0</v>
      </c>
      <c r="BI23" s="279">
        <v>0</v>
      </c>
      <c r="BJ23" s="280">
        <v>393</v>
      </c>
      <c r="BK23" s="280">
        <v>545</v>
      </c>
      <c r="BL23" s="280">
        <v>268</v>
      </c>
      <c r="BM23" s="280">
        <v>110</v>
      </c>
      <c r="BN23" s="280">
        <v>80</v>
      </c>
      <c r="BO23" s="277">
        <v>1396</v>
      </c>
      <c r="BP23" s="282">
        <v>1396</v>
      </c>
      <c r="BQ23" s="276">
        <v>1</v>
      </c>
      <c r="BR23" s="280">
        <v>25</v>
      </c>
      <c r="BS23" s="277">
        <v>26</v>
      </c>
      <c r="BT23" s="279">
        <v>0</v>
      </c>
      <c r="BU23" s="280">
        <v>251</v>
      </c>
      <c r="BV23" s="280">
        <v>381</v>
      </c>
      <c r="BW23" s="280">
        <v>1068</v>
      </c>
      <c r="BX23" s="280">
        <v>826</v>
      </c>
      <c r="BY23" s="280">
        <v>500</v>
      </c>
      <c r="BZ23" s="277">
        <v>3026</v>
      </c>
      <c r="CA23" s="282">
        <v>3052</v>
      </c>
      <c r="CB23" s="276">
        <v>0</v>
      </c>
      <c r="CC23" s="280">
        <v>0</v>
      </c>
      <c r="CD23" s="277">
        <v>0</v>
      </c>
      <c r="CE23" s="279">
        <v>0</v>
      </c>
      <c r="CF23" s="280">
        <v>0</v>
      </c>
      <c r="CG23" s="280">
        <v>37</v>
      </c>
      <c r="CH23" s="280">
        <v>23</v>
      </c>
      <c r="CI23" s="280">
        <v>17</v>
      </c>
      <c r="CJ23" s="280">
        <v>28</v>
      </c>
      <c r="CK23" s="277">
        <v>105</v>
      </c>
      <c r="CL23" s="282">
        <v>105</v>
      </c>
      <c r="CM23" s="276">
        <v>0</v>
      </c>
      <c r="CN23" s="280">
        <v>0</v>
      </c>
      <c r="CO23" s="277">
        <v>0</v>
      </c>
      <c r="CP23" s="279">
        <v>0</v>
      </c>
      <c r="CQ23" s="280">
        <v>0</v>
      </c>
      <c r="CR23" s="280">
        <v>0</v>
      </c>
      <c r="CS23" s="280">
        <v>0</v>
      </c>
      <c r="CT23" s="280">
        <v>0</v>
      </c>
      <c r="CU23" s="280">
        <v>0</v>
      </c>
      <c r="CV23" s="277">
        <v>0</v>
      </c>
      <c r="CW23" s="282">
        <v>0</v>
      </c>
      <c r="CX23" s="276">
        <v>0</v>
      </c>
      <c r="CY23" s="280">
        <v>0</v>
      </c>
      <c r="CZ23" s="277">
        <v>0</v>
      </c>
      <c r="DA23" s="279">
        <v>0</v>
      </c>
      <c r="DB23" s="280">
        <v>0</v>
      </c>
      <c r="DC23" s="280">
        <v>0</v>
      </c>
      <c r="DD23" s="280">
        <v>0</v>
      </c>
      <c r="DE23" s="280">
        <v>0</v>
      </c>
      <c r="DF23" s="280">
        <v>0</v>
      </c>
      <c r="DG23" s="277">
        <v>0</v>
      </c>
      <c r="DH23" s="282">
        <v>0</v>
      </c>
    </row>
    <row r="24" spans="2:112" ht="21" customHeight="1" x14ac:dyDescent="0.2">
      <c r="B24" s="261" t="s">
        <v>22</v>
      </c>
      <c r="C24" s="276">
        <v>0</v>
      </c>
      <c r="D24" s="280">
        <v>0</v>
      </c>
      <c r="E24" s="384">
        <v>0</v>
      </c>
      <c r="F24" s="279">
        <v>0</v>
      </c>
      <c r="G24" s="280">
        <v>533</v>
      </c>
      <c r="H24" s="280">
        <v>1019</v>
      </c>
      <c r="I24" s="280">
        <v>960</v>
      </c>
      <c r="J24" s="280">
        <v>1369</v>
      </c>
      <c r="K24" s="280">
        <v>1739</v>
      </c>
      <c r="L24" s="281">
        <v>5620</v>
      </c>
      <c r="M24" s="282">
        <v>5620</v>
      </c>
      <c r="N24" s="276">
        <v>0</v>
      </c>
      <c r="O24" s="280">
        <v>0</v>
      </c>
      <c r="P24" s="277">
        <v>0</v>
      </c>
      <c r="Q24" s="279">
        <v>0</v>
      </c>
      <c r="R24" s="280">
        <v>5</v>
      </c>
      <c r="S24" s="280">
        <v>8</v>
      </c>
      <c r="T24" s="280">
        <v>22</v>
      </c>
      <c r="U24" s="280">
        <v>38</v>
      </c>
      <c r="V24" s="280">
        <v>92</v>
      </c>
      <c r="W24" s="277">
        <v>165</v>
      </c>
      <c r="X24" s="282">
        <v>165</v>
      </c>
      <c r="Y24" s="276">
        <v>15</v>
      </c>
      <c r="Z24" s="280">
        <v>53</v>
      </c>
      <c r="AA24" s="277">
        <v>68</v>
      </c>
      <c r="AB24" s="279">
        <v>0</v>
      </c>
      <c r="AC24" s="280">
        <v>381</v>
      </c>
      <c r="AD24" s="280">
        <v>544</v>
      </c>
      <c r="AE24" s="280">
        <v>221</v>
      </c>
      <c r="AF24" s="280">
        <v>221</v>
      </c>
      <c r="AG24" s="280">
        <v>240</v>
      </c>
      <c r="AH24" s="277">
        <v>1607</v>
      </c>
      <c r="AI24" s="282">
        <v>1675</v>
      </c>
      <c r="AJ24" s="276">
        <v>0</v>
      </c>
      <c r="AK24" s="280">
        <v>27</v>
      </c>
      <c r="AL24" s="277">
        <v>27</v>
      </c>
      <c r="AM24" s="279">
        <v>0</v>
      </c>
      <c r="AN24" s="280">
        <v>79</v>
      </c>
      <c r="AO24" s="280">
        <v>212</v>
      </c>
      <c r="AP24" s="280">
        <v>98</v>
      </c>
      <c r="AQ24" s="280">
        <v>50</v>
      </c>
      <c r="AR24" s="280">
        <v>71</v>
      </c>
      <c r="AS24" s="277">
        <v>510</v>
      </c>
      <c r="AT24" s="282">
        <v>537</v>
      </c>
      <c r="AU24" s="276">
        <v>0</v>
      </c>
      <c r="AV24" s="280">
        <v>0</v>
      </c>
      <c r="AW24" s="277">
        <v>0</v>
      </c>
      <c r="AX24" s="279">
        <v>0</v>
      </c>
      <c r="AY24" s="280">
        <v>1180</v>
      </c>
      <c r="AZ24" s="280">
        <v>1175</v>
      </c>
      <c r="BA24" s="280">
        <v>564</v>
      </c>
      <c r="BB24" s="280">
        <v>423</v>
      </c>
      <c r="BC24" s="280">
        <v>208</v>
      </c>
      <c r="BD24" s="281">
        <v>3550</v>
      </c>
      <c r="BE24" s="282">
        <v>3550</v>
      </c>
      <c r="BF24" s="276">
        <v>0</v>
      </c>
      <c r="BG24" s="280">
        <v>0</v>
      </c>
      <c r="BH24" s="277">
        <v>0</v>
      </c>
      <c r="BI24" s="279">
        <v>0</v>
      </c>
      <c r="BJ24" s="280">
        <v>143</v>
      </c>
      <c r="BK24" s="280">
        <v>143</v>
      </c>
      <c r="BL24" s="280">
        <v>115</v>
      </c>
      <c r="BM24" s="280">
        <v>88</v>
      </c>
      <c r="BN24" s="280">
        <v>61</v>
      </c>
      <c r="BO24" s="277">
        <v>550</v>
      </c>
      <c r="BP24" s="282">
        <v>550</v>
      </c>
      <c r="BQ24" s="276">
        <v>0</v>
      </c>
      <c r="BR24" s="280">
        <v>0</v>
      </c>
      <c r="BS24" s="277">
        <v>0</v>
      </c>
      <c r="BT24" s="279">
        <v>0</v>
      </c>
      <c r="BU24" s="280">
        <v>68</v>
      </c>
      <c r="BV24" s="280">
        <v>173</v>
      </c>
      <c r="BW24" s="280">
        <v>342</v>
      </c>
      <c r="BX24" s="280">
        <v>294</v>
      </c>
      <c r="BY24" s="280">
        <v>76</v>
      </c>
      <c r="BZ24" s="277">
        <v>953</v>
      </c>
      <c r="CA24" s="282">
        <v>953</v>
      </c>
      <c r="CB24" s="276">
        <v>0</v>
      </c>
      <c r="CC24" s="280">
        <v>0</v>
      </c>
      <c r="CD24" s="277">
        <v>0</v>
      </c>
      <c r="CE24" s="279">
        <v>0</v>
      </c>
      <c r="CF24" s="280">
        <v>0</v>
      </c>
      <c r="CG24" s="280">
        <v>7</v>
      </c>
      <c r="CH24" s="280">
        <v>21</v>
      </c>
      <c r="CI24" s="280">
        <v>32</v>
      </c>
      <c r="CJ24" s="280">
        <v>3</v>
      </c>
      <c r="CK24" s="277">
        <v>63</v>
      </c>
      <c r="CL24" s="282">
        <v>63</v>
      </c>
      <c r="CM24" s="276">
        <v>0</v>
      </c>
      <c r="CN24" s="280">
        <v>0</v>
      </c>
      <c r="CO24" s="277">
        <v>0</v>
      </c>
      <c r="CP24" s="279">
        <v>0</v>
      </c>
      <c r="CQ24" s="280">
        <v>0</v>
      </c>
      <c r="CR24" s="280">
        <v>0</v>
      </c>
      <c r="CS24" s="280">
        <v>0</v>
      </c>
      <c r="CT24" s="280">
        <v>0</v>
      </c>
      <c r="CU24" s="280">
        <v>0</v>
      </c>
      <c r="CV24" s="277">
        <v>0</v>
      </c>
      <c r="CW24" s="282">
        <v>0</v>
      </c>
      <c r="CX24" s="276">
        <v>0</v>
      </c>
      <c r="CY24" s="280">
        <v>0</v>
      </c>
      <c r="CZ24" s="277">
        <v>0</v>
      </c>
      <c r="DA24" s="279">
        <v>0</v>
      </c>
      <c r="DB24" s="280">
        <v>0</v>
      </c>
      <c r="DC24" s="280">
        <v>0</v>
      </c>
      <c r="DD24" s="280">
        <v>0</v>
      </c>
      <c r="DE24" s="280">
        <v>0</v>
      </c>
      <c r="DF24" s="280">
        <v>0</v>
      </c>
      <c r="DG24" s="277">
        <v>0</v>
      </c>
      <c r="DH24" s="282">
        <v>0</v>
      </c>
    </row>
    <row r="25" spans="2:112" ht="21" customHeight="1" x14ac:dyDescent="0.2">
      <c r="B25" s="261" t="s">
        <v>23</v>
      </c>
      <c r="C25" s="276">
        <v>0</v>
      </c>
      <c r="D25" s="280">
        <v>0</v>
      </c>
      <c r="E25" s="384">
        <v>0</v>
      </c>
      <c r="F25" s="279">
        <v>0</v>
      </c>
      <c r="G25" s="280">
        <v>1674</v>
      </c>
      <c r="H25" s="280">
        <v>2471</v>
      </c>
      <c r="I25" s="280">
        <v>2479</v>
      </c>
      <c r="J25" s="280">
        <v>2983</v>
      </c>
      <c r="K25" s="280">
        <v>2507</v>
      </c>
      <c r="L25" s="281">
        <v>12114</v>
      </c>
      <c r="M25" s="282">
        <v>12114</v>
      </c>
      <c r="N25" s="276">
        <v>0</v>
      </c>
      <c r="O25" s="280">
        <v>0</v>
      </c>
      <c r="P25" s="277">
        <v>0</v>
      </c>
      <c r="Q25" s="279">
        <v>0</v>
      </c>
      <c r="R25" s="280">
        <v>1</v>
      </c>
      <c r="S25" s="280">
        <v>22</v>
      </c>
      <c r="T25" s="280">
        <v>14</v>
      </c>
      <c r="U25" s="280">
        <v>44</v>
      </c>
      <c r="V25" s="280">
        <v>123</v>
      </c>
      <c r="W25" s="277">
        <v>204</v>
      </c>
      <c r="X25" s="282">
        <v>204</v>
      </c>
      <c r="Y25" s="276">
        <v>204</v>
      </c>
      <c r="Z25" s="280">
        <v>371</v>
      </c>
      <c r="AA25" s="277">
        <v>575</v>
      </c>
      <c r="AB25" s="279">
        <v>0</v>
      </c>
      <c r="AC25" s="280">
        <v>961</v>
      </c>
      <c r="AD25" s="280">
        <v>1472</v>
      </c>
      <c r="AE25" s="280">
        <v>614</v>
      </c>
      <c r="AF25" s="280">
        <v>639</v>
      </c>
      <c r="AG25" s="280">
        <v>491</v>
      </c>
      <c r="AH25" s="277">
        <v>4177</v>
      </c>
      <c r="AI25" s="282">
        <v>4752</v>
      </c>
      <c r="AJ25" s="276">
        <v>28</v>
      </c>
      <c r="AK25" s="280">
        <v>54</v>
      </c>
      <c r="AL25" s="277">
        <v>82</v>
      </c>
      <c r="AM25" s="279">
        <v>0</v>
      </c>
      <c r="AN25" s="280">
        <v>210</v>
      </c>
      <c r="AO25" s="280">
        <v>254</v>
      </c>
      <c r="AP25" s="280">
        <v>97</v>
      </c>
      <c r="AQ25" s="280">
        <v>126</v>
      </c>
      <c r="AR25" s="280">
        <v>93</v>
      </c>
      <c r="AS25" s="277">
        <v>780</v>
      </c>
      <c r="AT25" s="282">
        <v>862</v>
      </c>
      <c r="AU25" s="276">
        <v>0</v>
      </c>
      <c r="AV25" s="280">
        <v>0</v>
      </c>
      <c r="AW25" s="277">
        <v>0</v>
      </c>
      <c r="AX25" s="279">
        <v>0</v>
      </c>
      <c r="AY25" s="280">
        <v>2600</v>
      </c>
      <c r="AZ25" s="280">
        <v>2330</v>
      </c>
      <c r="BA25" s="280">
        <v>1335</v>
      </c>
      <c r="BB25" s="280">
        <v>842</v>
      </c>
      <c r="BC25" s="280">
        <v>375</v>
      </c>
      <c r="BD25" s="281">
        <v>7482</v>
      </c>
      <c r="BE25" s="282">
        <v>7482</v>
      </c>
      <c r="BF25" s="276">
        <v>0</v>
      </c>
      <c r="BG25" s="280">
        <v>0</v>
      </c>
      <c r="BH25" s="277">
        <v>0</v>
      </c>
      <c r="BI25" s="279">
        <v>0</v>
      </c>
      <c r="BJ25" s="280">
        <v>290</v>
      </c>
      <c r="BK25" s="280">
        <v>412</v>
      </c>
      <c r="BL25" s="280">
        <v>322</v>
      </c>
      <c r="BM25" s="280">
        <v>224</v>
      </c>
      <c r="BN25" s="280">
        <v>47</v>
      </c>
      <c r="BO25" s="277">
        <v>1295</v>
      </c>
      <c r="BP25" s="282">
        <v>1295</v>
      </c>
      <c r="BQ25" s="276">
        <v>7</v>
      </c>
      <c r="BR25" s="280">
        <v>4</v>
      </c>
      <c r="BS25" s="277">
        <v>11</v>
      </c>
      <c r="BT25" s="279">
        <v>0</v>
      </c>
      <c r="BU25" s="280">
        <v>159</v>
      </c>
      <c r="BV25" s="280">
        <v>214</v>
      </c>
      <c r="BW25" s="280">
        <v>388</v>
      </c>
      <c r="BX25" s="280">
        <v>529</v>
      </c>
      <c r="BY25" s="280">
        <v>117</v>
      </c>
      <c r="BZ25" s="277">
        <v>1407</v>
      </c>
      <c r="CA25" s="282">
        <v>1418</v>
      </c>
      <c r="CB25" s="276">
        <v>0</v>
      </c>
      <c r="CC25" s="280">
        <v>3</v>
      </c>
      <c r="CD25" s="277">
        <v>3</v>
      </c>
      <c r="CE25" s="279">
        <v>0</v>
      </c>
      <c r="CF25" s="280">
        <v>0</v>
      </c>
      <c r="CG25" s="280">
        <v>9</v>
      </c>
      <c r="CH25" s="280">
        <v>26</v>
      </c>
      <c r="CI25" s="280">
        <v>14</v>
      </c>
      <c r="CJ25" s="280">
        <v>26</v>
      </c>
      <c r="CK25" s="277">
        <v>75</v>
      </c>
      <c r="CL25" s="282">
        <v>78</v>
      </c>
      <c r="CM25" s="276">
        <v>0</v>
      </c>
      <c r="CN25" s="280">
        <v>0</v>
      </c>
      <c r="CO25" s="277">
        <v>0</v>
      </c>
      <c r="CP25" s="279">
        <v>0</v>
      </c>
      <c r="CQ25" s="280">
        <v>0</v>
      </c>
      <c r="CR25" s="280">
        <v>0</v>
      </c>
      <c r="CS25" s="280">
        <v>0</v>
      </c>
      <c r="CT25" s="280">
        <v>0</v>
      </c>
      <c r="CU25" s="280">
        <v>0</v>
      </c>
      <c r="CV25" s="277">
        <v>0</v>
      </c>
      <c r="CW25" s="282">
        <v>0</v>
      </c>
      <c r="CX25" s="276">
        <v>0</v>
      </c>
      <c r="CY25" s="280">
        <v>0</v>
      </c>
      <c r="CZ25" s="277">
        <v>0</v>
      </c>
      <c r="DA25" s="279">
        <v>0</v>
      </c>
      <c r="DB25" s="280">
        <v>0</v>
      </c>
      <c r="DC25" s="280">
        <v>0</v>
      </c>
      <c r="DD25" s="280">
        <v>0</v>
      </c>
      <c r="DE25" s="280">
        <v>0</v>
      </c>
      <c r="DF25" s="280">
        <v>0</v>
      </c>
      <c r="DG25" s="277">
        <v>0</v>
      </c>
      <c r="DH25" s="282">
        <v>0</v>
      </c>
    </row>
    <row r="26" spans="2:112" ht="21" customHeight="1" x14ac:dyDescent="0.2">
      <c r="B26" s="261" t="s">
        <v>24</v>
      </c>
      <c r="C26" s="276">
        <v>0</v>
      </c>
      <c r="D26" s="280">
        <v>0</v>
      </c>
      <c r="E26" s="384">
        <v>0</v>
      </c>
      <c r="F26" s="279">
        <v>0</v>
      </c>
      <c r="G26" s="280">
        <v>731</v>
      </c>
      <c r="H26" s="280">
        <v>1309</v>
      </c>
      <c r="I26" s="280">
        <v>1293</v>
      </c>
      <c r="J26" s="280">
        <v>1918</v>
      </c>
      <c r="K26" s="280">
        <v>1713</v>
      </c>
      <c r="L26" s="281">
        <v>6964</v>
      </c>
      <c r="M26" s="282">
        <v>6964</v>
      </c>
      <c r="N26" s="276">
        <v>0</v>
      </c>
      <c r="O26" s="280">
        <v>0</v>
      </c>
      <c r="P26" s="277">
        <v>0</v>
      </c>
      <c r="Q26" s="279">
        <v>0</v>
      </c>
      <c r="R26" s="280">
        <v>0</v>
      </c>
      <c r="S26" s="280">
        <v>14</v>
      </c>
      <c r="T26" s="280">
        <v>25</v>
      </c>
      <c r="U26" s="280">
        <v>53</v>
      </c>
      <c r="V26" s="280">
        <v>106</v>
      </c>
      <c r="W26" s="277">
        <v>198</v>
      </c>
      <c r="X26" s="282">
        <v>198</v>
      </c>
      <c r="Y26" s="276">
        <v>112</v>
      </c>
      <c r="Z26" s="280">
        <v>197</v>
      </c>
      <c r="AA26" s="277">
        <v>309</v>
      </c>
      <c r="AB26" s="279">
        <v>0</v>
      </c>
      <c r="AC26" s="280">
        <v>430</v>
      </c>
      <c r="AD26" s="280">
        <v>509</v>
      </c>
      <c r="AE26" s="280">
        <v>399</v>
      </c>
      <c r="AF26" s="280">
        <v>285</v>
      </c>
      <c r="AG26" s="280">
        <v>272</v>
      </c>
      <c r="AH26" s="277">
        <v>1895</v>
      </c>
      <c r="AI26" s="282">
        <v>2204</v>
      </c>
      <c r="AJ26" s="276">
        <v>0</v>
      </c>
      <c r="AK26" s="280">
        <v>8</v>
      </c>
      <c r="AL26" s="277">
        <v>8</v>
      </c>
      <c r="AM26" s="279">
        <v>0</v>
      </c>
      <c r="AN26" s="280">
        <v>48</v>
      </c>
      <c r="AO26" s="280">
        <v>80</v>
      </c>
      <c r="AP26" s="280">
        <v>24</v>
      </c>
      <c r="AQ26" s="280">
        <v>81</v>
      </c>
      <c r="AR26" s="280">
        <v>61</v>
      </c>
      <c r="AS26" s="277">
        <v>294</v>
      </c>
      <c r="AT26" s="282">
        <v>302</v>
      </c>
      <c r="AU26" s="276">
        <v>0</v>
      </c>
      <c r="AV26" s="280">
        <v>0</v>
      </c>
      <c r="AW26" s="277">
        <v>0</v>
      </c>
      <c r="AX26" s="279">
        <v>0</v>
      </c>
      <c r="AY26" s="280">
        <v>858</v>
      </c>
      <c r="AZ26" s="280">
        <v>688</v>
      </c>
      <c r="BA26" s="280">
        <v>474</v>
      </c>
      <c r="BB26" s="280">
        <v>268</v>
      </c>
      <c r="BC26" s="280">
        <v>96</v>
      </c>
      <c r="BD26" s="281">
        <v>2384</v>
      </c>
      <c r="BE26" s="282">
        <v>2384</v>
      </c>
      <c r="BF26" s="276">
        <v>0</v>
      </c>
      <c r="BG26" s="280">
        <v>0</v>
      </c>
      <c r="BH26" s="277">
        <v>0</v>
      </c>
      <c r="BI26" s="279">
        <v>0</v>
      </c>
      <c r="BJ26" s="280">
        <v>285</v>
      </c>
      <c r="BK26" s="280">
        <v>313</v>
      </c>
      <c r="BL26" s="280">
        <v>182</v>
      </c>
      <c r="BM26" s="280">
        <v>71</v>
      </c>
      <c r="BN26" s="280">
        <v>157</v>
      </c>
      <c r="BO26" s="277">
        <v>1008</v>
      </c>
      <c r="BP26" s="282">
        <v>1008</v>
      </c>
      <c r="BQ26" s="276">
        <v>4</v>
      </c>
      <c r="BR26" s="280">
        <v>19</v>
      </c>
      <c r="BS26" s="277">
        <v>23</v>
      </c>
      <c r="BT26" s="279">
        <v>0</v>
      </c>
      <c r="BU26" s="280">
        <v>110</v>
      </c>
      <c r="BV26" s="280">
        <v>138</v>
      </c>
      <c r="BW26" s="280">
        <v>259</v>
      </c>
      <c r="BX26" s="280">
        <v>174</v>
      </c>
      <c r="BY26" s="280">
        <v>135</v>
      </c>
      <c r="BZ26" s="277">
        <v>816</v>
      </c>
      <c r="CA26" s="282">
        <v>839</v>
      </c>
      <c r="CB26" s="276">
        <v>0</v>
      </c>
      <c r="CC26" s="280">
        <v>0</v>
      </c>
      <c r="CD26" s="277">
        <v>0</v>
      </c>
      <c r="CE26" s="279">
        <v>0</v>
      </c>
      <c r="CF26" s="280">
        <v>19</v>
      </c>
      <c r="CG26" s="280">
        <v>0</v>
      </c>
      <c r="CH26" s="280">
        <v>24</v>
      </c>
      <c r="CI26" s="280">
        <v>17</v>
      </c>
      <c r="CJ26" s="280">
        <v>18</v>
      </c>
      <c r="CK26" s="277">
        <v>78</v>
      </c>
      <c r="CL26" s="282">
        <v>78</v>
      </c>
      <c r="CM26" s="276">
        <v>0</v>
      </c>
      <c r="CN26" s="280">
        <v>0</v>
      </c>
      <c r="CO26" s="277">
        <v>0</v>
      </c>
      <c r="CP26" s="279">
        <v>0</v>
      </c>
      <c r="CQ26" s="280">
        <v>0</v>
      </c>
      <c r="CR26" s="280">
        <v>0</v>
      </c>
      <c r="CS26" s="280">
        <v>0</v>
      </c>
      <c r="CT26" s="280">
        <v>0</v>
      </c>
      <c r="CU26" s="280">
        <v>0</v>
      </c>
      <c r="CV26" s="277">
        <v>0</v>
      </c>
      <c r="CW26" s="282">
        <v>0</v>
      </c>
      <c r="CX26" s="276">
        <v>0</v>
      </c>
      <c r="CY26" s="280">
        <v>0</v>
      </c>
      <c r="CZ26" s="277">
        <v>0</v>
      </c>
      <c r="DA26" s="279">
        <v>0</v>
      </c>
      <c r="DB26" s="280">
        <v>0</v>
      </c>
      <c r="DC26" s="280">
        <v>0</v>
      </c>
      <c r="DD26" s="280">
        <v>0</v>
      </c>
      <c r="DE26" s="280">
        <v>0</v>
      </c>
      <c r="DF26" s="280">
        <v>0</v>
      </c>
      <c r="DG26" s="277">
        <v>0</v>
      </c>
      <c r="DH26" s="282">
        <v>0</v>
      </c>
    </row>
    <row r="27" spans="2:112" ht="21" customHeight="1" x14ac:dyDescent="0.2">
      <c r="B27" s="261" t="s">
        <v>25</v>
      </c>
      <c r="C27" s="276">
        <v>0</v>
      </c>
      <c r="D27" s="280">
        <v>0</v>
      </c>
      <c r="E27" s="384">
        <v>0</v>
      </c>
      <c r="F27" s="279">
        <v>0</v>
      </c>
      <c r="G27" s="280">
        <v>1468</v>
      </c>
      <c r="H27" s="280">
        <v>1575</v>
      </c>
      <c r="I27" s="280">
        <v>1411</v>
      </c>
      <c r="J27" s="280">
        <v>2055</v>
      </c>
      <c r="K27" s="280">
        <v>1854</v>
      </c>
      <c r="L27" s="281">
        <v>8363</v>
      </c>
      <c r="M27" s="282">
        <v>8363</v>
      </c>
      <c r="N27" s="276">
        <v>0</v>
      </c>
      <c r="O27" s="280">
        <v>0</v>
      </c>
      <c r="P27" s="277">
        <v>0</v>
      </c>
      <c r="Q27" s="279">
        <v>0</v>
      </c>
      <c r="R27" s="280">
        <v>16</v>
      </c>
      <c r="S27" s="280">
        <v>51</v>
      </c>
      <c r="T27" s="280">
        <v>43</v>
      </c>
      <c r="U27" s="280">
        <v>90</v>
      </c>
      <c r="V27" s="280">
        <v>93</v>
      </c>
      <c r="W27" s="277">
        <v>293</v>
      </c>
      <c r="X27" s="282">
        <v>293</v>
      </c>
      <c r="Y27" s="276">
        <v>52</v>
      </c>
      <c r="Z27" s="280">
        <v>263</v>
      </c>
      <c r="AA27" s="277">
        <v>315</v>
      </c>
      <c r="AB27" s="279">
        <v>0</v>
      </c>
      <c r="AC27" s="280">
        <v>544</v>
      </c>
      <c r="AD27" s="280">
        <v>667</v>
      </c>
      <c r="AE27" s="280">
        <v>318</v>
      </c>
      <c r="AF27" s="280">
        <v>258</v>
      </c>
      <c r="AG27" s="280">
        <v>232</v>
      </c>
      <c r="AH27" s="277">
        <v>2019</v>
      </c>
      <c r="AI27" s="282">
        <v>2334</v>
      </c>
      <c r="AJ27" s="276">
        <v>14</v>
      </c>
      <c r="AK27" s="280">
        <v>57</v>
      </c>
      <c r="AL27" s="277">
        <v>71</v>
      </c>
      <c r="AM27" s="279">
        <v>0</v>
      </c>
      <c r="AN27" s="280">
        <v>12</v>
      </c>
      <c r="AO27" s="280">
        <v>116</v>
      </c>
      <c r="AP27" s="280">
        <v>90</v>
      </c>
      <c r="AQ27" s="280">
        <v>52</v>
      </c>
      <c r="AR27" s="280">
        <v>44</v>
      </c>
      <c r="AS27" s="277">
        <v>314</v>
      </c>
      <c r="AT27" s="282">
        <v>385</v>
      </c>
      <c r="AU27" s="276">
        <v>0</v>
      </c>
      <c r="AV27" s="280">
        <v>0</v>
      </c>
      <c r="AW27" s="277">
        <v>0</v>
      </c>
      <c r="AX27" s="279">
        <v>0</v>
      </c>
      <c r="AY27" s="280">
        <v>1172</v>
      </c>
      <c r="AZ27" s="280">
        <v>890</v>
      </c>
      <c r="BA27" s="280">
        <v>569</v>
      </c>
      <c r="BB27" s="280">
        <v>532</v>
      </c>
      <c r="BC27" s="280">
        <v>79</v>
      </c>
      <c r="BD27" s="281">
        <v>3242</v>
      </c>
      <c r="BE27" s="282">
        <v>3242</v>
      </c>
      <c r="BF27" s="276">
        <v>0</v>
      </c>
      <c r="BG27" s="280">
        <v>0</v>
      </c>
      <c r="BH27" s="277">
        <v>0</v>
      </c>
      <c r="BI27" s="279">
        <v>0</v>
      </c>
      <c r="BJ27" s="280">
        <v>255</v>
      </c>
      <c r="BK27" s="280">
        <v>430</v>
      </c>
      <c r="BL27" s="280">
        <v>182</v>
      </c>
      <c r="BM27" s="280">
        <v>119</v>
      </c>
      <c r="BN27" s="280">
        <v>45</v>
      </c>
      <c r="BO27" s="277">
        <v>1031</v>
      </c>
      <c r="BP27" s="282">
        <v>1031</v>
      </c>
      <c r="BQ27" s="276">
        <v>8</v>
      </c>
      <c r="BR27" s="280">
        <v>5</v>
      </c>
      <c r="BS27" s="277">
        <v>13</v>
      </c>
      <c r="BT27" s="279">
        <v>0</v>
      </c>
      <c r="BU27" s="280">
        <v>34</v>
      </c>
      <c r="BV27" s="280">
        <v>150</v>
      </c>
      <c r="BW27" s="280">
        <v>301</v>
      </c>
      <c r="BX27" s="280">
        <v>44</v>
      </c>
      <c r="BY27" s="280">
        <v>44</v>
      </c>
      <c r="BZ27" s="277">
        <v>573</v>
      </c>
      <c r="CA27" s="282">
        <v>586</v>
      </c>
      <c r="CB27" s="276">
        <v>0</v>
      </c>
      <c r="CC27" s="280">
        <v>0</v>
      </c>
      <c r="CD27" s="277">
        <v>0</v>
      </c>
      <c r="CE27" s="279">
        <v>0</v>
      </c>
      <c r="CF27" s="280">
        <v>25</v>
      </c>
      <c r="CG27" s="280">
        <v>19</v>
      </c>
      <c r="CH27" s="280">
        <v>14</v>
      </c>
      <c r="CI27" s="280">
        <v>70</v>
      </c>
      <c r="CJ27" s="280">
        <v>14</v>
      </c>
      <c r="CK27" s="277">
        <v>142</v>
      </c>
      <c r="CL27" s="282">
        <v>142</v>
      </c>
      <c r="CM27" s="276">
        <v>0</v>
      </c>
      <c r="CN27" s="280">
        <v>0</v>
      </c>
      <c r="CO27" s="277">
        <v>0</v>
      </c>
      <c r="CP27" s="279">
        <v>0</v>
      </c>
      <c r="CQ27" s="280">
        <v>0</v>
      </c>
      <c r="CR27" s="280">
        <v>0</v>
      </c>
      <c r="CS27" s="280">
        <v>0</v>
      </c>
      <c r="CT27" s="280">
        <v>0</v>
      </c>
      <c r="CU27" s="280">
        <v>0</v>
      </c>
      <c r="CV27" s="277">
        <v>0</v>
      </c>
      <c r="CW27" s="282">
        <v>0</v>
      </c>
      <c r="CX27" s="276">
        <v>0</v>
      </c>
      <c r="CY27" s="280">
        <v>0</v>
      </c>
      <c r="CZ27" s="277">
        <v>0</v>
      </c>
      <c r="DA27" s="279">
        <v>0</v>
      </c>
      <c r="DB27" s="280">
        <v>0</v>
      </c>
      <c r="DC27" s="280">
        <v>0</v>
      </c>
      <c r="DD27" s="280">
        <v>0</v>
      </c>
      <c r="DE27" s="280">
        <v>0</v>
      </c>
      <c r="DF27" s="280">
        <v>0</v>
      </c>
      <c r="DG27" s="277">
        <v>0</v>
      </c>
      <c r="DH27" s="282">
        <v>0</v>
      </c>
    </row>
    <row r="28" spans="2:112" ht="21" customHeight="1" x14ac:dyDescent="0.2">
      <c r="B28" s="261" t="s">
        <v>26</v>
      </c>
      <c r="C28" s="276">
        <v>0</v>
      </c>
      <c r="D28" s="280">
        <v>0</v>
      </c>
      <c r="E28" s="384">
        <v>0</v>
      </c>
      <c r="F28" s="279">
        <v>0</v>
      </c>
      <c r="G28" s="280">
        <v>803</v>
      </c>
      <c r="H28" s="280">
        <v>1312</v>
      </c>
      <c r="I28" s="280">
        <v>1083</v>
      </c>
      <c r="J28" s="280">
        <v>1322</v>
      </c>
      <c r="K28" s="280">
        <v>1860</v>
      </c>
      <c r="L28" s="281">
        <v>6380</v>
      </c>
      <c r="M28" s="282">
        <v>6380</v>
      </c>
      <c r="N28" s="276">
        <v>0</v>
      </c>
      <c r="O28" s="280">
        <v>0</v>
      </c>
      <c r="P28" s="277">
        <v>0</v>
      </c>
      <c r="Q28" s="279">
        <v>0</v>
      </c>
      <c r="R28" s="280">
        <v>0</v>
      </c>
      <c r="S28" s="280">
        <v>2</v>
      </c>
      <c r="T28" s="280">
        <v>17</v>
      </c>
      <c r="U28" s="280">
        <v>47</v>
      </c>
      <c r="V28" s="280">
        <v>78</v>
      </c>
      <c r="W28" s="277">
        <v>144</v>
      </c>
      <c r="X28" s="282">
        <v>144</v>
      </c>
      <c r="Y28" s="276">
        <v>44</v>
      </c>
      <c r="Z28" s="280">
        <v>82</v>
      </c>
      <c r="AA28" s="277">
        <v>126</v>
      </c>
      <c r="AB28" s="279">
        <v>0</v>
      </c>
      <c r="AC28" s="280">
        <v>332</v>
      </c>
      <c r="AD28" s="280">
        <v>456</v>
      </c>
      <c r="AE28" s="280">
        <v>307</v>
      </c>
      <c r="AF28" s="280">
        <v>339</v>
      </c>
      <c r="AG28" s="280">
        <v>364</v>
      </c>
      <c r="AH28" s="277">
        <v>1798</v>
      </c>
      <c r="AI28" s="282">
        <v>1924</v>
      </c>
      <c r="AJ28" s="276">
        <v>0</v>
      </c>
      <c r="AK28" s="280">
        <v>0</v>
      </c>
      <c r="AL28" s="277">
        <v>0</v>
      </c>
      <c r="AM28" s="279">
        <v>0</v>
      </c>
      <c r="AN28" s="280">
        <v>12</v>
      </c>
      <c r="AO28" s="280">
        <v>115</v>
      </c>
      <c r="AP28" s="280">
        <v>42</v>
      </c>
      <c r="AQ28" s="280">
        <v>56</v>
      </c>
      <c r="AR28" s="280">
        <v>38</v>
      </c>
      <c r="AS28" s="277">
        <v>263</v>
      </c>
      <c r="AT28" s="282">
        <v>263</v>
      </c>
      <c r="AU28" s="276">
        <v>0</v>
      </c>
      <c r="AV28" s="280">
        <v>0</v>
      </c>
      <c r="AW28" s="277">
        <v>0</v>
      </c>
      <c r="AX28" s="279">
        <v>0</v>
      </c>
      <c r="AY28" s="280">
        <v>793</v>
      </c>
      <c r="AZ28" s="280">
        <v>783</v>
      </c>
      <c r="BA28" s="280">
        <v>445</v>
      </c>
      <c r="BB28" s="280">
        <v>173</v>
      </c>
      <c r="BC28" s="280">
        <v>272</v>
      </c>
      <c r="BD28" s="281">
        <v>2466</v>
      </c>
      <c r="BE28" s="282">
        <v>2466</v>
      </c>
      <c r="BF28" s="276">
        <v>0</v>
      </c>
      <c r="BG28" s="280">
        <v>0</v>
      </c>
      <c r="BH28" s="277">
        <v>0</v>
      </c>
      <c r="BI28" s="279">
        <v>0</v>
      </c>
      <c r="BJ28" s="280">
        <v>110</v>
      </c>
      <c r="BK28" s="280">
        <v>183</v>
      </c>
      <c r="BL28" s="280">
        <v>108</v>
      </c>
      <c r="BM28" s="280">
        <v>40</v>
      </c>
      <c r="BN28" s="280">
        <v>43</v>
      </c>
      <c r="BO28" s="277">
        <v>484</v>
      </c>
      <c r="BP28" s="282">
        <v>484</v>
      </c>
      <c r="BQ28" s="276">
        <v>0</v>
      </c>
      <c r="BR28" s="280">
        <v>14</v>
      </c>
      <c r="BS28" s="277">
        <v>14</v>
      </c>
      <c r="BT28" s="279">
        <v>0</v>
      </c>
      <c r="BU28" s="280">
        <v>97</v>
      </c>
      <c r="BV28" s="280">
        <v>129</v>
      </c>
      <c r="BW28" s="280">
        <v>205</v>
      </c>
      <c r="BX28" s="280">
        <v>110</v>
      </c>
      <c r="BY28" s="280">
        <v>118</v>
      </c>
      <c r="BZ28" s="277">
        <v>659</v>
      </c>
      <c r="CA28" s="282">
        <v>673</v>
      </c>
      <c r="CB28" s="276">
        <v>0</v>
      </c>
      <c r="CC28" s="280">
        <v>7</v>
      </c>
      <c r="CD28" s="277">
        <v>7</v>
      </c>
      <c r="CE28" s="279">
        <v>0</v>
      </c>
      <c r="CF28" s="280">
        <v>9</v>
      </c>
      <c r="CG28" s="280">
        <v>15</v>
      </c>
      <c r="CH28" s="280">
        <v>25</v>
      </c>
      <c r="CI28" s="280">
        <v>32</v>
      </c>
      <c r="CJ28" s="280">
        <v>6</v>
      </c>
      <c r="CK28" s="277">
        <v>87</v>
      </c>
      <c r="CL28" s="282">
        <v>94</v>
      </c>
      <c r="CM28" s="276">
        <v>0</v>
      </c>
      <c r="CN28" s="280">
        <v>0</v>
      </c>
      <c r="CO28" s="277">
        <v>0</v>
      </c>
      <c r="CP28" s="279">
        <v>0</v>
      </c>
      <c r="CQ28" s="280">
        <v>0</v>
      </c>
      <c r="CR28" s="280">
        <v>0</v>
      </c>
      <c r="CS28" s="280">
        <v>0</v>
      </c>
      <c r="CT28" s="280">
        <v>0</v>
      </c>
      <c r="CU28" s="280">
        <v>0</v>
      </c>
      <c r="CV28" s="277">
        <v>0</v>
      </c>
      <c r="CW28" s="282">
        <v>0</v>
      </c>
      <c r="CX28" s="276">
        <v>0</v>
      </c>
      <c r="CY28" s="280">
        <v>0</v>
      </c>
      <c r="CZ28" s="277">
        <v>0</v>
      </c>
      <c r="DA28" s="279">
        <v>0</v>
      </c>
      <c r="DB28" s="280">
        <v>0</v>
      </c>
      <c r="DC28" s="280">
        <v>0</v>
      </c>
      <c r="DD28" s="280">
        <v>0</v>
      </c>
      <c r="DE28" s="280">
        <v>0</v>
      </c>
      <c r="DF28" s="280">
        <v>0</v>
      </c>
      <c r="DG28" s="277">
        <v>0</v>
      </c>
      <c r="DH28" s="282">
        <v>0</v>
      </c>
    </row>
    <row r="29" spans="2:112" ht="21" customHeight="1" x14ac:dyDescent="0.2">
      <c r="B29" s="261" t="s">
        <v>27</v>
      </c>
      <c r="C29" s="276">
        <v>0</v>
      </c>
      <c r="D29" s="280">
        <v>0</v>
      </c>
      <c r="E29" s="384">
        <v>0</v>
      </c>
      <c r="F29" s="279">
        <v>0</v>
      </c>
      <c r="G29" s="280">
        <v>657</v>
      </c>
      <c r="H29" s="280">
        <v>772</v>
      </c>
      <c r="I29" s="280">
        <v>1200</v>
      </c>
      <c r="J29" s="280">
        <v>1333</v>
      </c>
      <c r="K29" s="280">
        <v>1393</v>
      </c>
      <c r="L29" s="281">
        <v>5355</v>
      </c>
      <c r="M29" s="282">
        <v>5355</v>
      </c>
      <c r="N29" s="276">
        <v>0</v>
      </c>
      <c r="O29" s="280">
        <v>0</v>
      </c>
      <c r="P29" s="277">
        <v>0</v>
      </c>
      <c r="Q29" s="279">
        <v>0</v>
      </c>
      <c r="R29" s="280">
        <v>4</v>
      </c>
      <c r="S29" s="280">
        <v>22</v>
      </c>
      <c r="T29" s="280">
        <v>13</v>
      </c>
      <c r="U29" s="280">
        <v>71</v>
      </c>
      <c r="V29" s="280">
        <v>75</v>
      </c>
      <c r="W29" s="277">
        <v>185</v>
      </c>
      <c r="X29" s="282">
        <v>185</v>
      </c>
      <c r="Y29" s="276">
        <v>147</v>
      </c>
      <c r="Z29" s="280">
        <v>303</v>
      </c>
      <c r="AA29" s="277">
        <v>450</v>
      </c>
      <c r="AB29" s="279">
        <v>0</v>
      </c>
      <c r="AC29" s="280">
        <v>226</v>
      </c>
      <c r="AD29" s="280">
        <v>287</v>
      </c>
      <c r="AE29" s="280">
        <v>326</v>
      </c>
      <c r="AF29" s="280">
        <v>315</v>
      </c>
      <c r="AG29" s="280">
        <v>299</v>
      </c>
      <c r="AH29" s="277">
        <v>1453</v>
      </c>
      <c r="AI29" s="282">
        <v>1903</v>
      </c>
      <c r="AJ29" s="276">
        <v>0</v>
      </c>
      <c r="AK29" s="280">
        <v>18</v>
      </c>
      <c r="AL29" s="277">
        <v>18</v>
      </c>
      <c r="AM29" s="279">
        <v>0</v>
      </c>
      <c r="AN29" s="280">
        <v>0</v>
      </c>
      <c r="AO29" s="280">
        <v>17</v>
      </c>
      <c r="AP29" s="280">
        <v>0</v>
      </c>
      <c r="AQ29" s="280">
        <v>0</v>
      </c>
      <c r="AR29" s="280">
        <v>15</v>
      </c>
      <c r="AS29" s="277">
        <v>32</v>
      </c>
      <c r="AT29" s="282">
        <v>50</v>
      </c>
      <c r="AU29" s="276">
        <v>0</v>
      </c>
      <c r="AV29" s="280">
        <v>0</v>
      </c>
      <c r="AW29" s="277">
        <v>0</v>
      </c>
      <c r="AX29" s="279">
        <v>0</v>
      </c>
      <c r="AY29" s="280">
        <v>939</v>
      </c>
      <c r="AZ29" s="280">
        <v>630</v>
      </c>
      <c r="BA29" s="280">
        <v>389</v>
      </c>
      <c r="BB29" s="280">
        <v>294</v>
      </c>
      <c r="BC29" s="280">
        <v>98</v>
      </c>
      <c r="BD29" s="281">
        <v>2350</v>
      </c>
      <c r="BE29" s="282">
        <v>2350</v>
      </c>
      <c r="BF29" s="276">
        <v>0</v>
      </c>
      <c r="BG29" s="280">
        <v>0</v>
      </c>
      <c r="BH29" s="277">
        <v>0</v>
      </c>
      <c r="BI29" s="279">
        <v>0</v>
      </c>
      <c r="BJ29" s="280">
        <v>118</v>
      </c>
      <c r="BK29" s="280">
        <v>173</v>
      </c>
      <c r="BL29" s="280">
        <v>90</v>
      </c>
      <c r="BM29" s="280">
        <v>62</v>
      </c>
      <c r="BN29" s="280">
        <v>28</v>
      </c>
      <c r="BO29" s="277">
        <v>471</v>
      </c>
      <c r="BP29" s="282">
        <v>471</v>
      </c>
      <c r="BQ29" s="276">
        <v>0</v>
      </c>
      <c r="BR29" s="280">
        <v>17</v>
      </c>
      <c r="BS29" s="277">
        <v>17</v>
      </c>
      <c r="BT29" s="279">
        <v>0</v>
      </c>
      <c r="BU29" s="280">
        <v>35</v>
      </c>
      <c r="BV29" s="280">
        <v>166</v>
      </c>
      <c r="BW29" s="280">
        <v>158</v>
      </c>
      <c r="BX29" s="280">
        <v>73</v>
      </c>
      <c r="BY29" s="280">
        <v>71</v>
      </c>
      <c r="BZ29" s="277">
        <v>503</v>
      </c>
      <c r="CA29" s="282">
        <v>520</v>
      </c>
      <c r="CB29" s="276">
        <v>0</v>
      </c>
      <c r="CC29" s="280">
        <v>0</v>
      </c>
      <c r="CD29" s="277">
        <v>0</v>
      </c>
      <c r="CE29" s="279">
        <v>0</v>
      </c>
      <c r="CF29" s="280">
        <v>10</v>
      </c>
      <c r="CG29" s="280">
        <v>9</v>
      </c>
      <c r="CH29" s="280">
        <v>33</v>
      </c>
      <c r="CI29" s="280">
        <v>8</v>
      </c>
      <c r="CJ29" s="280">
        <v>0</v>
      </c>
      <c r="CK29" s="277">
        <v>60</v>
      </c>
      <c r="CL29" s="282">
        <v>60</v>
      </c>
      <c r="CM29" s="276">
        <v>0</v>
      </c>
      <c r="CN29" s="280">
        <v>0</v>
      </c>
      <c r="CO29" s="277">
        <v>0</v>
      </c>
      <c r="CP29" s="279">
        <v>0</v>
      </c>
      <c r="CQ29" s="280">
        <v>0</v>
      </c>
      <c r="CR29" s="280">
        <v>0</v>
      </c>
      <c r="CS29" s="280">
        <v>0</v>
      </c>
      <c r="CT29" s="280">
        <v>0</v>
      </c>
      <c r="CU29" s="280">
        <v>0</v>
      </c>
      <c r="CV29" s="277">
        <v>0</v>
      </c>
      <c r="CW29" s="282">
        <v>0</v>
      </c>
      <c r="CX29" s="276">
        <v>0</v>
      </c>
      <c r="CY29" s="280">
        <v>0</v>
      </c>
      <c r="CZ29" s="277">
        <v>0</v>
      </c>
      <c r="DA29" s="279">
        <v>0</v>
      </c>
      <c r="DB29" s="280">
        <v>0</v>
      </c>
      <c r="DC29" s="280">
        <v>0</v>
      </c>
      <c r="DD29" s="280">
        <v>0</v>
      </c>
      <c r="DE29" s="280">
        <v>0</v>
      </c>
      <c r="DF29" s="280">
        <v>0</v>
      </c>
      <c r="DG29" s="277">
        <v>0</v>
      </c>
      <c r="DH29" s="282">
        <v>0</v>
      </c>
    </row>
    <row r="30" spans="2:112" ht="21" customHeight="1" x14ac:dyDescent="0.2">
      <c r="B30" s="261" t="s">
        <v>28</v>
      </c>
      <c r="C30" s="276">
        <v>0</v>
      </c>
      <c r="D30" s="280">
        <v>0</v>
      </c>
      <c r="E30" s="384">
        <v>0</v>
      </c>
      <c r="F30" s="279">
        <v>0</v>
      </c>
      <c r="G30" s="280">
        <v>74</v>
      </c>
      <c r="H30" s="280">
        <v>270</v>
      </c>
      <c r="I30" s="280">
        <v>182</v>
      </c>
      <c r="J30" s="280">
        <v>204</v>
      </c>
      <c r="K30" s="280">
        <v>201</v>
      </c>
      <c r="L30" s="281">
        <v>931</v>
      </c>
      <c r="M30" s="282">
        <v>931</v>
      </c>
      <c r="N30" s="276">
        <v>0</v>
      </c>
      <c r="O30" s="280">
        <v>0</v>
      </c>
      <c r="P30" s="277">
        <v>0</v>
      </c>
      <c r="Q30" s="279">
        <v>0</v>
      </c>
      <c r="R30" s="280">
        <v>0</v>
      </c>
      <c r="S30" s="280">
        <v>4</v>
      </c>
      <c r="T30" s="280">
        <v>4</v>
      </c>
      <c r="U30" s="280">
        <v>7</v>
      </c>
      <c r="V30" s="280">
        <v>16</v>
      </c>
      <c r="W30" s="277">
        <v>31</v>
      </c>
      <c r="X30" s="282">
        <v>31</v>
      </c>
      <c r="Y30" s="276">
        <v>8</v>
      </c>
      <c r="Z30" s="280">
        <v>13</v>
      </c>
      <c r="AA30" s="277">
        <v>21</v>
      </c>
      <c r="AB30" s="279">
        <v>0</v>
      </c>
      <c r="AC30" s="280">
        <v>32</v>
      </c>
      <c r="AD30" s="280">
        <v>233</v>
      </c>
      <c r="AE30" s="280">
        <v>127</v>
      </c>
      <c r="AF30" s="280">
        <v>121</v>
      </c>
      <c r="AG30" s="280">
        <v>114</v>
      </c>
      <c r="AH30" s="277">
        <v>627</v>
      </c>
      <c r="AI30" s="282">
        <v>648</v>
      </c>
      <c r="AJ30" s="276">
        <v>0</v>
      </c>
      <c r="AK30" s="280">
        <v>0</v>
      </c>
      <c r="AL30" s="277">
        <v>0</v>
      </c>
      <c r="AM30" s="279">
        <v>0</v>
      </c>
      <c r="AN30" s="280">
        <v>29</v>
      </c>
      <c r="AO30" s="280">
        <v>0</v>
      </c>
      <c r="AP30" s="280">
        <v>0</v>
      </c>
      <c r="AQ30" s="280">
        <v>5</v>
      </c>
      <c r="AR30" s="280">
        <v>26</v>
      </c>
      <c r="AS30" s="277">
        <v>60</v>
      </c>
      <c r="AT30" s="282">
        <v>60</v>
      </c>
      <c r="AU30" s="276">
        <v>0</v>
      </c>
      <c r="AV30" s="280">
        <v>0</v>
      </c>
      <c r="AW30" s="277">
        <v>0</v>
      </c>
      <c r="AX30" s="279">
        <v>0</v>
      </c>
      <c r="AY30" s="280">
        <v>254</v>
      </c>
      <c r="AZ30" s="280">
        <v>269</v>
      </c>
      <c r="BA30" s="280">
        <v>175</v>
      </c>
      <c r="BB30" s="280">
        <v>153</v>
      </c>
      <c r="BC30" s="280">
        <v>90</v>
      </c>
      <c r="BD30" s="281">
        <v>941</v>
      </c>
      <c r="BE30" s="282">
        <v>941</v>
      </c>
      <c r="BF30" s="276">
        <v>0</v>
      </c>
      <c r="BG30" s="280">
        <v>0</v>
      </c>
      <c r="BH30" s="277">
        <v>0</v>
      </c>
      <c r="BI30" s="279">
        <v>0</v>
      </c>
      <c r="BJ30" s="280">
        <v>45</v>
      </c>
      <c r="BK30" s="280">
        <v>113</v>
      </c>
      <c r="BL30" s="280">
        <v>65</v>
      </c>
      <c r="BM30" s="280">
        <v>68</v>
      </c>
      <c r="BN30" s="280">
        <v>37</v>
      </c>
      <c r="BO30" s="277">
        <v>328</v>
      </c>
      <c r="BP30" s="282">
        <v>328</v>
      </c>
      <c r="BQ30" s="276">
        <v>0</v>
      </c>
      <c r="BR30" s="280">
        <v>0</v>
      </c>
      <c r="BS30" s="277">
        <v>0</v>
      </c>
      <c r="BT30" s="279">
        <v>0</v>
      </c>
      <c r="BU30" s="280">
        <v>17</v>
      </c>
      <c r="BV30" s="280">
        <v>35</v>
      </c>
      <c r="BW30" s="280">
        <v>44</v>
      </c>
      <c r="BX30" s="280">
        <v>63</v>
      </c>
      <c r="BY30" s="280">
        <v>48</v>
      </c>
      <c r="BZ30" s="277">
        <v>207</v>
      </c>
      <c r="CA30" s="282">
        <v>207</v>
      </c>
      <c r="CB30" s="276">
        <v>0</v>
      </c>
      <c r="CC30" s="280">
        <v>0</v>
      </c>
      <c r="CD30" s="277">
        <v>0</v>
      </c>
      <c r="CE30" s="279">
        <v>0</v>
      </c>
      <c r="CF30" s="280">
        <v>34</v>
      </c>
      <c r="CG30" s="280">
        <v>8</v>
      </c>
      <c r="CH30" s="280">
        <v>4</v>
      </c>
      <c r="CI30" s="280">
        <v>17</v>
      </c>
      <c r="CJ30" s="280">
        <v>0</v>
      </c>
      <c r="CK30" s="277">
        <v>63</v>
      </c>
      <c r="CL30" s="282">
        <v>63</v>
      </c>
      <c r="CM30" s="276">
        <v>0</v>
      </c>
      <c r="CN30" s="280">
        <v>0</v>
      </c>
      <c r="CO30" s="277">
        <v>0</v>
      </c>
      <c r="CP30" s="279">
        <v>0</v>
      </c>
      <c r="CQ30" s="280">
        <v>0</v>
      </c>
      <c r="CR30" s="280">
        <v>0</v>
      </c>
      <c r="CS30" s="280">
        <v>0</v>
      </c>
      <c r="CT30" s="280">
        <v>0</v>
      </c>
      <c r="CU30" s="280">
        <v>0</v>
      </c>
      <c r="CV30" s="277">
        <v>0</v>
      </c>
      <c r="CW30" s="282">
        <v>0</v>
      </c>
      <c r="CX30" s="276">
        <v>0</v>
      </c>
      <c r="CY30" s="280">
        <v>0</v>
      </c>
      <c r="CZ30" s="277">
        <v>0</v>
      </c>
      <c r="DA30" s="279">
        <v>0</v>
      </c>
      <c r="DB30" s="280">
        <v>0</v>
      </c>
      <c r="DC30" s="280">
        <v>0</v>
      </c>
      <c r="DD30" s="280">
        <v>0</v>
      </c>
      <c r="DE30" s="280">
        <v>0</v>
      </c>
      <c r="DF30" s="280">
        <v>0</v>
      </c>
      <c r="DG30" s="277">
        <v>0</v>
      </c>
      <c r="DH30" s="282">
        <v>0</v>
      </c>
    </row>
    <row r="31" spans="2:112" ht="21" customHeight="1" x14ac:dyDescent="0.2">
      <c r="B31" s="261" t="s">
        <v>29</v>
      </c>
      <c r="C31" s="276">
        <v>0</v>
      </c>
      <c r="D31" s="280">
        <v>0</v>
      </c>
      <c r="E31" s="384">
        <v>0</v>
      </c>
      <c r="F31" s="279">
        <v>0</v>
      </c>
      <c r="G31" s="280">
        <v>255</v>
      </c>
      <c r="H31" s="280">
        <v>309</v>
      </c>
      <c r="I31" s="280">
        <v>116</v>
      </c>
      <c r="J31" s="280">
        <v>764</v>
      </c>
      <c r="K31" s="280">
        <v>540</v>
      </c>
      <c r="L31" s="281">
        <v>1984</v>
      </c>
      <c r="M31" s="282">
        <v>1984</v>
      </c>
      <c r="N31" s="276">
        <v>0</v>
      </c>
      <c r="O31" s="280">
        <v>0</v>
      </c>
      <c r="P31" s="277">
        <v>0</v>
      </c>
      <c r="Q31" s="279">
        <v>0</v>
      </c>
      <c r="R31" s="280">
        <v>0</v>
      </c>
      <c r="S31" s="280">
        <v>0</v>
      </c>
      <c r="T31" s="280">
        <v>0</v>
      </c>
      <c r="U31" s="280">
        <v>18</v>
      </c>
      <c r="V31" s="280">
        <v>22</v>
      </c>
      <c r="W31" s="277">
        <v>40</v>
      </c>
      <c r="X31" s="282">
        <v>40</v>
      </c>
      <c r="Y31" s="276">
        <v>6</v>
      </c>
      <c r="Z31" s="280">
        <v>26</v>
      </c>
      <c r="AA31" s="277">
        <v>32</v>
      </c>
      <c r="AB31" s="279">
        <v>0</v>
      </c>
      <c r="AC31" s="280">
        <v>165</v>
      </c>
      <c r="AD31" s="280">
        <v>113</v>
      </c>
      <c r="AE31" s="280">
        <v>99</v>
      </c>
      <c r="AF31" s="280">
        <v>104</v>
      </c>
      <c r="AG31" s="280">
        <v>47</v>
      </c>
      <c r="AH31" s="277">
        <v>528</v>
      </c>
      <c r="AI31" s="282">
        <v>560</v>
      </c>
      <c r="AJ31" s="276">
        <v>0</v>
      </c>
      <c r="AK31" s="280">
        <v>9</v>
      </c>
      <c r="AL31" s="277">
        <v>9</v>
      </c>
      <c r="AM31" s="279">
        <v>0</v>
      </c>
      <c r="AN31" s="280">
        <v>52</v>
      </c>
      <c r="AO31" s="280">
        <v>42</v>
      </c>
      <c r="AP31" s="280">
        <v>24</v>
      </c>
      <c r="AQ31" s="280">
        <v>71</v>
      </c>
      <c r="AR31" s="280">
        <v>0</v>
      </c>
      <c r="AS31" s="277">
        <v>189</v>
      </c>
      <c r="AT31" s="282">
        <v>198</v>
      </c>
      <c r="AU31" s="276">
        <v>0</v>
      </c>
      <c r="AV31" s="280">
        <v>0</v>
      </c>
      <c r="AW31" s="277">
        <v>0</v>
      </c>
      <c r="AX31" s="279">
        <v>0</v>
      </c>
      <c r="AY31" s="280">
        <v>391</v>
      </c>
      <c r="AZ31" s="280">
        <v>402</v>
      </c>
      <c r="BA31" s="280">
        <v>219</v>
      </c>
      <c r="BB31" s="280">
        <v>203</v>
      </c>
      <c r="BC31" s="280">
        <v>33</v>
      </c>
      <c r="BD31" s="281">
        <v>1248</v>
      </c>
      <c r="BE31" s="282">
        <v>1248</v>
      </c>
      <c r="BF31" s="276">
        <v>0</v>
      </c>
      <c r="BG31" s="280">
        <v>0</v>
      </c>
      <c r="BH31" s="277">
        <v>0</v>
      </c>
      <c r="BI31" s="279">
        <v>0</v>
      </c>
      <c r="BJ31" s="280">
        <v>111</v>
      </c>
      <c r="BK31" s="280">
        <v>114</v>
      </c>
      <c r="BL31" s="280">
        <v>59</v>
      </c>
      <c r="BM31" s="280">
        <v>38</v>
      </c>
      <c r="BN31" s="280">
        <v>15</v>
      </c>
      <c r="BO31" s="277">
        <v>337</v>
      </c>
      <c r="BP31" s="282">
        <v>337</v>
      </c>
      <c r="BQ31" s="276">
        <v>1</v>
      </c>
      <c r="BR31" s="280">
        <v>0</v>
      </c>
      <c r="BS31" s="277">
        <v>1</v>
      </c>
      <c r="BT31" s="279">
        <v>0</v>
      </c>
      <c r="BU31" s="280">
        <v>22</v>
      </c>
      <c r="BV31" s="280">
        <v>92</v>
      </c>
      <c r="BW31" s="280">
        <v>90</v>
      </c>
      <c r="BX31" s="280">
        <v>53</v>
      </c>
      <c r="BY31" s="280">
        <v>86</v>
      </c>
      <c r="BZ31" s="277">
        <v>343</v>
      </c>
      <c r="CA31" s="282">
        <v>344</v>
      </c>
      <c r="CB31" s="276">
        <v>0</v>
      </c>
      <c r="CC31" s="280">
        <v>0</v>
      </c>
      <c r="CD31" s="277">
        <v>0</v>
      </c>
      <c r="CE31" s="279">
        <v>0</v>
      </c>
      <c r="CF31" s="280">
        <v>0</v>
      </c>
      <c r="CG31" s="280">
        <v>37</v>
      </c>
      <c r="CH31" s="280">
        <v>19</v>
      </c>
      <c r="CI31" s="280">
        <v>3</v>
      </c>
      <c r="CJ31" s="280">
        <v>10</v>
      </c>
      <c r="CK31" s="277">
        <v>69</v>
      </c>
      <c r="CL31" s="282">
        <v>69</v>
      </c>
      <c r="CM31" s="276">
        <v>0</v>
      </c>
      <c r="CN31" s="280">
        <v>0</v>
      </c>
      <c r="CO31" s="277">
        <v>0</v>
      </c>
      <c r="CP31" s="279">
        <v>0</v>
      </c>
      <c r="CQ31" s="280">
        <v>0</v>
      </c>
      <c r="CR31" s="280">
        <v>0</v>
      </c>
      <c r="CS31" s="280">
        <v>0</v>
      </c>
      <c r="CT31" s="280">
        <v>0</v>
      </c>
      <c r="CU31" s="280">
        <v>0</v>
      </c>
      <c r="CV31" s="277">
        <v>0</v>
      </c>
      <c r="CW31" s="282">
        <v>0</v>
      </c>
      <c r="CX31" s="276">
        <v>0</v>
      </c>
      <c r="CY31" s="280">
        <v>0</v>
      </c>
      <c r="CZ31" s="277">
        <v>0</v>
      </c>
      <c r="DA31" s="279">
        <v>0</v>
      </c>
      <c r="DB31" s="280">
        <v>0</v>
      </c>
      <c r="DC31" s="280">
        <v>0</v>
      </c>
      <c r="DD31" s="280">
        <v>0</v>
      </c>
      <c r="DE31" s="280">
        <v>0</v>
      </c>
      <c r="DF31" s="280">
        <v>0</v>
      </c>
      <c r="DG31" s="277">
        <v>0</v>
      </c>
      <c r="DH31" s="282">
        <v>0</v>
      </c>
    </row>
    <row r="32" spans="2:112" ht="21" customHeight="1" x14ac:dyDescent="0.2">
      <c r="B32" s="261" t="s">
        <v>30</v>
      </c>
      <c r="C32" s="276">
        <v>0</v>
      </c>
      <c r="D32" s="280">
        <v>0</v>
      </c>
      <c r="E32" s="384">
        <v>0</v>
      </c>
      <c r="F32" s="279">
        <v>0</v>
      </c>
      <c r="G32" s="280">
        <v>330</v>
      </c>
      <c r="H32" s="280">
        <v>349</v>
      </c>
      <c r="I32" s="280">
        <v>517</v>
      </c>
      <c r="J32" s="280">
        <v>540</v>
      </c>
      <c r="K32" s="280">
        <v>451</v>
      </c>
      <c r="L32" s="281">
        <v>2187</v>
      </c>
      <c r="M32" s="282">
        <v>2187</v>
      </c>
      <c r="N32" s="276">
        <v>0</v>
      </c>
      <c r="O32" s="280">
        <v>0</v>
      </c>
      <c r="P32" s="277">
        <v>0</v>
      </c>
      <c r="Q32" s="279">
        <v>0</v>
      </c>
      <c r="R32" s="280">
        <v>0</v>
      </c>
      <c r="S32" s="280">
        <v>0</v>
      </c>
      <c r="T32" s="280">
        <v>4</v>
      </c>
      <c r="U32" s="280">
        <v>34</v>
      </c>
      <c r="V32" s="280">
        <v>28</v>
      </c>
      <c r="W32" s="277">
        <v>66</v>
      </c>
      <c r="X32" s="282">
        <v>66</v>
      </c>
      <c r="Y32" s="276">
        <v>9</v>
      </c>
      <c r="Z32" s="280">
        <v>49</v>
      </c>
      <c r="AA32" s="277">
        <v>58</v>
      </c>
      <c r="AB32" s="279">
        <v>0</v>
      </c>
      <c r="AC32" s="280">
        <v>163</v>
      </c>
      <c r="AD32" s="280">
        <v>111</v>
      </c>
      <c r="AE32" s="280">
        <v>216</v>
      </c>
      <c r="AF32" s="280">
        <v>165</v>
      </c>
      <c r="AG32" s="280">
        <v>58</v>
      </c>
      <c r="AH32" s="277">
        <v>713</v>
      </c>
      <c r="AI32" s="282">
        <v>771</v>
      </c>
      <c r="AJ32" s="276">
        <v>0</v>
      </c>
      <c r="AK32" s="280">
        <v>0</v>
      </c>
      <c r="AL32" s="277">
        <v>0</v>
      </c>
      <c r="AM32" s="279">
        <v>0</v>
      </c>
      <c r="AN32" s="280">
        <v>47</v>
      </c>
      <c r="AO32" s="280">
        <v>32</v>
      </c>
      <c r="AP32" s="280">
        <v>51</v>
      </c>
      <c r="AQ32" s="280">
        <v>6</v>
      </c>
      <c r="AR32" s="280">
        <v>0</v>
      </c>
      <c r="AS32" s="277">
        <v>136</v>
      </c>
      <c r="AT32" s="282">
        <v>136</v>
      </c>
      <c r="AU32" s="276">
        <v>0</v>
      </c>
      <c r="AV32" s="280">
        <v>0</v>
      </c>
      <c r="AW32" s="277">
        <v>0</v>
      </c>
      <c r="AX32" s="279">
        <v>0</v>
      </c>
      <c r="AY32" s="280">
        <v>260</v>
      </c>
      <c r="AZ32" s="280">
        <v>215</v>
      </c>
      <c r="BA32" s="280">
        <v>208</v>
      </c>
      <c r="BB32" s="280">
        <v>217</v>
      </c>
      <c r="BC32" s="280">
        <v>12</v>
      </c>
      <c r="BD32" s="281">
        <v>912</v>
      </c>
      <c r="BE32" s="282">
        <v>912</v>
      </c>
      <c r="BF32" s="276">
        <v>0</v>
      </c>
      <c r="BG32" s="280">
        <v>0</v>
      </c>
      <c r="BH32" s="277">
        <v>0</v>
      </c>
      <c r="BI32" s="279">
        <v>0</v>
      </c>
      <c r="BJ32" s="280">
        <v>29</v>
      </c>
      <c r="BK32" s="280">
        <v>59</v>
      </c>
      <c r="BL32" s="280">
        <v>31</v>
      </c>
      <c r="BM32" s="280">
        <v>41</v>
      </c>
      <c r="BN32" s="280">
        <v>0</v>
      </c>
      <c r="BO32" s="277">
        <v>160</v>
      </c>
      <c r="BP32" s="282">
        <v>160</v>
      </c>
      <c r="BQ32" s="276">
        <v>0</v>
      </c>
      <c r="BR32" s="280">
        <v>0</v>
      </c>
      <c r="BS32" s="277">
        <v>0</v>
      </c>
      <c r="BT32" s="279">
        <v>0</v>
      </c>
      <c r="BU32" s="280">
        <v>57</v>
      </c>
      <c r="BV32" s="280">
        <v>35</v>
      </c>
      <c r="BW32" s="280">
        <v>76</v>
      </c>
      <c r="BX32" s="280">
        <v>40</v>
      </c>
      <c r="BY32" s="280">
        <v>2</v>
      </c>
      <c r="BZ32" s="277">
        <v>210</v>
      </c>
      <c r="CA32" s="282">
        <v>210</v>
      </c>
      <c r="CB32" s="276">
        <v>0</v>
      </c>
      <c r="CC32" s="280">
        <v>0</v>
      </c>
      <c r="CD32" s="277">
        <v>0</v>
      </c>
      <c r="CE32" s="279">
        <v>0</v>
      </c>
      <c r="CF32" s="280">
        <v>0</v>
      </c>
      <c r="CG32" s="280">
        <v>10</v>
      </c>
      <c r="CH32" s="280">
        <v>0</v>
      </c>
      <c r="CI32" s="280">
        <v>3</v>
      </c>
      <c r="CJ32" s="280">
        <v>4</v>
      </c>
      <c r="CK32" s="277">
        <v>17</v>
      </c>
      <c r="CL32" s="282">
        <v>17</v>
      </c>
      <c r="CM32" s="276">
        <v>0</v>
      </c>
      <c r="CN32" s="280">
        <v>0</v>
      </c>
      <c r="CO32" s="277">
        <v>0</v>
      </c>
      <c r="CP32" s="279">
        <v>0</v>
      </c>
      <c r="CQ32" s="280">
        <v>0</v>
      </c>
      <c r="CR32" s="280">
        <v>0</v>
      </c>
      <c r="CS32" s="280">
        <v>0</v>
      </c>
      <c r="CT32" s="280">
        <v>0</v>
      </c>
      <c r="CU32" s="280">
        <v>0</v>
      </c>
      <c r="CV32" s="277">
        <v>0</v>
      </c>
      <c r="CW32" s="282">
        <v>0</v>
      </c>
      <c r="CX32" s="276">
        <v>0</v>
      </c>
      <c r="CY32" s="280">
        <v>0</v>
      </c>
      <c r="CZ32" s="277">
        <v>0</v>
      </c>
      <c r="DA32" s="279">
        <v>0</v>
      </c>
      <c r="DB32" s="280">
        <v>0</v>
      </c>
      <c r="DC32" s="280">
        <v>0</v>
      </c>
      <c r="DD32" s="280">
        <v>0</v>
      </c>
      <c r="DE32" s="280">
        <v>0</v>
      </c>
      <c r="DF32" s="280">
        <v>0</v>
      </c>
      <c r="DG32" s="277">
        <v>0</v>
      </c>
      <c r="DH32" s="282">
        <v>0</v>
      </c>
    </row>
    <row r="33" spans="2:112" ht="21" customHeight="1" x14ac:dyDescent="0.2">
      <c r="B33" s="261" t="s">
        <v>31</v>
      </c>
      <c r="C33" s="276">
        <v>0</v>
      </c>
      <c r="D33" s="280">
        <v>0</v>
      </c>
      <c r="E33" s="384">
        <v>0</v>
      </c>
      <c r="F33" s="279">
        <v>0</v>
      </c>
      <c r="G33" s="280">
        <v>111</v>
      </c>
      <c r="H33" s="280">
        <v>217</v>
      </c>
      <c r="I33" s="280">
        <v>40</v>
      </c>
      <c r="J33" s="280">
        <v>181</v>
      </c>
      <c r="K33" s="280">
        <v>299</v>
      </c>
      <c r="L33" s="281">
        <v>848</v>
      </c>
      <c r="M33" s="282">
        <v>848</v>
      </c>
      <c r="N33" s="276">
        <v>0</v>
      </c>
      <c r="O33" s="280">
        <v>0</v>
      </c>
      <c r="P33" s="277">
        <v>0</v>
      </c>
      <c r="Q33" s="279">
        <v>0</v>
      </c>
      <c r="R33" s="280">
        <v>7</v>
      </c>
      <c r="S33" s="280">
        <v>9</v>
      </c>
      <c r="T33" s="280">
        <v>37</v>
      </c>
      <c r="U33" s="280">
        <v>29</v>
      </c>
      <c r="V33" s="280">
        <v>33</v>
      </c>
      <c r="W33" s="277">
        <v>115</v>
      </c>
      <c r="X33" s="282">
        <v>115</v>
      </c>
      <c r="Y33" s="276">
        <v>10</v>
      </c>
      <c r="Z33" s="280">
        <v>8</v>
      </c>
      <c r="AA33" s="277">
        <v>18</v>
      </c>
      <c r="AB33" s="279">
        <v>0</v>
      </c>
      <c r="AC33" s="280">
        <v>124</v>
      </c>
      <c r="AD33" s="280">
        <v>144</v>
      </c>
      <c r="AE33" s="280">
        <v>64</v>
      </c>
      <c r="AF33" s="280">
        <v>155</v>
      </c>
      <c r="AG33" s="280">
        <v>95</v>
      </c>
      <c r="AH33" s="277">
        <v>582</v>
      </c>
      <c r="AI33" s="282">
        <v>600</v>
      </c>
      <c r="AJ33" s="276">
        <v>0</v>
      </c>
      <c r="AK33" s="280">
        <v>6</v>
      </c>
      <c r="AL33" s="277">
        <v>6</v>
      </c>
      <c r="AM33" s="279">
        <v>0</v>
      </c>
      <c r="AN33" s="280">
        <v>23</v>
      </c>
      <c r="AO33" s="280">
        <v>56</v>
      </c>
      <c r="AP33" s="280">
        <v>126</v>
      </c>
      <c r="AQ33" s="280">
        <v>60</v>
      </c>
      <c r="AR33" s="280">
        <v>50</v>
      </c>
      <c r="AS33" s="277">
        <v>315</v>
      </c>
      <c r="AT33" s="282">
        <v>321</v>
      </c>
      <c r="AU33" s="276">
        <v>0</v>
      </c>
      <c r="AV33" s="280">
        <v>0</v>
      </c>
      <c r="AW33" s="277">
        <v>0</v>
      </c>
      <c r="AX33" s="279">
        <v>0</v>
      </c>
      <c r="AY33" s="280">
        <v>328</v>
      </c>
      <c r="AZ33" s="280">
        <v>401</v>
      </c>
      <c r="BA33" s="280">
        <v>206</v>
      </c>
      <c r="BB33" s="280">
        <v>134</v>
      </c>
      <c r="BC33" s="280">
        <v>29</v>
      </c>
      <c r="BD33" s="281">
        <v>1098</v>
      </c>
      <c r="BE33" s="282">
        <v>1098</v>
      </c>
      <c r="BF33" s="276">
        <v>0</v>
      </c>
      <c r="BG33" s="280">
        <v>0</v>
      </c>
      <c r="BH33" s="277">
        <v>0</v>
      </c>
      <c r="BI33" s="279">
        <v>0</v>
      </c>
      <c r="BJ33" s="280">
        <v>41</v>
      </c>
      <c r="BK33" s="280">
        <v>78</v>
      </c>
      <c r="BL33" s="280">
        <v>36</v>
      </c>
      <c r="BM33" s="280">
        <v>30</v>
      </c>
      <c r="BN33" s="280">
        <v>16</v>
      </c>
      <c r="BO33" s="277">
        <v>201</v>
      </c>
      <c r="BP33" s="282">
        <v>201</v>
      </c>
      <c r="BQ33" s="276">
        <v>0</v>
      </c>
      <c r="BR33" s="280">
        <v>11</v>
      </c>
      <c r="BS33" s="277">
        <v>11</v>
      </c>
      <c r="BT33" s="279">
        <v>0</v>
      </c>
      <c r="BU33" s="280">
        <v>18</v>
      </c>
      <c r="BV33" s="280">
        <v>86</v>
      </c>
      <c r="BW33" s="280">
        <v>151</v>
      </c>
      <c r="BX33" s="280">
        <v>90</v>
      </c>
      <c r="BY33" s="280">
        <v>24</v>
      </c>
      <c r="BZ33" s="277">
        <v>369</v>
      </c>
      <c r="CA33" s="282">
        <v>380</v>
      </c>
      <c r="CB33" s="276">
        <v>0</v>
      </c>
      <c r="CC33" s="280">
        <v>0</v>
      </c>
      <c r="CD33" s="277">
        <v>0</v>
      </c>
      <c r="CE33" s="279">
        <v>0</v>
      </c>
      <c r="CF33" s="280">
        <v>0</v>
      </c>
      <c r="CG33" s="280">
        <v>11</v>
      </c>
      <c r="CH33" s="280">
        <v>0</v>
      </c>
      <c r="CI33" s="280">
        <v>0</v>
      </c>
      <c r="CJ33" s="280">
        <v>5</v>
      </c>
      <c r="CK33" s="277">
        <v>16</v>
      </c>
      <c r="CL33" s="282">
        <v>16</v>
      </c>
      <c r="CM33" s="276">
        <v>0</v>
      </c>
      <c r="CN33" s="280">
        <v>0</v>
      </c>
      <c r="CO33" s="277">
        <v>0</v>
      </c>
      <c r="CP33" s="279">
        <v>0</v>
      </c>
      <c r="CQ33" s="280">
        <v>0</v>
      </c>
      <c r="CR33" s="280">
        <v>0</v>
      </c>
      <c r="CS33" s="280">
        <v>0</v>
      </c>
      <c r="CT33" s="280">
        <v>0</v>
      </c>
      <c r="CU33" s="280">
        <v>0</v>
      </c>
      <c r="CV33" s="277">
        <v>0</v>
      </c>
      <c r="CW33" s="282">
        <v>0</v>
      </c>
      <c r="CX33" s="276">
        <v>0</v>
      </c>
      <c r="CY33" s="280">
        <v>0</v>
      </c>
      <c r="CZ33" s="277">
        <v>0</v>
      </c>
      <c r="DA33" s="279">
        <v>0</v>
      </c>
      <c r="DB33" s="280">
        <v>0</v>
      </c>
      <c r="DC33" s="280">
        <v>0</v>
      </c>
      <c r="DD33" s="280">
        <v>0</v>
      </c>
      <c r="DE33" s="280">
        <v>0</v>
      </c>
      <c r="DF33" s="280">
        <v>0</v>
      </c>
      <c r="DG33" s="277">
        <v>0</v>
      </c>
      <c r="DH33" s="282">
        <v>0</v>
      </c>
    </row>
    <row r="34" spans="2:112" ht="21" customHeight="1" x14ac:dyDescent="0.2">
      <c r="B34" s="261" t="s">
        <v>32</v>
      </c>
      <c r="C34" s="276">
        <v>0</v>
      </c>
      <c r="D34" s="280">
        <v>0</v>
      </c>
      <c r="E34" s="384">
        <v>0</v>
      </c>
      <c r="F34" s="279">
        <v>0</v>
      </c>
      <c r="G34" s="280">
        <v>471</v>
      </c>
      <c r="H34" s="280">
        <v>363</v>
      </c>
      <c r="I34" s="280">
        <v>607</v>
      </c>
      <c r="J34" s="280">
        <v>568</v>
      </c>
      <c r="K34" s="280">
        <v>627</v>
      </c>
      <c r="L34" s="281">
        <v>2636</v>
      </c>
      <c r="M34" s="282">
        <v>2636</v>
      </c>
      <c r="N34" s="276">
        <v>0</v>
      </c>
      <c r="O34" s="280">
        <v>0</v>
      </c>
      <c r="P34" s="277">
        <v>0</v>
      </c>
      <c r="Q34" s="279">
        <v>0</v>
      </c>
      <c r="R34" s="280">
        <v>0</v>
      </c>
      <c r="S34" s="280">
        <v>0</v>
      </c>
      <c r="T34" s="280">
        <v>8</v>
      </c>
      <c r="U34" s="280">
        <v>9</v>
      </c>
      <c r="V34" s="280">
        <v>39</v>
      </c>
      <c r="W34" s="277">
        <v>56</v>
      </c>
      <c r="X34" s="282">
        <v>56</v>
      </c>
      <c r="Y34" s="276">
        <v>35</v>
      </c>
      <c r="Z34" s="280">
        <v>37</v>
      </c>
      <c r="AA34" s="277">
        <v>72</v>
      </c>
      <c r="AB34" s="279">
        <v>0</v>
      </c>
      <c r="AC34" s="280">
        <v>203</v>
      </c>
      <c r="AD34" s="280">
        <v>161</v>
      </c>
      <c r="AE34" s="280">
        <v>95</v>
      </c>
      <c r="AF34" s="280">
        <v>124</v>
      </c>
      <c r="AG34" s="280">
        <v>55</v>
      </c>
      <c r="AH34" s="277">
        <v>638</v>
      </c>
      <c r="AI34" s="282">
        <v>710</v>
      </c>
      <c r="AJ34" s="276">
        <v>8</v>
      </c>
      <c r="AK34" s="280">
        <v>0</v>
      </c>
      <c r="AL34" s="277">
        <v>8</v>
      </c>
      <c r="AM34" s="279">
        <v>0</v>
      </c>
      <c r="AN34" s="280">
        <v>63</v>
      </c>
      <c r="AO34" s="280">
        <v>9</v>
      </c>
      <c r="AP34" s="280">
        <v>3</v>
      </c>
      <c r="AQ34" s="280">
        <v>29</v>
      </c>
      <c r="AR34" s="280">
        <v>14</v>
      </c>
      <c r="AS34" s="277">
        <v>118</v>
      </c>
      <c r="AT34" s="282">
        <v>126</v>
      </c>
      <c r="AU34" s="276">
        <v>0</v>
      </c>
      <c r="AV34" s="280">
        <v>0</v>
      </c>
      <c r="AW34" s="277">
        <v>0</v>
      </c>
      <c r="AX34" s="279">
        <v>0</v>
      </c>
      <c r="AY34" s="280">
        <v>461</v>
      </c>
      <c r="AZ34" s="280">
        <v>481</v>
      </c>
      <c r="BA34" s="280">
        <v>244</v>
      </c>
      <c r="BB34" s="280">
        <v>189</v>
      </c>
      <c r="BC34" s="280">
        <v>73</v>
      </c>
      <c r="BD34" s="281">
        <v>1448</v>
      </c>
      <c r="BE34" s="282">
        <v>1448</v>
      </c>
      <c r="BF34" s="276">
        <v>0</v>
      </c>
      <c r="BG34" s="280">
        <v>0</v>
      </c>
      <c r="BH34" s="277">
        <v>0</v>
      </c>
      <c r="BI34" s="279">
        <v>0</v>
      </c>
      <c r="BJ34" s="280">
        <v>61</v>
      </c>
      <c r="BK34" s="280">
        <v>64</v>
      </c>
      <c r="BL34" s="280">
        <v>46</v>
      </c>
      <c r="BM34" s="280">
        <v>41</v>
      </c>
      <c r="BN34" s="280">
        <v>23</v>
      </c>
      <c r="BO34" s="277">
        <v>235</v>
      </c>
      <c r="BP34" s="282">
        <v>235</v>
      </c>
      <c r="BQ34" s="276">
        <v>0</v>
      </c>
      <c r="BR34" s="280">
        <v>0</v>
      </c>
      <c r="BS34" s="277">
        <v>0</v>
      </c>
      <c r="BT34" s="279">
        <v>0</v>
      </c>
      <c r="BU34" s="280">
        <v>11</v>
      </c>
      <c r="BV34" s="280">
        <v>124</v>
      </c>
      <c r="BW34" s="280">
        <v>52</v>
      </c>
      <c r="BX34" s="280">
        <v>44</v>
      </c>
      <c r="BY34" s="280">
        <v>63</v>
      </c>
      <c r="BZ34" s="277">
        <v>294</v>
      </c>
      <c r="CA34" s="282">
        <v>294</v>
      </c>
      <c r="CB34" s="276">
        <v>0</v>
      </c>
      <c r="CC34" s="280">
        <v>0</v>
      </c>
      <c r="CD34" s="277">
        <v>0</v>
      </c>
      <c r="CE34" s="279">
        <v>0</v>
      </c>
      <c r="CF34" s="280">
        <v>2</v>
      </c>
      <c r="CG34" s="280">
        <v>2</v>
      </c>
      <c r="CH34" s="280">
        <v>10</v>
      </c>
      <c r="CI34" s="280">
        <v>15</v>
      </c>
      <c r="CJ34" s="280">
        <v>0</v>
      </c>
      <c r="CK34" s="277">
        <v>29</v>
      </c>
      <c r="CL34" s="282">
        <v>29</v>
      </c>
      <c r="CM34" s="276">
        <v>0</v>
      </c>
      <c r="CN34" s="280">
        <v>0</v>
      </c>
      <c r="CO34" s="277">
        <v>0</v>
      </c>
      <c r="CP34" s="279">
        <v>0</v>
      </c>
      <c r="CQ34" s="280">
        <v>0</v>
      </c>
      <c r="CR34" s="280">
        <v>0</v>
      </c>
      <c r="CS34" s="280">
        <v>0</v>
      </c>
      <c r="CT34" s="280">
        <v>0</v>
      </c>
      <c r="CU34" s="280">
        <v>0</v>
      </c>
      <c r="CV34" s="277">
        <v>0</v>
      </c>
      <c r="CW34" s="282">
        <v>0</v>
      </c>
      <c r="CX34" s="276">
        <v>0</v>
      </c>
      <c r="CY34" s="280">
        <v>0</v>
      </c>
      <c r="CZ34" s="277">
        <v>0</v>
      </c>
      <c r="DA34" s="279">
        <v>0</v>
      </c>
      <c r="DB34" s="280">
        <v>0</v>
      </c>
      <c r="DC34" s="280">
        <v>0</v>
      </c>
      <c r="DD34" s="280">
        <v>0</v>
      </c>
      <c r="DE34" s="280">
        <v>0</v>
      </c>
      <c r="DF34" s="280">
        <v>0</v>
      </c>
      <c r="DG34" s="277">
        <v>0</v>
      </c>
      <c r="DH34" s="282">
        <v>0</v>
      </c>
    </row>
    <row r="35" spans="2:112" ht="21" customHeight="1" x14ac:dyDescent="0.2">
      <c r="B35" s="261" t="s">
        <v>33</v>
      </c>
      <c r="C35" s="276">
        <v>0</v>
      </c>
      <c r="D35" s="280">
        <v>0</v>
      </c>
      <c r="E35" s="384">
        <v>0</v>
      </c>
      <c r="F35" s="279">
        <v>0</v>
      </c>
      <c r="G35" s="280">
        <v>214</v>
      </c>
      <c r="H35" s="280">
        <v>232</v>
      </c>
      <c r="I35" s="280">
        <v>349</v>
      </c>
      <c r="J35" s="280">
        <v>393</v>
      </c>
      <c r="K35" s="280">
        <v>578</v>
      </c>
      <c r="L35" s="281">
        <v>1766</v>
      </c>
      <c r="M35" s="282">
        <v>1766</v>
      </c>
      <c r="N35" s="276">
        <v>0</v>
      </c>
      <c r="O35" s="280">
        <v>0</v>
      </c>
      <c r="P35" s="277">
        <v>0</v>
      </c>
      <c r="Q35" s="279">
        <v>0</v>
      </c>
      <c r="R35" s="280">
        <v>0</v>
      </c>
      <c r="S35" s="280">
        <v>0</v>
      </c>
      <c r="T35" s="280">
        <v>6</v>
      </c>
      <c r="U35" s="280">
        <v>18</v>
      </c>
      <c r="V35" s="280">
        <v>22</v>
      </c>
      <c r="W35" s="277">
        <v>46</v>
      </c>
      <c r="X35" s="282">
        <v>46</v>
      </c>
      <c r="Y35" s="276">
        <v>8</v>
      </c>
      <c r="Z35" s="280">
        <v>9</v>
      </c>
      <c r="AA35" s="277">
        <v>17</v>
      </c>
      <c r="AB35" s="279">
        <v>0</v>
      </c>
      <c r="AC35" s="280">
        <v>87</v>
      </c>
      <c r="AD35" s="280">
        <v>80</v>
      </c>
      <c r="AE35" s="280">
        <v>59</v>
      </c>
      <c r="AF35" s="280">
        <v>33</v>
      </c>
      <c r="AG35" s="280">
        <v>38</v>
      </c>
      <c r="AH35" s="277">
        <v>297</v>
      </c>
      <c r="AI35" s="282">
        <v>314</v>
      </c>
      <c r="AJ35" s="276">
        <v>117</v>
      </c>
      <c r="AK35" s="280">
        <v>256</v>
      </c>
      <c r="AL35" s="277">
        <v>373</v>
      </c>
      <c r="AM35" s="279">
        <v>0</v>
      </c>
      <c r="AN35" s="280">
        <v>474</v>
      </c>
      <c r="AO35" s="280">
        <v>224</v>
      </c>
      <c r="AP35" s="280">
        <v>52</v>
      </c>
      <c r="AQ35" s="280">
        <v>160</v>
      </c>
      <c r="AR35" s="280">
        <v>56</v>
      </c>
      <c r="AS35" s="277">
        <v>966</v>
      </c>
      <c r="AT35" s="282">
        <v>1339</v>
      </c>
      <c r="AU35" s="276">
        <v>0</v>
      </c>
      <c r="AV35" s="280">
        <v>0</v>
      </c>
      <c r="AW35" s="277">
        <v>0</v>
      </c>
      <c r="AX35" s="279">
        <v>0</v>
      </c>
      <c r="AY35" s="280">
        <v>107</v>
      </c>
      <c r="AZ35" s="280">
        <v>76</v>
      </c>
      <c r="BA35" s="280">
        <v>44</v>
      </c>
      <c r="BB35" s="280">
        <v>25</v>
      </c>
      <c r="BC35" s="280">
        <v>29</v>
      </c>
      <c r="BD35" s="281">
        <v>281</v>
      </c>
      <c r="BE35" s="282">
        <v>281</v>
      </c>
      <c r="BF35" s="276">
        <v>0</v>
      </c>
      <c r="BG35" s="280">
        <v>0</v>
      </c>
      <c r="BH35" s="277">
        <v>0</v>
      </c>
      <c r="BI35" s="279">
        <v>0</v>
      </c>
      <c r="BJ35" s="280">
        <v>118</v>
      </c>
      <c r="BK35" s="280">
        <v>72</v>
      </c>
      <c r="BL35" s="280">
        <v>54</v>
      </c>
      <c r="BM35" s="280">
        <v>11</v>
      </c>
      <c r="BN35" s="280">
        <v>12</v>
      </c>
      <c r="BO35" s="277">
        <v>267</v>
      </c>
      <c r="BP35" s="282">
        <v>267</v>
      </c>
      <c r="BQ35" s="276">
        <v>0</v>
      </c>
      <c r="BR35" s="280">
        <v>0</v>
      </c>
      <c r="BS35" s="277">
        <v>0</v>
      </c>
      <c r="BT35" s="279">
        <v>0</v>
      </c>
      <c r="BU35" s="280">
        <v>81</v>
      </c>
      <c r="BV35" s="280">
        <v>64</v>
      </c>
      <c r="BW35" s="280">
        <v>29</v>
      </c>
      <c r="BX35" s="280">
        <v>112</v>
      </c>
      <c r="BY35" s="280">
        <v>6</v>
      </c>
      <c r="BZ35" s="277">
        <v>292</v>
      </c>
      <c r="CA35" s="282">
        <v>292</v>
      </c>
      <c r="CB35" s="276">
        <v>0</v>
      </c>
      <c r="CC35" s="280">
        <v>0</v>
      </c>
      <c r="CD35" s="277">
        <v>0</v>
      </c>
      <c r="CE35" s="279">
        <v>0</v>
      </c>
      <c r="CF35" s="280">
        <v>11</v>
      </c>
      <c r="CG35" s="280">
        <v>0</v>
      </c>
      <c r="CH35" s="280">
        <v>13</v>
      </c>
      <c r="CI35" s="280">
        <v>8</v>
      </c>
      <c r="CJ35" s="280">
        <v>6</v>
      </c>
      <c r="CK35" s="277">
        <v>38</v>
      </c>
      <c r="CL35" s="282">
        <v>38</v>
      </c>
      <c r="CM35" s="276">
        <v>0</v>
      </c>
      <c r="CN35" s="280">
        <v>0</v>
      </c>
      <c r="CO35" s="277">
        <v>0</v>
      </c>
      <c r="CP35" s="279">
        <v>0</v>
      </c>
      <c r="CQ35" s="280">
        <v>0</v>
      </c>
      <c r="CR35" s="280">
        <v>0</v>
      </c>
      <c r="CS35" s="280">
        <v>0</v>
      </c>
      <c r="CT35" s="280">
        <v>0</v>
      </c>
      <c r="CU35" s="280">
        <v>0</v>
      </c>
      <c r="CV35" s="277">
        <v>0</v>
      </c>
      <c r="CW35" s="282">
        <v>0</v>
      </c>
      <c r="CX35" s="276">
        <v>0</v>
      </c>
      <c r="CY35" s="280">
        <v>0</v>
      </c>
      <c r="CZ35" s="277">
        <v>0</v>
      </c>
      <c r="DA35" s="279">
        <v>0</v>
      </c>
      <c r="DB35" s="280">
        <v>0</v>
      </c>
      <c r="DC35" s="280">
        <v>0</v>
      </c>
      <c r="DD35" s="280">
        <v>6</v>
      </c>
      <c r="DE35" s="280">
        <v>0</v>
      </c>
      <c r="DF35" s="280">
        <v>0</v>
      </c>
      <c r="DG35" s="277">
        <v>6</v>
      </c>
      <c r="DH35" s="282">
        <v>6</v>
      </c>
    </row>
    <row r="36" spans="2:112" ht="21" customHeight="1" x14ac:dyDescent="0.2">
      <c r="B36" s="261" t="s">
        <v>34</v>
      </c>
      <c r="C36" s="276">
        <v>0</v>
      </c>
      <c r="D36" s="280">
        <v>0</v>
      </c>
      <c r="E36" s="384">
        <v>0</v>
      </c>
      <c r="F36" s="279">
        <v>0</v>
      </c>
      <c r="G36" s="280">
        <v>129</v>
      </c>
      <c r="H36" s="280">
        <v>217</v>
      </c>
      <c r="I36" s="280">
        <v>255</v>
      </c>
      <c r="J36" s="280">
        <v>315</v>
      </c>
      <c r="K36" s="280">
        <v>196</v>
      </c>
      <c r="L36" s="281">
        <v>1112</v>
      </c>
      <c r="M36" s="282">
        <v>1112</v>
      </c>
      <c r="N36" s="276">
        <v>0</v>
      </c>
      <c r="O36" s="280">
        <v>0</v>
      </c>
      <c r="P36" s="277">
        <v>0</v>
      </c>
      <c r="Q36" s="279">
        <v>0</v>
      </c>
      <c r="R36" s="280">
        <v>0</v>
      </c>
      <c r="S36" s="280">
        <v>3</v>
      </c>
      <c r="T36" s="280">
        <v>0</v>
      </c>
      <c r="U36" s="280">
        <v>12</v>
      </c>
      <c r="V36" s="280">
        <v>34</v>
      </c>
      <c r="W36" s="277">
        <v>49</v>
      </c>
      <c r="X36" s="282">
        <v>49</v>
      </c>
      <c r="Y36" s="276">
        <v>2</v>
      </c>
      <c r="Z36" s="280">
        <v>55</v>
      </c>
      <c r="AA36" s="277">
        <v>57</v>
      </c>
      <c r="AB36" s="279">
        <v>0</v>
      </c>
      <c r="AC36" s="280">
        <v>108</v>
      </c>
      <c r="AD36" s="280">
        <v>57</v>
      </c>
      <c r="AE36" s="280">
        <v>52</v>
      </c>
      <c r="AF36" s="280">
        <v>93</v>
      </c>
      <c r="AG36" s="280">
        <v>50</v>
      </c>
      <c r="AH36" s="277">
        <v>360</v>
      </c>
      <c r="AI36" s="282">
        <v>417</v>
      </c>
      <c r="AJ36" s="276">
        <v>0</v>
      </c>
      <c r="AK36" s="280">
        <v>0</v>
      </c>
      <c r="AL36" s="277">
        <v>0</v>
      </c>
      <c r="AM36" s="279">
        <v>0</v>
      </c>
      <c r="AN36" s="280">
        <v>58</v>
      </c>
      <c r="AO36" s="280">
        <v>43</v>
      </c>
      <c r="AP36" s="280">
        <v>39</v>
      </c>
      <c r="AQ36" s="280">
        <v>12</v>
      </c>
      <c r="AR36" s="280">
        <v>22</v>
      </c>
      <c r="AS36" s="277">
        <v>174</v>
      </c>
      <c r="AT36" s="282">
        <v>174</v>
      </c>
      <c r="AU36" s="276">
        <v>0</v>
      </c>
      <c r="AV36" s="280">
        <v>0</v>
      </c>
      <c r="AW36" s="277">
        <v>0</v>
      </c>
      <c r="AX36" s="279">
        <v>0</v>
      </c>
      <c r="AY36" s="280">
        <v>275</v>
      </c>
      <c r="AZ36" s="280">
        <v>220</v>
      </c>
      <c r="BA36" s="280">
        <v>233</v>
      </c>
      <c r="BB36" s="280">
        <v>121</v>
      </c>
      <c r="BC36" s="280">
        <v>10</v>
      </c>
      <c r="BD36" s="281">
        <v>859</v>
      </c>
      <c r="BE36" s="282">
        <v>859</v>
      </c>
      <c r="BF36" s="276">
        <v>0</v>
      </c>
      <c r="BG36" s="280">
        <v>0</v>
      </c>
      <c r="BH36" s="277">
        <v>0</v>
      </c>
      <c r="BI36" s="279">
        <v>0</v>
      </c>
      <c r="BJ36" s="280">
        <v>73</v>
      </c>
      <c r="BK36" s="280">
        <v>12</v>
      </c>
      <c r="BL36" s="280">
        <v>25</v>
      </c>
      <c r="BM36" s="280">
        <v>42</v>
      </c>
      <c r="BN36" s="280">
        <v>0</v>
      </c>
      <c r="BO36" s="277">
        <v>152</v>
      </c>
      <c r="BP36" s="282">
        <v>152</v>
      </c>
      <c r="BQ36" s="276">
        <v>0</v>
      </c>
      <c r="BR36" s="280">
        <v>0</v>
      </c>
      <c r="BS36" s="277">
        <v>0</v>
      </c>
      <c r="BT36" s="279">
        <v>0</v>
      </c>
      <c r="BU36" s="280">
        <v>12</v>
      </c>
      <c r="BV36" s="280">
        <v>2</v>
      </c>
      <c r="BW36" s="280">
        <v>5</v>
      </c>
      <c r="BX36" s="280">
        <v>13</v>
      </c>
      <c r="BY36" s="280">
        <v>45</v>
      </c>
      <c r="BZ36" s="277">
        <v>77</v>
      </c>
      <c r="CA36" s="282">
        <v>77</v>
      </c>
      <c r="CB36" s="276">
        <v>0</v>
      </c>
      <c r="CC36" s="280">
        <v>0</v>
      </c>
      <c r="CD36" s="277">
        <v>0</v>
      </c>
      <c r="CE36" s="279">
        <v>0</v>
      </c>
      <c r="CF36" s="280">
        <v>3</v>
      </c>
      <c r="CG36" s="280">
        <v>5</v>
      </c>
      <c r="CH36" s="280">
        <v>0</v>
      </c>
      <c r="CI36" s="280">
        <v>9</v>
      </c>
      <c r="CJ36" s="280">
        <v>0</v>
      </c>
      <c r="CK36" s="277">
        <v>17</v>
      </c>
      <c r="CL36" s="282">
        <v>17</v>
      </c>
      <c r="CM36" s="276">
        <v>0</v>
      </c>
      <c r="CN36" s="280">
        <v>0</v>
      </c>
      <c r="CO36" s="277">
        <v>0</v>
      </c>
      <c r="CP36" s="279">
        <v>0</v>
      </c>
      <c r="CQ36" s="280">
        <v>0</v>
      </c>
      <c r="CR36" s="280">
        <v>0</v>
      </c>
      <c r="CS36" s="280">
        <v>0</v>
      </c>
      <c r="CT36" s="280">
        <v>0</v>
      </c>
      <c r="CU36" s="280">
        <v>0</v>
      </c>
      <c r="CV36" s="277">
        <v>0</v>
      </c>
      <c r="CW36" s="282">
        <v>0</v>
      </c>
      <c r="CX36" s="276">
        <v>0</v>
      </c>
      <c r="CY36" s="280">
        <v>0</v>
      </c>
      <c r="CZ36" s="277">
        <v>0</v>
      </c>
      <c r="DA36" s="279">
        <v>0</v>
      </c>
      <c r="DB36" s="280">
        <v>0</v>
      </c>
      <c r="DC36" s="280">
        <v>0</v>
      </c>
      <c r="DD36" s="280">
        <v>0</v>
      </c>
      <c r="DE36" s="280">
        <v>0</v>
      </c>
      <c r="DF36" s="280">
        <v>0</v>
      </c>
      <c r="DG36" s="277">
        <v>0</v>
      </c>
      <c r="DH36" s="282">
        <v>0</v>
      </c>
    </row>
    <row r="37" spans="2:112" ht="21" customHeight="1" x14ac:dyDescent="0.2">
      <c r="B37" s="261" t="s">
        <v>35</v>
      </c>
      <c r="C37" s="276">
        <v>0</v>
      </c>
      <c r="D37" s="280">
        <v>0</v>
      </c>
      <c r="E37" s="384">
        <v>0</v>
      </c>
      <c r="F37" s="279">
        <v>0</v>
      </c>
      <c r="G37" s="280">
        <v>1273</v>
      </c>
      <c r="H37" s="280">
        <v>1024</v>
      </c>
      <c r="I37" s="280">
        <v>1399</v>
      </c>
      <c r="J37" s="280">
        <v>1042</v>
      </c>
      <c r="K37" s="280">
        <v>1464</v>
      </c>
      <c r="L37" s="281">
        <v>6202</v>
      </c>
      <c r="M37" s="282">
        <v>6202</v>
      </c>
      <c r="N37" s="276">
        <v>0</v>
      </c>
      <c r="O37" s="280">
        <v>0</v>
      </c>
      <c r="P37" s="277">
        <v>0</v>
      </c>
      <c r="Q37" s="279">
        <v>0</v>
      </c>
      <c r="R37" s="280">
        <v>0</v>
      </c>
      <c r="S37" s="280">
        <v>31</v>
      </c>
      <c r="T37" s="280">
        <v>14</v>
      </c>
      <c r="U37" s="280">
        <v>50</v>
      </c>
      <c r="V37" s="280">
        <v>86</v>
      </c>
      <c r="W37" s="277">
        <v>181</v>
      </c>
      <c r="X37" s="282">
        <v>181</v>
      </c>
      <c r="Y37" s="276">
        <v>0</v>
      </c>
      <c r="Z37" s="280">
        <v>65</v>
      </c>
      <c r="AA37" s="277">
        <v>65</v>
      </c>
      <c r="AB37" s="279">
        <v>0</v>
      </c>
      <c r="AC37" s="280">
        <v>443</v>
      </c>
      <c r="AD37" s="280">
        <v>218</v>
      </c>
      <c r="AE37" s="280">
        <v>195</v>
      </c>
      <c r="AF37" s="280">
        <v>276</v>
      </c>
      <c r="AG37" s="280">
        <v>164</v>
      </c>
      <c r="AH37" s="277">
        <v>1296</v>
      </c>
      <c r="AI37" s="282">
        <v>1361</v>
      </c>
      <c r="AJ37" s="276">
        <v>22</v>
      </c>
      <c r="AK37" s="280">
        <v>34</v>
      </c>
      <c r="AL37" s="277">
        <v>56</v>
      </c>
      <c r="AM37" s="279">
        <v>0</v>
      </c>
      <c r="AN37" s="280">
        <v>195</v>
      </c>
      <c r="AO37" s="280">
        <v>108</v>
      </c>
      <c r="AP37" s="280">
        <v>149</v>
      </c>
      <c r="AQ37" s="280">
        <v>209</v>
      </c>
      <c r="AR37" s="280">
        <v>40</v>
      </c>
      <c r="AS37" s="277">
        <v>701</v>
      </c>
      <c r="AT37" s="282">
        <v>757</v>
      </c>
      <c r="AU37" s="276">
        <v>0</v>
      </c>
      <c r="AV37" s="280">
        <v>0</v>
      </c>
      <c r="AW37" s="277">
        <v>0</v>
      </c>
      <c r="AX37" s="279">
        <v>0</v>
      </c>
      <c r="AY37" s="280">
        <v>1344</v>
      </c>
      <c r="AZ37" s="280">
        <v>1005</v>
      </c>
      <c r="BA37" s="280">
        <v>420</v>
      </c>
      <c r="BB37" s="280">
        <v>238</v>
      </c>
      <c r="BC37" s="280">
        <v>213</v>
      </c>
      <c r="BD37" s="281">
        <v>3220</v>
      </c>
      <c r="BE37" s="282">
        <v>3220</v>
      </c>
      <c r="BF37" s="276">
        <v>0</v>
      </c>
      <c r="BG37" s="280">
        <v>0</v>
      </c>
      <c r="BH37" s="277">
        <v>0</v>
      </c>
      <c r="BI37" s="279">
        <v>0</v>
      </c>
      <c r="BJ37" s="280">
        <v>499</v>
      </c>
      <c r="BK37" s="280">
        <v>171</v>
      </c>
      <c r="BL37" s="280">
        <v>113</v>
      </c>
      <c r="BM37" s="280">
        <v>95</v>
      </c>
      <c r="BN37" s="280">
        <v>2</v>
      </c>
      <c r="BO37" s="277">
        <v>880</v>
      </c>
      <c r="BP37" s="282">
        <v>880</v>
      </c>
      <c r="BQ37" s="276">
        <v>0</v>
      </c>
      <c r="BR37" s="280">
        <v>0</v>
      </c>
      <c r="BS37" s="277">
        <v>0</v>
      </c>
      <c r="BT37" s="279">
        <v>0</v>
      </c>
      <c r="BU37" s="280">
        <v>37</v>
      </c>
      <c r="BV37" s="280">
        <v>145</v>
      </c>
      <c r="BW37" s="280">
        <v>79</v>
      </c>
      <c r="BX37" s="280">
        <v>155</v>
      </c>
      <c r="BY37" s="280">
        <v>34</v>
      </c>
      <c r="BZ37" s="277">
        <v>450</v>
      </c>
      <c r="CA37" s="282">
        <v>450</v>
      </c>
      <c r="CB37" s="276">
        <v>0</v>
      </c>
      <c r="CC37" s="280">
        <v>10</v>
      </c>
      <c r="CD37" s="277">
        <v>10</v>
      </c>
      <c r="CE37" s="279">
        <v>0</v>
      </c>
      <c r="CF37" s="280">
        <v>14</v>
      </c>
      <c r="CG37" s="280">
        <v>4</v>
      </c>
      <c r="CH37" s="280">
        <v>7</v>
      </c>
      <c r="CI37" s="280">
        <v>14</v>
      </c>
      <c r="CJ37" s="280">
        <v>0</v>
      </c>
      <c r="CK37" s="277">
        <v>39</v>
      </c>
      <c r="CL37" s="282">
        <v>49</v>
      </c>
      <c r="CM37" s="276">
        <v>0</v>
      </c>
      <c r="CN37" s="280">
        <v>0</v>
      </c>
      <c r="CO37" s="277">
        <v>0</v>
      </c>
      <c r="CP37" s="279">
        <v>0</v>
      </c>
      <c r="CQ37" s="280">
        <v>0</v>
      </c>
      <c r="CR37" s="280">
        <v>0</v>
      </c>
      <c r="CS37" s="280">
        <v>0</v>
      </c>
      <c r="CT37" s="280">
        <v>0</v>
      </c>
      <c r="CU37" s="280">
        <v>0</v>
      </c>
      <c r="CV37" s="277">
        <v>0</v>
      </c>
      <c r="CW37" s="282">
        <v>0</v>
      </c>
      <c r="CX37" s="276">
        <v>0</v>
      </c>
      <c r="CY37" s="280">
        <v>0</v>
      </c>
      <c r="CZ37" s="277">
        <v>0</v>
      </c>
      <c r="DA37" s="279">
        <v>0</v>
      </c>
      <c r="DB37" s="280">
        <v>0</v>
      </c>
      <c r="DC37" s="280">
        <v>0</v>
      </c>
      <c r="DD37" s="280">
        <v>0</v>
      </c>
      <c r="DE37" s="280">
        <v>0</v>
      </c>
      <c r="DF37" s="280">
        <v>0</v>
      </c>
      <c r="DG37" s="277">
        <v>0</v>
      </c>
      <c r="DH37" s="282">
        <v>0</v>
      </c>
    </row>
    <row r="38" spans="2:112" ht="21" customHeight="1" x14ac:dyDescent="0.2">
      <c r="B38" s="261" t="s">
        <v>36</v>
      </c>
      <c r="C38" s="276">
        <v>0</v>
      </c>
      <c r="D38" s="280">
        <v>0</v>
      </c>
      <c r="E38" s="384">
        <v>0</v>
      </c>
      <c r="F38" s="279">
        <v>0</v>
      </c>
      <c r="G38" s="280">
        <v>653</v>
      </c>
      <c r="H38" s="280">
        <v>1299</v>
      </c>
      <c r="I38" s="280">
        <v>1379</v>
      </c>
      <c r="J38" s="280">
        <v>2759</v>
      </c>
      <c r="K38" s="280">
        <v>1324</v>
      </c>
      <c r="L38" s="281">
        <v>7414</v>
      </c>
      <c r="M38" s="282">
        <v>7414</v>
      </c>
      <c r="N38" s="276">
        <v>0</v>
      </c>
      <c r="O38" s="280">
        <v>0</v>
      </c>
      <c r="P38" s="277">
        <v>0</v>
      </c>
      <c r="Q38" s="279">
        <v>0</v>
      </c>
      <c r="R38" s="280">
        <v>16</v>
      </c>
      <c r="S38" s="280">
        <v>26</v>
      </c>
      <c r="T38" s="280">
        <v>12</v>
      </c>
      <c r="U38" s="280">
        <v>54</v>
      </c>
      <c r="V38" s="280">
        <v>51</v>
      </c>
      <c r="W38" s="277">
        <v>159</v>
      </c>
      <c r="X38" s="282">
        <v>159</v>
      </c>
      <c r="Y38" s="276">
        <v>91</v>
      </c>
      <c r="Z38" s="280">
        <v>190</v>
      </c>
      <c r="AA38" s="277">
        <v>281</v>
      </c>
      <c r="AB38" s="279">
        <v>0</v>
      </c>
      <c r="AC38" s="280">
        <v>636</v>
      </c>
      <c r="AD38" s="280">
        <v>527</v>
      </c>
      <c r="AE38" s="280">
        <v>278</v>
      </c>
      <c r="AF38" s="280">
        <v>378</v>
      </c>
      <c r="AG38" s="280">
        <v>320</v>
      </c>
      <c r="AH38" s="277">
        <v>2139</v>
      </c>
      <c r="AI38" s="282">
        <v>2420</v>
      </c>
      <c r="AJ38" s="276">
        <v>46</v>
      </c>
      <c r="AK38" s="280">
        <v>86</v>
      </c>
      <c r="AL38" s="277">
        <v>132</v>
      </c>
      <c r="AM38" s="279">
        <v>0</v>
      </c>
      <c r="AN38" s="280">
        <v>187</v>
      </c>
      <c r="AO38" s="280">
        <v>110</v>
      </c>
      <c r="AP38" s="280">
        <v>109</v>
      </c>
      <c r="AQ38" s="280">
        <v>59</v>
      </c>
      <c r="AR38" s="280">
        <v>66</v>
      </c>
      <c r="AS38" s="277">
        <v>531</v>
      </c>
      <c r="AT38" s="282">
        <v>663</v>
      </c>
      <c r="AU38" s="276">
        <v>0</v>
      </c>
      <c r="AV38" s="280">
        <v>0</v>
      </c>
      <c r="AW38" s="277">
        <v>0</v>
      </c>
      <c r="AX38" s="279">
        <v>0</v>
      </c>
      <c r="AY38" s="280">
        <v>726</v>
      </c>
      <c r="AZ38" s="280">
        <v>820</v>
      </c>
      <c r="BA38" s="280">
        <v>490</v>
      </c>
      <c r="BB38" s="280">
        <v>361</v>
      </c>
      <c r="BC38" s="280">
        <v>186</v>
      </c>
      <c r="BD38" s="281">
        <v>2583</v>
      </c>
      <c r="BE38" s="282">
        <v>2583</v>
      </c>
      <c r="BF38" s="276">
        <v>0</v>
      </c>
      <c r="BG38" s="280">
        <v>0</v>
      </c>
      <c r="BH38" s="277">
        <v>0</v>
      </c>
      <c r="BI38" s="279">
        <v>0</v>
      </c>
      <c r="BJ38" s="280">
        <v>212</v>
      </c>
      <c r="BK38" s="280">
        <v>196</v>
      </c>
      <c r="BL38" s="280">
        <v>121</v>
      </c>
      <c r="BM38" s="280">
        <v>19</v>
      </c>
      <c r="BN38" s="280">
        <v>18</v>
      </c>
      <c r="BO38" s="277">
        <v>566</v>
      </c>
      <c r="BP38" s="282">
        <v>566</v>
      </c>
      <c r="BQ38" s="276">
        <v>0</v>
      </c>
      <c r="BR38" s="280">
        <v>3</v>
      </c>
      <c r="BS38" s="277">
        <v>3</v>
      </c>
      <c r="BT38" s="279">
        <v>0</v>
      </c>
      <c r="BU38" s="280">
        <v>131</v>
      </c>
      <c r="BV38" s="280">
        <v>156</v>
      </c>
      <c r="BW38" s="280">
        <v>309</v>
      </c>
      <c r="BX38" s="280">
        <v>248</v>
      </c>
      <c r="BY38" s="280">
        <v>104</v>
      </c>
      <c r="BZ38" s="277">
        <v>948</v>
      </c>
      <c r="CA38" s="282">
        <v>951</v>
      </c>
      <c r="CB38" s="276">
        <v>0</v>
      </c>
      <c r="CC38" s="280">
        <v>0</v>
      </c>
      <c r="CD38" s="277">
        <v>0</v>
      </c>
      <c r="CE38" s="279">
        <v>0</v>
      </c>
      <c r="CF38" s="280">
        <v>0</v>
      </c>
      <c r="CG38" s="280">
        <v>0</v>
      </c>
      <c r="CH38" s="280">
        <v>0</v>
      </c>
      <c r="CI38" s="280">
        <v>15</v>
      </c>
      <c r="CJ38" s="280">
        <v>2</v>
      </c>
      <c r="CK38" s="277">
        <v>17</v>
      </c>
      <c r="CL38" s="282">
        <v>17</v>
      </c>
      <c r="CM38" s="276">
        <v>0</v>
      </c>
      <c r="CN38" s="280">
        <v>0</v>
      </c>
      <c r="CO38" s="277">
        <v>0</v>
      </c>
      <c r="CP38" s="279">
        <v>0</v>
      </c>
      <c r="CQ38" s="280">
        <v>0</v>
      </c>
      <c r="CR38" s="280">
        <v>0</v>
      </c>
      <c r="CS38" s="280">
        <v>0</v>
      </c>
      <c r="CT38" s="280">
        <v>0</v>
      </c>
      <c r="CU38" s="280">
        <v>0</v>
      </c>
      <c r="CV38" s="277">
        <v>0</v>
      </c>
      <c r="CW38" s="282">
        <v>0</v>
      </c>
      <c r="CX38" s="276">
        <v>0</v>
      </c>
      <c r="CY38" s="280">
        <v>0</v>
      </c>
      <c r="CZ38" s="277">
        <v>0</v>
      </c>
      <c r="DA38" s="279">
        <v>0</v>
      </c>
      <c r="DB38" s="280">
        <v>0</v>
      </c>
      <c r="DC38" s="280">
        <v>0</v>
      </c>
      <c r="DD38" s="280">
        <v>0</v>
      </c>
      <c r="DE38" s="280">
        <v>0</v>
      </c>
      <c r="DF38" s="280">
        <v>0</v>
      </c>
      <c r="DG38" s="277">
        <v>0</v>
      </c>
      <c r="DH38" s="282">
        <v>0</v>
      </c>
    </row>
    <row r="39" spans="2:112" ht="21" customHeight="1" thickBot="1" x14ac:dyDescent="0.25">
      <c r="B39" s="262" t="s">
        <v>37</v>
      </c>
      <c r="C39" s="283">
        <v>0</v>
      </c>
      <c r="D39" s="287">
        <v>0</v>
      </c>
      <c r="E39" s="385">
        <v>0</v>
      </c>
      <c r="F39" s="286">
        <v>0</v>
      </c>
      <c r="G39" s="287">
        <v>22</v>
      </c>
      <c r="H39" s="287">
        <v>56</v>
      </c>
      <c r="I39" s="287">
        <v>36</v>
      </c>
      <c r="J39" s="287">
        <v>40</v>
      </c>
      <c r="K39" s="287">
        <v>168</v>
      </c>
      <c r="L39" s="288">
        <v>322</v>
      </c>
      <c r="M39" s="289">
        <v>322</v>
      </c>
      <c r="N39" s="283">
        <v>0</v>
      </c>
      <c r="O39" s="287">
        <v>0</v>
      </c>
      <c r="P39" s="284">
        <v>0</v>
      </c>
      <c r="Q39" s="286">
        <v>0</v>
      </c>
      <c r="R39" s="287">
        <v>0</v>
      </c>
      <c r="S39" s="287">
        <v>0</v>
      </c>
      <c r="T39" s="287">
        <v>0</v>
      </c>
      <c r="U39" s="287">
        <v>0</v>
      </c>
      <c r="V39" s="287">
        <v>0</v>
      </c>
      <c r="W39" s="284">
        <v>0</v>
      </c>
      <c r="X39" s="289">
        <v>0</v>
      </c>
      <c r="Y39" s="283">
        <v>4</v>
      </c>
      <c r="Z39" s="287">
        <v>6</v>
      </c>
      <c r="AA39" s="284">
        <v>10</v>
      </c>
      <c r="AB39" s="286">
        <v>0</v>
      </c>
      <c r="AC39" s="287">
        <v>11</v>
      </c>
      <c r="AD39" s="287">
        <v>26</v>
      </c>
      <c r="AE39" s="287">
        <v>5</v>
      </c>
      <c r="AF39" s="287">
        <v>24</v>
      </c>
      <c r="AG39" s="287">
        <v>4</v>
      </c>
      <c r="AH39" s="284">
        <v>70</v>
      </c>
      <c r="AI39" s="289">
        <v>80</v>
      </c>
      <c r="AJ39" s="283">
        <v>0</v>
      </c>
      <c r="AK39" s="287">
        <v>0</v>
      </c>
      <c r="AL39" s="284">
        <v>0</v>
      </c>
      <c r="AM39" s="286">
        <v>0</v>
      </c>
      <c r="AN39" s="287">
        <v>0</v>
      </c>
      <c r="AO39" s="287">
        <v>15</v>
      </c>
      <c r="AP39" s="287">
        <v>8</v>
      </c>
      <c r="AQ39" s="287">
        <v>25</v>
      </c>
      <c r="AR39" s="287">
        <v>0</v>
      </c>
      <c r="AS39" s="284">
        <v>48</v>
      </c>
      <c r="AT39" s="289">
        <v>48</v>
      </c>
      <c r="AU39" s="283">
        <v>0</v>
      </c>
      <c r="AV39" s="287">
        <v>0</v>
      </c>
      <c r="AW39" s="284">
        <v>0</v>
      </c>
      <c r="AX39" s="286">
        <v>0</v>
      </c>
      <c r="AY39" s="287">
        <v>47</v>
      </c>
      <c r="AZ39" s="287">
        <v>70</v>
      </c>
      <c r="BA39" s="287">
        <v>77</v>
      </c>
      <c r="BB39" s="287">
        <v>18</v>
      </c>
      <c r="BC39" s="287">
        <v>8</v>
      </c>
      <c r="BD39" s="288">
        <v>220</v>
      </c>
      <c r="BE39" s="289">
        <v>220</v>
      </c>
      <c r="BF39" s="283">
        <v>0</v>
      </c>
      <c r="BG39" s="287">
        <v>0</v>
      </c>
      <c r="BH39" s="284">
        <v>0</v>
      </c>
      <c r="BI39" s="286">
        <v>0</v>
      </c>
      <c r="BJ39" s="287">
        <v>45</v>
      </c>
      <c r="BK39" s="287">
        <v>8</v>
      </c>
      <c r="BL39" s="287">
        <v>32</v>
      </c>
      <c r="BM39" s="287">
        <v>21</v>
      </c>
      <c r="BN39" s="287">
        <v>0</v>
      </c>
      <c r="BO39" s="284">
        <v>106</v>
      </c>
      <c r="BP39" s="289">
        <v>106</v>
      </c>
      <c r="BQ39" s="283">
        <v>0</v>
      </c>
      <c r="BR39" s="287">
        <v>0</v>
      </c>
      <c r="BS39" s="284">
        <v>0</v>
      </c>
      <c r="BT39" s="286">
        <v>0</v>
      </c>
      <c r="BU39" s="287">
        <v>9</v>
      </c>
      <c r="BV39" s="287">
        <v>0</v>
      </c>
      <c r="BW39" s="287">
        <v>47</v>
      </c>
      <c r="BX39" s="287">
        <v>15</v>
      </c>
      <c r="BY39" s="287">
        <v>5</v>
      </c>
      <c r="BZ39" s="284">
        <v>76</v>
      </c>
      <c r="CA39" s="289">
        <v>76</v>
      </c>
      <c r="CB39" s="283">
        <v>0</v>
      </c>
      <c r="CC39" s="287">
        <v>0</v>
      </c>
      <c r="CD39" s="284">
        <v>0</v>
      </c>
      <c r="CE39" s="286">
        <v>0</v>
      </c>
      <c r="CF39" s="287">
        <v>0</v>
      </c>
      <c r="CG39" s="287">
        <v>0</v>
      </c>
      <c r="CH39" s="287">
        <v>0</v>
      </c>
      <c r="CI39" s="287">
        <v>0</v>
      </c>
      <c r="CJ39" s="287">
        <v>2</v>
      </c>
      <c r="CK39" s="284">
        <v>2</v>
      </c>
      <c r="CL39" s="289">
        <v>2</v>
      </c>
      <c r="CM39" s="283">
        <v>0</v>
      </c>
      <c r="CN39" s="287">
        <v>0</v>
      </c>
      <c r="CO39" s="284">
        <v>0</v>
      </c>
      <c r="CP39" s="286">
        <v>0</v>
      </c>
      <c r="CQ39" s="287">
        <v>0</v>
      </c>
      <c r="CR39" s="287">
        <v>0</v>
      </c>
      <c r="CS39" s="287">
        <v>0</v>
      </c>
      <c r="CT39" s="287">
        <v>0</v>
      </c>
      <c r="CU39" s="287">
        <v>0</v>
      </c>
      <c r="CV39" s="284">
        <v>0</v>
      </c>
      <c r="CW39" s="289">
        <v>0</v>
      </c>
      <c r="CX39" s="283">
        <v>0</v>
      </c>
      <c r="CY39" s="287">
        <v>0</v>
      </c>
      <c r="CZ39" s="284">
        <v>0</v>
      </c>
      <c r="DA39" s="286">
        <v>0</v>
      </c>
      <c r="DB39" s="287">
        <v>0</v>
      </c>
      <c r="DC39" s="287">
        <v>0</v>
      </c>
      <c r="DD39" s="287">
        <v>0</v>
      </c>
      <c r="DE39" s="287">
        <v>0</v>
      </c>
      <c r="DF39" s="287">
        <v>0</v>
      </c>
      <c r="DG39" s="284">
        <v>0</v>
      </c>
      <c r="DH39" s="289">
        <v>0</v>
      </c>
    </row>
    <row r="40" spans="2:112" ht="27" customHeight="1" x14ac:dyDescent="0.2">
      <c r="C40" s="255" t="s">
        <v>127</v>
      </c>
    </row>
  </sheetData>
  <mergeCells count="43">
    <mergeCell ref="CX3:DH3"/>
    <mergeCell ref="CX4:CZ4"/>
    <mergeCell ref="DA4:DG4"/>
    <mergeCell ref="DH4:DH5"/>
    <mergeCell ref="B3:B5"/>
    <mergeCell ref="C3:M3"/>
    <mergeCell ref="C4:E4"/>
    <mergeCell ref="F4:L4"/>
    <mergeCell ref="M4:M5"/>
    <mergeCell ref="BE4:BE5"/>
    <mergeCell ref="N4:P4"/>
    <mergeCell ref="Q4:W4"/>
    <mergeCell ref="X4:X5"/>
    <mergeCell ref="Y4:AA4"/>
    <mergeCell ref="AB4:AH4"/>
    <mergeCell ref="AI4:AI5"/>
    <mergeCell ref="AJ4:AL4"/>
    <mergeCell ref="AM4:AS4"/>
    <mergeCell ref="AT4:AT5"/>
    <mergeCell ref="AU4:AW4"/>
    <mergeCell ref="AX4:BD4"/>
    <mergeCell ref="CW4:CW5"/>
    <mergeCell ref="BF4:BH4"/>
    <mergeCell ref="BI4:BO4"/>
    <mergeCell ref="BP4:BP5"/>
    <mergeCell ref="BQ4:BS4"/>
    <mergeCell ref="BT4:BZ4"/>
    <mergeCell ref="CA4:CA5"/>
    <mergeCell ref="CB4:CD4"/>
    <mergeCell ref="CE4:CK4"/>
    <mergeCell ref="CL4:CL5"/>
    <mergeCell ref="CM4:CO4"/>
    <mergeCell ref="CP4:CV4"/>
    <mergeCell ref="J1:K1"/>
    <mergeCell ref="M1:N1"/>
    <mergeCell ref="CB3:CL3"/>
    <mergeCell ref="CM3:CW3"/>
    <mergeCell ref="N3:X3"/>
    <mergeCell ref="Y3:AI3"/>
    <mergeCell ref="AJ3:AT3"/>
    <mergeCell ref="AU3:BE3"/>
    <mergeCell ref="BF3:BP3"/>
    <mergeCell ref="BQ3:CA3"/>
  </mergeCells>
  <phoneticPr fontId="4"/>
  <pageMargins left="0.70866141732283472" right="0.70866141732283472" top="0.47244094488188981" bottom="0.59055118110236227" header="0.27559055118110237" footer="0.31496062992125984"/>
  <pageSetup paperSize="9" scale="60" orientation="landscape" r:id="rId1"/>
  <headerFooter>
    <oddFooter>&amp;L&amp;20&amp;A&amp;C&amp;P/&amp;N</oddFooter>
  </headerFooter>
  <colBreaks count="4" manualBreakCount="4">
    <brk id="24" max="39" man="1"/>
    <brk id="46" max="39" man="1"/>
    <brk id="68" max="1048575" man="1"/>
    <brk id="90" max="1048575" man="1"/>
  </colBreaks>
</worksheet>
</file>

<file path=docProps/app.xml><?xml version="1.0" encoding="utf-8"?>
<Properties xmlns="http://schemas.openxmlformats.org/officeDocument/2006/extended-properties" xmlns:vt="http://schemas.openxmlformats.org/officeDocument/2006/docPropsVTypes">
  <Application>Microsoft Excel</Application>
  <DocSecurity>2</DocSecurity>
  <ScaleCrop>false</ScaleCrop>
  <HeadingPairs>
    <vt:vector size="4" baseType="variant">
      <vt:variant>
        <vt:lpstr>ワークシート</vt:lpstr>
      </vt:variant>
      <vt:variant>
        <vt:i4>25</vt:i4>
      </vt:variant>
      <vt:variant>
        <vt:lpstr>名前付き一覧</vt:lpstr>
      </vt:variant>
      <vt:variant>
        <vt:i4>22</vt:i4>
      </vt:variant>
    </vt:vector>
  </HeadingPairs>
  <TitlesOfParts>
    <vt:vector size="47" baseType="lpstr">
      <vt:lpstr>第１表</vt:lpstr>
      <vt:lpstr>第２-1表</vt:lpstr>
      <vt:lpstr>第２-2表</vt:lpstr>
      <vt:lpstr>第２-3表</vt:lpstr>
      <vt:lpstr>第３-1表</vt:lpstr>
      <vt:lpstr>第３-2-1表</vt:lpstr>
      <vt:lpstr>第３-2-2表</vt:lpstr>
      <vt:lpstr>第３-2-3表 </vt:lpstr>
      <vt:lpstr>第3-3-1表</vt:lpstr>
      <vt:lpstr>第3-3-2表</vt:lpstr>
      <vt:lpstr>第3-3-3表 </vt:lpstr>
      <vt:lpstr>第４-1表</vt:lpstr>
      <vt:lpstr>第4-2-1表</vt:lpstr>
      <vt:lpstr>第4-2-2表</vt:lpstr>
      <vt:lpstr>第4-2-3表</vt:lpstr>
      <vt:lpstr>第4-3-1表</vt:lpstr>
      <vt:lpstr>第4-3-2表</vt:lpstr>
      <vt:lpstr>第4-3-3表</vt:lpstr>
      <vt:lpstr>第5-1表</vt:lpstr>
      <vt:lpstr>第5-2表</vt:lpstr>
      <vt:lpstr>第5-3表</vt:lpstr>
      <vt:lpstr>第６-1表</vt:lpstr>
      <vt:lpstr>第６-2表</vt:lpstr>
      <vt:lpstr>第６-3表 </vt:lpstr>
      <vt:lpstr>第7表</vt:lpstr>
      <vt:lpstr>第１表!Print_Area</vt:lpstr>
      <vt:lpstr>'第２-1表'!Print_Area</vt:lpstr>
      <vt:lpstr>'第２-2表'!Print_Area</vt:lpstr>
      <vt:lpstr>'第２-3表'!Print_Area</vt:lpstr>
      <vt:lpstr>'第3-3-1表'!Print_Area</vt:lpstr>
      <vt:lpstr>'第3-3-2表'!Print_Area</vt:lpstr>
      <vt:lpstr>'第3-3-3表 '!Print_Area</vt:lpstr>
      <vt:lpstr>'第２-1表'!Print_Titles</vt:lpstr>
      <vt:lpstr>'第２-2表'!Print_Titles</vt:lpstr>
      <vt:lpstr>'第２-3表'!Print_Titles</vt:lpstr>
      <vt:lpstr>'第３-1表'!Print_Titles</vt:lpstr>
      <vt:lpstr>'第３-2-1表'!Print_Titles</vt:lpstr>
      <vt:lpstr>'第３-2-2表'!Print_Titles</vt:lpstr>
      <vt:lpstr>'第３-2-3表 '!Print_Titles</vt:lpstr>
      <vt:lpstr>'第４-1表'!Print_Titles</vt:lpstr>
      <vt:lpstr>'第5-1表'!Print_Titles</vt:lpstr>
      <vt:lpstr>'第5-2表'!Print_Titles</vt:lpstr>
      <vt:lpstr>'第5-3表'!Print_Titles</vt:lpstr>
      <vt:lpstr>'第６-1表'!Print_Titles</vt:lpstr>
      <vt:lpstr>'第６-2表'!Print_Titles</vt:lpstr>
      <vt:lpstr>'第６-3表 '!Print_Titles</vt:lpstr>
      <vt:lpstr>第7表!Print_Titles</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高齢福祉課</dc:creator>
  <cp:lastModifiedBy>user</cp:lastModifiedBy>
  <cp:lastPrinted>2018-02-09T04:02:40Z</cp:lastPrinted>
  <dcterms:created xsi:type="dcterms:W3CDTF">2008-02-08T04:23:07Z</dcterms:created>
  <dcterms:modified xsi:type="dcterms:W3CDTF">2023-05-17T07:45:05Z</dcterms:modified>
</cp:coreProperties>
</file>